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801"/>
  <workbookPr defaultThemeVersion="166925"/>
  <mc:AlternateContent xmlns:mc="http://schemas.openxmlformats.org/markup-compatibility/2006">
    <mc:Choice Requires="x15">
      <x15ac:absPath xmlns:x15ac="http://schemas.microsoft.com/office/spreadsheetml/2010/11/ac" url="\\sfp.idir.bcgov\s127\S27013\Curriculum Secure\7. K-12 Student Reporting Policy (SRP) Project\8. Education &amp; Engagement\Public Feedback &amp; Engagement\WWHR\Data\"/>
    </mc:Choice>
  </mc:AlternateContent>
  <xr:revisionPtr revIDLastSave="0" documentId="13_ncr:1_{D14CA784-7E72-417C-92E8-2B19B29AF83C}" xr6:coauthVersionLast="46" xr6:coauthVersionMax="46" xr10:uidLastSave="{00000000-0000-0000-0000-000000000000}"/>
  <bookViews>
    <workbookView xWindow="12" yWindow="12" windowWidth="23016" windowHeight="12336" xr2:uid="{00000000-000D-0000-FFFF-FFFF00000000}"/>
  </bookViews>
  <sheets>
    <sheet name="20211106 Nov 6 Data Drop" sheetId="1" r:id="rId1"/>
  </sheets>
  <calcPr calcId="0"/>
</workbook>
</file>

<file path=xl/sharedStrings.xml><?xml version="1.0" encoding="utf-8"?>
<sst xmlns="http://schemas.openxmlformats.org/spreadsheetml/2006/main" count="23786" uniqueCount="23197">
  <si>
    <t>Response ID</t>
  </si>
  <si>
    <t>What is the primary language spoken in your home? [Other]</t>
  </si>
  <si>
    <t>What are some reasons for your choice above?</t>
  </si>
  <si>
    <t>If you could change one part of the proposed K-12 Student Reporting Policy, what would it be? (select one) [Other]</t>
  </si>
  <si>
    <t>No</t>
  </si>
  <si>
    <t xml:space="preserve">I want regular, written report cards at least 3 times in the year. </t>
  </si>
  <si>
    <t xml:space="preserve">I want more information provided to parents about how to interpret this scale. </t>
  </si>
  <si>
    <t xml:space="preserve">Some consistency here is a good thing. </t>
  </si>
  <si>
    <t>NA</t>
  </si>
  <si>
    <t xml:space="preserve">I think less is more. If we have a written report, two conversations or three way conferences and then final report that is sufficient in elementary. </t>
  </si>
  <si>
    <t xml:space="preserve">I feel a five point scale is much easier to provide feedback parents understand. Four is too broad. </t>
  </si>
  <si>
    <t xml:space="preserve">This is not something students find beneficial at all. It is meaningless to them. Most parents don’t even read it. </t>
  </si>
  <si>
    <t xml:space="preserve">Unless more funding is coming to support this it is not going to actually happen </t>
  </si>
  <si>
    <t>I would like to see more information about the proficiency scale. How does the word "extending" differ from an A+? I know they are not equal, but how can one infer more information from "extending" vs A+? They both do not provide a lot of information.</t>
  </si>
  <si>
    <t>Until post-secondary schools around the globe update how they admit students into their schools, the BC government should maintain the current approach of providing grades for the graduating years. It would be a disadvantage otherwise.</t>
  </si>
  <si>
    <t>I think this might be problematic for students and parents if a student were to receives a B- in a course, but an "proficient" on the proficiency scale. If a parent asked to have proof of proficiency,  the teacher would need to be able provide evidence of student work.</t>
  </si>
  <si>
    <t xml:space="preserve">I think the psychology of this encourages students to participate in their learning, where as grades assign a judgment. Self-assessment/exploration is vital to a growth mindset. </t>
  </si>
  <si>
    <t>Great, consider providing examples of what this looks like.</t>
  </si>
  <si>
    <t>I don't really feel as if I need both proficiency and grades and percentages. The reality is that kids even before grade 10, really love getting actual grades so I think you could make this move even sooner.</t>
  </si>
  <si>
    <t xml:space="preserve">alignment across k-9 is useful, will lend to more use of updated performance scales. </t>
  </si>
  <si>
    <t>no change in the order will result in reduced or no change in practice in 10-12</t>
  </si>
  <si>
    <t>glad it is included and hope that it leads to a future order where it is the expectation rather than the "may be included"</t>
  </si>
  <si>
    <t xml:space="preserve">Very pleased this is across the whole year. Practice in some cases in the past was to rush through in the spring to complete core competency assessments to have them ready for June report card. This will lead to reflection on growth rather than being a compliance activity. </t>
  </si>
  <si>
    <t xml:space="preserve">Happy to see the change. I expect that some districts may need some support in the transition. </t>
  </si>
  <si>
    <t>It would be nice to change the practices in grade 10-12 which have been predicated on post-secondary entrance rather than learning needs of students. The change in the reporting order would have provided an opportunity to make the changes. A focus on learning rather than a colonial sorting mechanism</t>
  </si>
  <si>
    <t>It is really not a clear way to communicate with parents. It has no real meaning. Although the whole goal seems to be to remove grading, this is just a substitute for A, B, C, etc and not even a meaningful one for parents.</t>
  </si>
  <si>
    <t>I am extremely happy that we are not going down the same road as K-9.  There is nothing wrong with grading and marks.</t>
  </si>
  <si>
    <t>Get rid of the proficiency scale. It is really not at all appropriate for secondary students.</t>
  </si>
  <si>
    <t>Students are not at all trained to assess and the core competencies are not a positive addition to BC education. In fact, the new curriculum is a disaster.</t>
  </si>
  <si>
    <t>Not appropriate for students to have to do this for all classes. It is not a meaningful addition to the curriculum. Student self-assessment is not valid.</t>
  </si>
  <si>
    <t>There is a real lack of support for students with diverse abilities. The expectation that teachers will tailor-make everything for all students in a class of 30 (and 7 classes) is inexcusable. Full Inclusion is a laudable goal, but without expansive supports in place, it is cruel and exclusionary.</t>
  </si>
  <si>
    <t>Toss it all</t>
  </si>
  <si>
    <t>The new curriculum is not working for students or teachers. Since this new reporting &amp; assessment policy is based on it, it too is terrible. Get rid of the BC Liberals garbage curriculum and replace it with a knowledge-rich curriculum. You can't have the core competencies without content.</t>
  </si>
  <si>
    <t xml:space="preserve">Way more work for teachers </t>
  </si>
  <si>
    <t xml:space="preserve">Way more work for teachers and students can’t self-reflect in the primary years. Introduce this in intermediate grades. </t>
  </si>
  <si>
    <t xml:space="preserve">Way more work for teachers and primary students can’t understand goal setting. Introduce this in intermediate grades. </t>
  </si>
  <si>
    <t>Young students can’t set appropriate goals</t>
  </si>
  <si>
    <t>I think that parents need frequent updates on the progress of their child.  In addition, benchmarks throughout the year give teachers a chance to reflect on student progress.</t>
  </si>
  <si>
    <t xml:space="preserve">In a time when we are trying to show growth and encourage differentiated instruction, I believe this is a detriment to the learning progress.  This scale is appropriate as a summative assessment but is not very valuable as a tool to explain growth of a learner. </t>
  </si>
  <si>
    <t>I think that requiring letter grades and percentages because post secondary require it is short sighted.  Reporting in this way is valuable to those students who are going to carry on to universities etc.  Will there be alternative ways to graduate if that is not a student's desire?</t>
  </si>
  <si>
    <t>I think that it is a redundant reporting, however, I have never reported at this level before.</t>
  </si>
  <si>
    <t>I think that self evaluation is very important to the learning process.</t>
  </si>
  <si>
    <t>I think that this is far more valuable than having a teacher report on a proficiency scale through out the year.  Can these two things be combined into the formative written assessments.  A discussion about how a child is growing in more valuable than a proficiency scale.</t>
  </si>
  <si>
    <t>All students are growing and can be reported as such.  However, if a profiency scale is used all year, how is a constant immerging informing parents of this growth.  This puts pressure on a teacher to keep teaching to the middle instead of a where a child is at.</t>
  </si>
  <si>
    <t>We are moving in the right direction, however a profiency scale is only useful at the end of learning, not during learning.</t>
  </si>
  <si>
    <t>This constant reporting takes away from teaching time and planning for my diverse classroom. Having an interim report (October), and formal reporting (Feb, Jun) would be a better use of my time. Using new CSL report cards, each report card takes between 15-30 minutes.</t>
  </si>
  <si>
    <t>The word Extending is too strong. Emerging, Developing, Refining and Proficient are better choices.</t>
  </si>
  <si>
    <t>Significant work needs to be done to make the vocabulary of these competencies student friendly. They are too wordy and vague in concept.</t>
  </si>
  <si>
    <t>Good teaching practices are already doing this.</t>
  </si>
  <si>
    <t>More direction needs to be given from the districts and province of how to do this. My classroom is very diverse which means I am reporting on up to 16 different learning goals and objectives.</t>
  </si>
  <si>
    <t>This is the same as what we have right now, except with the change of name from 'report card' to 'learning updates.' I understand the reason for this change, but everyone will continue to call them 'report cards' and extra resources (time/money) will be required to explain the change in name.</t>
  </si>
  <si>
    <t xml:space="preserve">Nobody understands the proficiency scales, there are not enough resources available to support their consistent use. </t>
  </si>
  <si>
    <t>This is the same as it's always been. Courage and conviction is necessary to make a needed change in this area.</t>
  </si>
  <si>
    <t xml:space="preserve">If 10-12 staff can still use grades and percentages, they will continue to ignore the proficiency scales. </t>
  </si>
  <si>
    <t>This needs a thorough explanation of how/why/when for grades 9-12.</t>
  </si>
  <si>
    <t xml:space="preserve">Teachers do this, when appropriate, in the classrooms. This is also a part of the Social Studies, PHE, and Careers curriculum. </t>
  </si>
  <si>
    <t xml:space="preserve">This is language soup and doesn't really explain anything. </t>
  </si>
  <si>
    <t>Prefer not to say</t>
  </si>
  <si>
    <t>Written reports are massively time consuming.  No time is currently provided to teachers for preparing this type of report.  Further, parents want to know where their child stands with respect to their level of comprehension.  Written reports do not substitute a letter grade.</t>
  </si>
  <si>
    <t>Very subjective and does not give a clear picture of student ability.  Parents don't understand that emerging means failing or that developing means barely passing.</t>
  </si>
  <si>
    <t>Makes sense, parents understand it.  Another consideration is that grade 8 and 9 are often including in a high school setting, but will have different grading requirements under this plan.</t>
  </si>
  <si>
    <t>See previous explanations.</t>
  </si>
  <si>
    <t>While I understand the rationale behind self assessment, I find that excelling students under rate themselves and under achieving students significantly over rate themselves.</t>
  </si>
  <si>
    <t xml:space="preserve">"Such goals encourage student ownership over learning and may include personal, educational, or career-related contexts."  According to who?  What study?  Please provide evidence of this claim that has been peer reviewed. </t>
  </si>
  <si>
    <t>Students on an IEP receive feedback based upon a plan developed by people who don't teach the class.  I often find I am reporting on criteria that makes no sense for the subject I teach.</t>
  </si>
  <si>
    <t>If it's existing policy, it doesn't matter that it is being continued. If you are CHANGING this, I do not want MORE reports - Current report cards are SO wordy and full of nonsense, I do not want to have to read more.  I am interested in how my kid is doing, not what you are teaching.</t>
  </si>
  <si>
    <t>This is meaningless to the world.  I am only going to interpret Extending as an A, Proficient as a B, Developing as a C and Emerging as a borderline Fail. Emerging implies that there is -something- being accomplished.  If my kid is doing zero, give my kid zero, and have them repeat.</t>
  </si>
  <si>
    <t>Change for the sake of change isn't always good.  If Education has done anything over the years, it's change all over the place, but not really get GOOD at what it does. Stop changing, and just build a solid education system that MEANS something to the workplace these kids transfer into.</t>
  </si>
  <si>
    <t>Kids don't care. Kids don't really know themselves. Kids will way what they THINK is real and true, but they are often out of touch with reality.  The majority of kids do not take this seriously, so then why bother?</t>
  </si>
  <si>
    <t>The top 10% are good at goal setting. The rest are not so good. There is a significant number of kids who just want to jump a hoop, and are not at all passionate about their learning, and a number of kids who just plain cannot plan, or set goals, or self-evaluate.</t>
  </si>
  <si>
    <t xml:space="preserve">I totally believe this is important, but.... Are you going to provide resources to the teachers to accomplish this? Especially elementary school teachers? Are you going to reduce classroom sizes to make this achievable, or are you going to stuff classes super full? </t>
  </si>
  <si>
    <t>A proficiency scale is meaningless to me. I've gotten them with all my kids all through elementary and middle school, and I hate them; they don't tell me anything - and a "self-assessment" is even worse: I don't care what my kid thinks, I want to know what the teacher sees.</t>
  </si>
  <si>
    <t xml:space="preserve">This is not useful for the younger students grade k-3. </t>
  </si>
  <si>
    <t xml:space="preserve">I would like to see fewer/no formal written reports and more informal check-ins (alternatively, substitute reporting events for conferences and digital portfolios). This would encourage ongoing feedback and reflection that is student-centred. </t>
  </si>
  <si>
    <t>We are already using this structure in our school and it is helping students and parents see that learning is continuous and focused on growth. However, students often still view these levels as equivalent to "D", "C", "B", and "A". This is an issue.</t>
  </si>
  <si>
    <t>I personally don't agree with grades and their potential to limit student learning or place students in "boxes". However, until post-secondary changes, I'm not sure what the answer is.</t>
  </si>
  <si>
    <t>This will help align assessment from K-12.</t>
  </si>
  <si>
    <t xml:space="preserve">This is a piece that is missing from our current system. It will be key in putting students at the centre of their learning. </t>
  </si>
  <si>
    <t>Type of reporting (make it more fluid and student-driven)</t>
  </si>
  <si>
    <t>I want to see grades on my child's report card so I can see what their level of comprehension is.</t>
  </si>
  <si>
    <t>Gives a clear picture of my child's progress and understanding.</t>
  </si>
  <si>
    <t>This is very subjective and not helpful.</t>
  </si>
  <si>
    <t>I actually want to know what my kid knows, I don't care what they think they know!</t>
  </si>
  <si>
    <t>Goals based on what?  What a waste of time!</t>
  </si>
  <si>
    <t>Assessment and evaluation for diverse/disabled students should be significantly different, based upon their abilities/needs.</t>
  </si>
  <si>
    <t>Bring back grades!</t>
  </si>
  <si>
    <t>Too similar to what is already in place. Doesn't lend to institutional change that needs to occur.</t>
  </si>
  <si>
    <t xml:space="preserve">We use approaching, acquiring, developing, refining and proficient.  These have worked well for us. </t>
  </si>
  <si>
    <t>Does not acknowledge the growth in the new reporting methodology. This simply allows university workers to remain in the current state rather than being engaged in improving reporting methodology. There is way more to a student than grades and percentages.</t>
  </si>
  <si>
    <t xml:space="preserve">There shouldn't be a requirement for 5 reports during a school year. Way too much work. Currently, we are using an alternative reporting process and it takes 10 hours to complete data input into an excel spreadsheet. 
</t>
  </si>
  <si>
    <t>It is extremely inappropriate for students at the grade 9 level to not receive a letter grade and/or percentage. It's not preparing students for high school or giving an accurate assessment. Has anybody actually asked students and parents during this process or is it just being driven by "experts".</t>
  </si>
  <si>
    <t>Removing letter grades and percentages will demotivate many students. Please stop ruining the BC education system.</t>
  </si>
  <si>
    <t>It's pandora's box... next step... eliminate grades altogether. Do you deny that is where all this is heading?</t>
  </si>
  <si>
    <t>I don't really think this needs to be a part of formal reporting. In fact, it's mostly a joke in most schools I've worked in. This gets put into presentations of learning at the end of the school year. This policy shoulds good but it's meaningless.</t>
  </si>
  <si>
    <t>Do parents need to see student goal setting on report cards?</t>
  </si>
  <si>
    <t>Of course. Not sure why this is even included.</t>
  </si>
  <si>
    <t>Removing grades from schools is a terrible path forward.</t>
  </si>
  <si>
    <t>Yes</t>
  </si>
  <si>
    <t>This is a significant workload increase for secondary teachers. The implication is previous reporting methods were not meaningful.  Proposed changes to enhance reporting will require more time. Without additional paid time alloted, teachers will only do what they can.  This policy will defeat itself</t>
  </si>
  <si>
    <t>A 4 point scale is lazy assessment.  A 10 point scale would provide clarity &amp; ease the transition to %s in 10-12. At least consider a 6 point scale: Hi &amp; low levels for emerging, developing &amp; proficient. Extending is used inconsistently (my experience from Elem reports). This survey uses 6 options!</t>
  </si>
  <si>
    <t>The %  &amp; grades are more universal.  BUT- in all of this progressive policy and change, WHY are we using 50/60/67/73/86 for grades?  It is rediculously outdated.  Why not improve clarity with province-wide 50/60/70/80/90? Equal range for each letter grade?  Please fix this!</t>
  </si>
  <si>
    <t xml:space="preserve">By offering options, you are introducing inconsistency across 10-12. If you are making policy- make one.  Do not introduce options which will confuse parents when their kid's report card has many styles used. The 4 point scale is NOT descriptive enough for rigourous learning. </t>
  </si>
  <si>
    <t xml:space="preserve">Student self reporting is rarely done well.  There needs to be a consistent and clear self assessment reporting tool.  </t>
  </si>
  <si>
    <t>Great in theory, rarely well executed.  Buy-in &amp; goals are important, but this adds a layer of complexity to the reporting process that many will not meanigfully engage in. Student goal setting should happen AFTER the assessment. Doing it prior to the assessment is just metacognition. Leave it out.</t>
  </si>
  <si>
    <t xml:space="preserve">If every child will be assessed on an individual scale,  why have a scale? If proficient is different for each kid, then teachers are just writing IEP reports. We make adaptations on the ground, all the time &amp; value inclusion, but reporting is about the student's progress relative to the outcomes.  </t>
  </si>
  <si>
    <t>Deliberately casuing inconsistency and confusion by promoting two different assessment models is either madness or the first step in making the new one policy. Pick one, stand by it.</t>
  </si>
  <si>
    <t xml:space="preserve">As an educator I feel that too much of my time is spent on reporting, when this same time could be better used to support learners and create differentiated learning opportunities to meet their needs. </t>
  </si>
  <si>
    <t>Currently, a wide range of reporting styles (letter, grades, portfolios etc.) exists. This makes it confusing for teachers, caregivers and learners. We need a single unified system, however I feel that portfolios accessible by caregivers provide a much more accurate depiction of student achievement.</t>
  </si>
  <si>
    <t xml:space="preserve">I believe these should be used, however it is also a complete disservice to students to have them learn under one system of reporting until grade 9 and then entirely switch for what are arguably the most important years in terms of their access to post secondary education. </t>
  </si>
  <si>
    <t xml:space="preserve">Most teachers already incorporate the language based proficiency standards into their assessment practices. </t>
  </si>
  <si>
    <t xml:space="preserve">Please see my above comments related to the proficiency scale. </t>
  </si>
  <si>
    <t xml:space="preserve">I like that the two reporting updates during the school year can be done digitally. </t>
  </si>
  <si>
    <t xml:space="preserve">Parents will have the same scale throughout their child's schooling. I am also very happy to be moving away from letter grades. </t>
  </si>
  <si>
    <t xml:space="preserve">I feel a proficiency scale encourages students to extend their learning. Letter grades are final. </t>
  </si>
  <si>
    <t>See last question</t>
  </si>
  <si>
    <t xml:space="preserve">This sounds great, I am interested in what this will actually look like. </t>
  </si>
  <si>
    <t xml:space="preserve">A summary of learning would not be needed for upper level grades as we give non-stop feedback to parents throughout the school year as it is.  </t>
  </si>
  <si>
    <t xml:space="preserve">While teachers/ educators understand these levels, parents do not understand and are not willing to educate themselves on the levels.  There needs to be a much clearer set of "grading" words used to show a students level of understanding.  Too many words to explain causes parents to disengage </t>
  </si>
  <si>
    <t xml:space="preserve">Grade levels are biased and inherently misunderstood - students and parents need a clearer set of examples to make their grades understood.  Too many parents expect an "A" student to be an "A" student no matter what and they are shocked when a student drops as a result of higher level courses </t>
  </si>
  <si>
    <t xml:space="preserve">Again, the proficiency scale is too wordy, and disengages students and parents from understanding it.  </t>
  </si>
  <si>
    <t>Students aren't being taught to self-evaluate effectively, therefore these "assessments" are useless under the current system.  Unless younger grades are taught to look at themselves in an objective manner and see that flaws/faults aren't an issue, but areas to work on, these pieces are irrelevant</t>
  </si>
  <si>
    <t>Our districts don't do anything to support diverse learning.  They would rather spend money on board members, upper level VP's of instruction and personal expenses than hire more CEA's, train their staff on teaching methods for diverse learning, or make classes available to those diverse learners.</t>
  </si>
  <si>
    <t>All of it needs an overhaul but the Ministry refuses to listen to the educators on the ground</t>
  </si>
  <si>
    <t>Ministry of Education talks a big talk about being inclusive and wanting what is best for our learners, however, they refuse to listen to the very people that have to implement these goals - the teachers.  Unless the Ministry is willing to listen, it will not work</t>
  </si>
  <si>
    <t>The statement of a MINIMUM of 5 reporting events. Teachers continue to provide quality feedback, use proficiency language and it is not this element of sending these reports/copies of what students see home that is the key transformative agent. Reflecting and conferencing with students is better.</t>
  </si>
  <si>
    <t xml:space="preserve">If you choose the proficiency scales, which I have used for many years now, REFINING is a marker that needs to be included. You will be lumping many students into developing or pushing them directly to proficient in the absence of this skill point. It will be inaccurate and TOO general. </t>
  </si>
  <si>
    <t>Why the shift again to letter grades and arbitrary percentages? The proficiency scales should be enough. k-9 and 10-12 need more continuity. With grades and percentages, you increase many teachers desire to use tests and points to determine and justify these percentages. Overall stress goes up!</t>
  </si>
  <si>
    <t>Yes, use the scales and students/parents can see the corresponding letter grade equivalent, but omit the percentages. These are damaging and should be replaced with the descriptive comments of student skill level.</t>
  </si>
  <si>
    <t xml:space="preserve">More work needs to be done here; year end grade 9 core competency reflection is rushed and students think it has no value. Regularly integrate this and don't attach or lump it into one day. This should more effectively be placed in their careers course and be a year long reflection. </t>
  </si>
  <si>
    <t xml:space="preserve">I'm hoping that students are given quality examples of this by the ministry. Too often teachers are expected to make this all up. </t>
  </si>
  <si>
    <t xml:space="preserve">I am wondering how it was thought that our previous reporting/assessment did not value this? This policy statement is vague and wordy-- needs specifc action/examples. </t>
  </si>
  <si>
    <t xml:space="preserve">A 4 point scale is too simplistic and there is too large of a gap between developing and proficient. Refining is the missing piece to this proficiency scale. Too many students will find themselves at developing when in fact many would be better described as refining. </t>
  </si>
  <si>
    <t>I am comfortable with the number of reports we currently do, I feel it provides sufficient information to parents as the year progresses.</t>
  </si>
  <si>
    <t>While this scale may be appropriate for certain grades and subjects, it does not necessarily work well for all subjects.  I teach science and Math in highschool (usually grade 8 to 10).  These subjects are more concrete in nature and the proficiency scale is far too objective as it stands right now.</t>
  </si>
  <si>
    <t>Again this system works well for some courses, but the proficiency scale might be better suited to other courses.  I do feel the scale is too subjective and generalized, it should be aligned with the curricular outcomes for each subject, with examples if necessary.</t>
  </si>
  <si>
    <t>Teachers should be allowed to choose one or the other, whichever works best for them.  The two systems do not necessarily align easily.</t>
  </si>
  <si>
    <t>This is already done, assessments are already adjusted or based on IEP's for students with diverse needs.</t>
  </si>
  <si>
    <t>Again I don't agree with making the proficiency scale mandatory for all subjects and grades.</t>
  </si>
  <si>
    <t xml:space="preserve">I already receive too 'self reflection' about my boys' education which seems to be unnecessary. I talk to my children and find that heir teachers provide a lot of information already throughout the year, that really, the report card isn't read by us because the information is already old/known      </t>
  </si>
  <si>
    <t>My boys' schools already use a five point scale with similar language. Acquiring, developing, refining, mastering, and extending. So, really it is a 4 point scale because rarely does a student extend. So, it would suggest that you are moving to a 3 point scale.</t>
  </si>
  <si>
    <t>Sounds like a big disconnect within the system once again. So, only the grades that require % for post secondary will have those, but students will be unfamiliar with what those mean. This sounds like the system is not preparing them.</t>
  </si>
  <si>
    <t>Sounds like a lot of work for the teachers - to create two different report card marks.</t>
  </si>
  <si>
    <t>I find this highly unnecessary and a waste of my children's time.</t>
  </si>
  <si>
    <t xml:space="preserve">Sounds like a lot of time is going to be spent on assessment and I wonder when learning will actually occur. </t>
  </si>
  <si>
    <t>I agree with inclusion as long as there are supports in place. I would hope that additional funding would be put in place so that there would be more Learning Assistance time and Educational Assistants to aid in this requirement</t>
  </si>
  <si>
    <t>My boys' teachers are already constantly reporting out to us. We are well informed and don't actually need a formal report card.</t>
  </si>
  <si>
    <t xml:space="preserve">Seems excessive. The written reports are the only ones I care about, especially in the younger grades. I don't care one wit about the categories assigned to my kid, couched in language intended to be inoffensive. That is meaningless. </t>
  </si>
  <si>
    <t xml:space="preserve">The categories are meaningless. Tell me if my kid is being kind and if she loves learning, and if she learned new things, and if not, what the teacher is going to do about that. </t>
  </si>
  <si>
    <t xml:space="preserve">Letter grades should be provided in grade 8 to allow students time to adapt to them before they start really mattering. </t>
  </si>
  <si>
    <t xml:space="preserve">Useless. </t>
  </si>
  <si>
    <t xml:space="preserve">It is a teachers job, not a student's, to ensure learning. </t>
  </si>
  <si>
    <t xml:space="preserve">I don't like student goal setting as part of school assessment. I do appreciate that students are looked at as whole people with outside aspirations and interests here though. </t>
  </si>
  <si>
    <t>Obvious requirement</t>
  </si>
  <si>
    <t xml:space="preserve">I think the focus is all wrong. The system needs to shift from looking at capitalist outcomes (how can we ensure these kids participate in the economy upon graduation) and move to ensuring an adequate love of lifelong learning and critical thinking skills. That doesn't require subject matter assmt. </t>
  </si>
  <si>
    <t>My son who has a learning disability and an IEP was completely failing his science class. His teacher wasn't following his IEP and myself and his case manager had no idea. It was by accident that I stumbled upon the information. More accountability and feedback is required so kids don't slip through</t>
  </si>
  <si>
    <t>I don't find it clear to really understand the areas and exactly what they are struggling with. Does emerging mean they are failing? How would that translate to when they move over into high school?</t>
  </si>
  <si>
    <t>It is more precise in measurement.</t>
  </si>
  <si>
    <t>It's concrete information and easy to understand.</t>
  </si>
  <si>
    <t>It's about time!</t>
  </si>
  <si>
    <t xml:space="preserve">Kids slip through the cracks on the current system. Poor teaching and lack of support are easy to hide. </t>
  </si>
  <si>
    <t>Grade10-12 Teachers do not have the time to provide all that written assessment. As well, this type of assessment is irrelevant. Post-Secondary schools only look at the grade. In order to make the grade more meaningful we need to bring back grade 12 provincial exams.</t>
  </si>
  <si>
    <t>The four point scale is only used to sugar cote a students lack of ability. I feel we need to bring back letter grades for all grade levels and this is a more precise measure for parents.</t>
  </si>
  <si>
    <t>As a parent letter grade and percentages are the only meaningful measure. I do not need all this fluffy assessment and the four point scale is absolutely useless. Why not a 10 point scale or a 17 points scale ? Just Keep percentages and letter grades.</t>
  </si>
  <si>
    <t>The Provincial Proficiency scale is meaningless to parents. It is completely subjective. In order to have a meaningful measure we need an independent exam that all students take and proficiency is measured. The current numeracy and  English exams are not well done and need to be more content based.</t>
  </si>
  <si>
    <t xml:space="preserve">What student is mature enough to do an honest self assessment ? This is ridiculous. If self assessment works then why don't teachers do self assessment instead of being evaluated every few years ? </t>
  </si>
  <si>
    <t xml:space="preserve">Personal goals are good but keeping it simple is better. Do the best you can at all times! </t>
  </si>
  <si>
    <t>Many Special needs students do not perform well in the regular classroom. In fact many times they can interfere with the right to learn of others and as a result take teacher time away from other kids. This needs to be better addressed better in our system. Inclusion is not always the best.</t>
  </si>
  <si>
    <t>written reports in grades 10-12 should not be required</t>
  </si>
  <si>
    <t>Written assessments are not needed in grades 10-12. Post-secondary only looks at the grade and/ or percentage. 
Overall, there is already too much fluff in reporting so add more is not necessary. As a parent, I only ask teachers for a percent and letter grade from my children's teachers.</t>
  </si>
  <si>
    <t>French and English</t>
  </si>
  <si>
    <t>We were able to survey the parents and teachers to provide the best format of communication for our school and it's been working very well, better than the format before.
We can use weekly communication, FreshGrade, this working very well and reducing stress and anxiety level</t>
  </si>
  <si>
    <t>do not teach at that level</t>
  </si>
  <si>
    <t>already doing it</t>
  </si>
  <si>
    <t>Younger grade students are not skills equipped to set goals, this is a very difficult task to ask</t>
  </si>
  <si>
    <t>to included severe disability students in the class is taking quality time for other students, support is rarely adequate or provided: stress and anxiety of teacher are extreme.  I do not agree with that statement.
Quebec/Ontario provide special schools and I think BC could visit that  format</t>
  </si>
  <si>
    <t>see comment in Diversity &amp; Inclusion box
If the ministry is to include students with behaviors and learning disabilities they SHOULD provide ALL THE FUNDS and SUPPORT needed and not expect teachers to be super workers, not an aspect of my job I appreciate.</t>
  </si>
  <si>
    <t xml:space="preserve">descriptive feedback most times is redundant as the language in the 4pt scale is descriptive in nature. </t>
  </si>
  <si>
    <t>As a grade 6 teacher I should not comment on what grade 10-12 teachers need.</t>
  </si>
  <si>
    <t xml:space="preserve">The Core competencies leave to much subjective assessment.  I am still a fan of the prescribed learning outcomes for skill based subjects like math, PHE, shop, foods etc while the Core competency language is ideal for social studies, english and science. </t>
  </si>
  <si>
    <t xml:space="preserve">THERE NEEDS TO BE THE ABILITY TO FAIL STUDENTS.  WE NEED TO SAY TO STUDENTS THAT WHAT YOU DID THIS YEAR IS NOT GOOD ENOUGH BUT TRY AGAIN NEXT YEAR.  </t>
  </si>
  <si>
    <t xml:space="preserve">Disconnect between not doing the work, not having the skills, and essentially "failing" a subject, and the language of "acquiring."Even if we promote to the next grade we should be able to report a failing grade to a student and clearly say that their effort and skills are not at grade level.  </t>
  </si>
  <si>
    <t xml:space="preserve">It is too neutral. The language is confusing and condescending for youth. They like a black and white answer, I either passed or I didn't. It is very important to have clear concise language especially for neurodiverse students which make up at 50% of our students.  </t>
  </si>
  <si>
    <t xml:space="preserve">To have continunity is teaching core subjects which are critical for success in post secondary education. </t>
  </si>
  <si>
    <t>Students being asked to self-assess can be very stressful and disheartening especially for neurodiverse students such as ASD, ADHD and Anxiety. These questions can cause anxiety and lower self-esteem.</t>
  </si>
  <si>
    <t xml:space="preserve">There are many neurodiverse students who struggle with ambiguous and general assignments as they like to know what the rules are. </t>
  </si>
  <si>
    <t xml:space="preserve">With the ability of teachers to use online reporting (google classroom, jupiter grades, etc.), feedback on progress is often more up to date than waiting for a written report to come out.  </t>
  </si>
  <si>
    <t>There is some discrepancy between teachers and their expectations for this proficiency scale.  
They are too vague and unclear.</t>
  </si>
  <si>
    <t>We understand what those numbers and letter represent.</t>
  </si>
  <si>
    <t>Seems redundant and unnecessary.  Letter grades and percent are enough.</t>
  </si>
  <si>
    <t>Seems to be a big joke to kids. They do not take this seriously.</t>
  </si>
  <si>
    <t>Can the average 15 year old do this?</t>
  </si>
  <si>
    <t>Isn't this done already?</t>
  </si>
  <si>
    <t>The frequency of reporting is not much different than currently established at my school.</t>
  </si>
  <si>
    <t>I Teach Mathematics and using % for grades is meaningful not only as an assessment tool, but also as a meta-cognitive tool of self analysis.  No change is needed and thus the new system requires a change in the way that I use % across the entire school experience for senior Mathematics.</t>
  </si>
  <si>
    <t>This is the traditional way that the we have done things in my classes (Senior Mathematics).  My meta cognition aspects of the class are reinforced by the use of % as both an assessment tool and a self reflection too.  Plus, universities rely on this type of data.</t>
  </si>
  <si>
    <t>I don't think the system is a very good system of Senior Mathematics.  Propaganda that "encourages" the use of an inferior system for these classes is not appreciated.</t>
  </si>
  <si>
    <t>In content heavy university prep courses, a student's self assessment is their job.  We do a significant amount of reflection in the class in the process of the course anyways.  Imposing a contrived self reflection detracts from the real value of self-reflection as an aspect of imaginative growth.</t>
  </si>
  <si>
    <t>Goal setting is an important aspect of learning.  But imposing a contrived "test-tube" lesson for this is probably better done in a "study skills" class instead of taking up content time in a demanding course like Pre-Calc 11/12.</t>
  </si>
  <si>
    <t>This does not change how I currently structure my learning environment.  I don't need to be told by a mandate to do this.  That is just good teaching.  Being told to do this like being told to breathe.</t>
  </si>
  <si>
    <t>The proposed changes for gr 8 and 9 neither prepares the student for the rigors of gr 10-12 % reporting nor the reality of life in a liberal capitalist democracy.  Life has winners and losers.  While I do not support a ranking system that is abused by the Fraser Institute, I neither support this too</t>
  </si>
  <si>
    <t xml:space="preserve">I can’t say what a perfect ‘amount’ of reports g is if I don’t know the level of detail that will be offered. The current level of detail per reporting period is very low, compared to the number of reporting periods. </t>
  </si>
  <si>
    <t xml:space="preserve">I am more interested in the student specific details offered in anecdotal feedback. </t>
  </si>
  <si>
    <t>Required for post secondary</t>
  </si>
  <si>
    <t xml:space="preserve">How will this enhance the parent/student understanding of progress? </t>
  </si>
  <si>
    <t xml:space="preserve">You need to do a LOT of work with students and parents to explain what the Core Competencies even are before embedding them in reporting. Right now they are seen by most parents as ‘fluff’ and not connected to deep, meaningful learning. </t>
  </si>
  <si>
    <t xml:space="preserve">Student goals and voice need to be captured more meaningfully throughout their school experience. There would need to be a lot of ProD to help teachers find ways to make this meaningful and not just a ‘check the box’ exercise. </t>
  </si>
  <si>
    <t xml:space="preserve">This MUST happen!!!!!!!!
It’s the 21 century and we are no where near an inclusive environment for learning and assessment. </t>
  </si>
  <si>
    <t xml:space="preserve">We MUST find ways to meaningfully set goals and monitor progress for ALL students. Percentages and rating scales are not for everyone. All students have a right to meaningful feedback. This is currently sorely lacking in many of our programs. </t>
  </si>
  <si>
    <t>This seems like traditional report cards.  I would like to be able to give timely and on-going feedback.  I would like more flexibility for teachers in the reporting for evidence for parents.  This seems like a doubling of work for teachers.</t>
  </si>
  <si>
    <t xml:space="preserve">I think the proficiency scale is great, and I think we should all be using this.  </t>
  </si>
  <si>
    <t>It would be nice to have a hybrid here and to have grade 10 remain on the proficiency scale.</t>
  </si>
  <si>
    <t>Should be mandatory for grade 10 and optional 11-12.</t>
  </si>
  <si>
    <t>We have been doing this but the way the reporting order reads it's seems like all 5 have to be reported on at the end.  It make sense to do them throughout the year so it is timely.  Not doubling everything at the end.</t>
  </si>
  <si>
    <t>I agree that goal setting is important but I don't understand what the goal setting is about - does this replace next steps? Are these curricular or competency related?  This is really unclear.</t>
  </si>
  <si>
    <t>I don't think that this addresses individual needs because it isn't flexible and doesn't support ongoing reporting.</t>
  </si>
  <si>
    <t>This needs to be more like the options from before.  It needs to be the same amount of work as before but in a more timely and ongoing way.  Teachers should have more flexibility in what goes home and when.  More flexibility for districts to set parameters that work for them.</t>
  </si>
  <si>
    <t xml:space="preserve">Two written  reports is enough as we are always communicating student learning through various ways such as student portfolios both in hard copy and through technology platforms  like See Saw. </t>
  </si>
  <si>
    <t>I love the growth based language. BUT schools should decide on that language my school has worked hard to educate parents and students on the following language: acquiring, developing, refining, mastery and extending</t>
  </si>
  <si>
    <t xml:space="preserve">This is important  however, it is not necessary in a formal written report as parents will see this throughout the year in portfolios. </t>
  </si>
  <si>
    <t>description in the formal report</t>
  </si>
  <si>
    <t xml:space="preserve">Parents will have already seen teacher feedback on all assessment both formative and summative. This would be redundant to state on a report card. The descriptive feedback has more meaning when coupled with the actual work...not a report card that does not have assignments and projects with it. </t>
  </si>
  <si>
    <t>I am concerned about when teachers are giving timely feedback throughout the year it seems that they are also being asked to do a detailed written report at the end of the reporting periods. Now are they are expected both the continuous/timely reporting pilot and a traditional report?</t>
  </si>
  <si>
    <t xml:space="preserve">I like the proficiency scale, but think that it could be too easily translated to a grade. I wish it were more growth minded. </t>
  </si>
  <si>
    <t xml:space="preserve">I don't think that students need these things until grade 11 or 12. </t>
  </si>
  <si>
    <t xml:space="preserve">This seems vague. It seems like a lot for teachers to collect learning goals for every curricular area, core competencies, as well as possible career and life contexts. </t>
  </si>
  <si>
    <t xml:space="preserve">I am worried that teachers are currently being asked to either participate in a pilot for communicating student learning or a traditional report card and this draft is asking them to begin doing both starting next year. </t>
  </si>
  <si>
    <t xml:space="preserve">There is no change or progression in reporting options to match the changes we see in student learning. Students engage more in their learning when they are reported on in a less formal, descriptive and self-reflective manner.  </t>
  </si>
  <si>
    <t>The description of "Emerging" is difficult to grasp for students and parents.  For a student performing at a Proficient level, it is not clear how to attain Extending. It can be de-motivating.</t>
  </si>
  <si>
    <t>For the time being this may be ok, but Universities are moving away from a focus on percentages and letter grades. There needs to be assessment continuity across grades levels.</t>
  </si>
  <si>
    <t>There needs to be assessment continuity across grades levels, so this is good.  It will aid in transitioning out of letter grades and percentages in the future.</t>
  </si>
  <si>
    <t>It is good to encourage that students self-assess in these areas, but it would be more beneficial if they reflected on these more regularly.</t>
  </si>
  <si>
    <t>This is something that should happen so regularly that it would not make sense to report on in a formal report.</t>
  </si>
  <si>
    <t>We need to be mindfully inclusive in all aspects of our profession, reporting is no different.</t>
  </si>
  <si>
    <t>Flexibility of Reporting</t>
  </si>
  <si>
    <t>A more continuous form of communicating student learning, goal setting and self-assessment, benefits a student's growth and ownership of learning. Providing districts with the option to provide more regular reporting home is needed to maintain the progress made to date.</t>
  </si>
  <si>
    <t>-This is great, however, its important to be mindful that in early primary, students are just learning about what the competencies are. It isn't practical to think that they can all be accurately reported on in each assessment at this level.</t>
  </si>
  <si>
    <t>5 reporting periods are fair and reasonable 
1 concern is the degree of comprehensiveness required for the written summary if ongoing CLS has been occuring throughout reporting period; this seems overly onerous and redundant and may prohibit teachers form engaging in ongoing CSL</t>
  </si>
  <si>
    <t>letter grades tell very little about a student's actual performance; proficiency based assessments provide clear performance indicators and real opportunities for student learning goal planning</t>
  </si>
  <si>
    <t>I understand the need for post-secondary to have letter grades, but proficiency scales are superior for the reasons stated above. Proficiency scales should be required, with a mechanism for letter grade/percentage attribution (ie. student-teacher conferencing)</t>
  </si>
  <si>
    <t>Should be required, not optional
Reporting Order should remove the word, "may" and replace it with the word, "should":
 "- a summary of student progress. . . should include the Provincial Proficiency Scale."
- at the least, incorporate the word, "encourage" as in the context statement.</t>
  </si>
  <si>
    <t xml:space="preserve">It is aligned with the stated educated citizen mandate </t>
  </si>
  <si>
    <t>as above</t>
  </si>
  <si>
    <t>this is a moral imperative;policies need to be fully aligned with the Ministry mandate so that we collectively implement what we say we are about on the ground</t>
  </si>
  <si>
    <t>In my opinion, making this change is the single largest opportunity to move secondary schools forward; so much of the argument against change, be it curriculum, instruction, assessment is based on letter grades for post-secondary.</t>
  </si>
  <si>
    <t>We like:
The Five events as they are similar to the current schedule.
We would like:
More flexibility for the timely aspect of reporting. Would provide more information here but unfortunately there is a character limit on this form and we are unable to expand on our feedback...</t>
  </si>
  <si>
    <t>We have transitioned from letter grades to a performance scale. We have feedback on the scale itself but generally we like it.</t>
  </si>
  <si>
    <t>We understand the need for percentages for the grad program. Still, would like to see a requirement for the performance scale as we begin to transition over time away from percentages. (We still hope the post secondary sector will see this transition as well, over time)</t>
  </si>
  <si>
    <t>Should not be optional, should be required.</t>
  </si>
  <si>
    <t>This is a strength in the order.</t>
  </si>
  <si>
    <t>This is also a strength.</t>
  </si>
  <si>
    <t>Increased flexibility for students regarding the timely aspect of reporting.</t>
  </si>
  <si>
    <t>As stated previously, we have built a practice of providing more information over the course of the school year, with less emphasis on the content of the formal written reports. We need flexibility to do this well. Our district has established rigorous criteria for the timely information.</t>
  </si>
  <si>
    <t>It is important for the students, educators, and teachers to know where the students' are in their learning, and what their next steps might be in as real time as possible. I'm hoping that the educators and the students have conversations for the formal reports and come to a consensus on it.</t>
  </si>
  <si>
    <t>Why do we need a scale at all? I have used proficiency scales, which I was excited about to get rid of letter grades, but it is still a linear scale. It encourages the thought that learning is over once exceeding is reached. Co-constructed feedback, ideas for next steps, and goal setting is enough.</t>
  </si>
  <si>
    <t>This is only for universities and colleges, there is NO need for them. If we stop this shaming and labelling practice as a whole province, then universities will be forced to change their admittance requirements. This is an archaic practice and does NOT align with the curriculum.</t>
  </si>
  <si>
    <t>I feel much better using this than letter grades and percentages, however, it is still not great, it is still a linear scale. We should be encouraging our students to continue their learning journey, learning is spiral, not linear. Co-constructed descriptive feedback and self assessment is enough.</t>
  </si>
  <si>
    <t>Self-awareness and ownership is key in learning. The core competencies are the most important development for all human beings.</t>
  </si>
  <si>
    <t>Students need to play an active role in their learning and education, and also need to have a voice in what they are learning, goal setting plays a key role in this.</t>
  </si>
  <si>
    <t>We are all human beings, of equal rights.</t>
  </si>
  <si>
    <t xml:space="preserve">I feel two formal written reports should be enough. One in February and one at the end of the year. Another 2 flexible
Ways of reporting should be allowed. 5 is too much. </t>
  </si>
  <si>
    <t xml:space="preserve">Clear consistency in wording is best for parents. </t>
  </si>
  <si>
    <t xml:space="preserve">Not a high school teacher and don’t have my own kids to make a fair judgment. </t>
  </si>
  <si>
    <t xml:space="preserve">I agree this should be student own self reflection and not done by teachers. In k to 3 I feel that reflection is very difficult to understand by young kids and should not be required as a formal assessment and more so on-going done orally in the classroom. </t>
  </si>
  <si>
    <t xml:space="preserve">This should be done in grade 4 and up. </t>
  </si>
  <si>
    <t xml:space="preserve">3 times per year should be enough. The first parent-teacher conference, one in February and one at the end of the year. 
Christmas and report card is extremely taxing on teacher’s mental health and stress. </t>
  </si>
  <si>
    <t xml:space="preserve">It was so much easier on the system we had before this one. Parent/Teacher interviews and 3 report cards for the lower grades and 4 for high school. </t>
  </si>
  <si>
    <t xml:space="preserve">I want to know exactly where my child stands in each subject. Emerging doesn't tell me how much work we need to put in to get my child to where they need to be. 36% (random off the top of my head number) tells me we need to spend a lot more time working on those skills. </t>
  </si>
  <si>
    <t xml:space="preserve">This tells me where the extra work hours need to go specifically. Where we need extra supports at school for my child with an IEP if I have one. </t>
  </si>
  <si>
    <t>This scale is not helpful at all</t>
  </si>
  <si>
    <t>While it would be helpful to have an idea of where the students think they are it might be a blow to their self esteem if their teachers then scored them lower.</t>
  </si>
  <si>
    <t xml:space="preserve">This is great for the neurotypical kids who can reach for these goals. Neuordiverse kids are going to have more trouble with this and it may cause issues for them unless we get more support services (unlikely) in place.  </t>
  </si>
  <si>
    <t>You cannot paint all students with the same brush. Each student is an individual.</t>
  </si>
  <si>
    <t>I am satisfied with reporting. I am not satisfied with IEP reviews - once per year is not enough. The new reporting periods should be tied to an improved IEP review process AND IEP should include goals that are tied to the curriculum so that those goals are being reported for all reporting periods.</t>
  </si>
  <si>
    <t>It's fine as it doesn't use letter grades. What I take issue with is the lack of effective rubric design by many teachers to accurately reflect assessment of goals defined by the curriculum.</t>
  </si>
  <si>
    <t>Only necessary so long as post-secondary continues to require it.</t>
  </si>
  <si>
    <t>Why? What is the point of this? Unless you are tying the proficiency scale to specific percentage categories this will just lead to more confusion for parents and likely more work for teachers. Just pick one.</t>
  </si>
  <si>
    <t>I am ok with the core competencies. What I am not ok with is how teachers are interpreting them and implementing them. There is still a GROSS misunderstanding about how to set core competency goals and how to support students to develop student-agency via self-assessment using universal design.</t>
  </si>
  <si>
    <t>Teachers need training on how to do this well. Especially when it comes to neurodivergent learners having appropriate access points.</t>
  </si>
  <si>
    <t xml:space="preserve">I would like to see us move away from traditional report cards, shift to student centered language and self reporting with teacher conferences. Student portfolios in replacement of teacher written reporting. </t>
  </si>
  <si>
    <t xml:space="preserve">Emerging has a negative connotation as opposed to growth based -Suggestion Acquiring as it is more positive and explains where they are at more accurately. 
Would like to see extending left of the scale and can be used for growth beyond the curriculum.  Acquiring, Developing, Refining, Proficient </t>
  </si>
  <si>
    <t xml:space="preserve">Intentional school-wide planning needs to be brought up. </t>
  </si>
  <si>
    <t>More in person conferencing with students and families are preferred over written reports that lack engagement from families. Additionally, ongoing student portfolios (often digital) that include descriptive feedback from teachers &amp; student self assessments have a greater impact on student progress.</t>
  </si>
  <si>
    <t xml:space="preserve">While I am very glad to see a movement away from letter grades in K-9, let me propose that language such as "emerging" may not elicit the same buy in from students as a word like "acquiring" which is less daunting when a new concept is introduced at any age level. </t>
  </si>
  <si>
    <t xml:space="preserve">We believe that written reports have a lesser and lesser impact on student progress these days. Digital portfolios and in person conferences are much preferred. </t>
  </si>
  <si>
    <t>I don't feel this scale is appropriate for high school students. 
As it is in elementary,  it is a mediocre system. In high school it is ridiculous to use this terminology</t>
  </si>
  <si>
    <t>The more information you have, the better</t>
  </si>
  <si>
    <t>To date with two children, I don't find these reflections to be overly useful for any of us. 
Typically they come home filled with jargon</t>
  </si>
  <si>
    <t xml:space="preserve">Perhaps appropriate at an upper high school level but not necessary otherwise.
I have a child with a P designation and so am well versed in this type of reporting.   Honestly, typically dissolves into pointless jargon. </t>
  </si>
  <si>
    <t xml:space="preserve">This sounds good on paper. It'll be interesting to see what happens.  Reporting has never made much sense to me when, for example, a child who is doing math two grade levels ahead receives "proficient".   Are kids being compared to a provincial curriculum? Or themselves? </t>
  </si>
  <si>
    <t xml:space="preserve">Stick with letter grades in high school. Honestly, everything keeps getting watered down to meaningless. </t>
  </si>
  <si>
    <t xml:space="preserve">Kids and parents deserve to know if they have mastered each year's curriculum.  In a clear matter. </t>
  </si>
  <si>
    <t>Currently, the reporting quality is incredibly poor and gives very little information  about student learning and it more about box checking. There needs to be more accountability and support for cases where children are behind learning outcomes. Far too many children in my kids' school cannot read.</t>
  </si>
  <si>
    <t>This is what we currently use in our district. Less precise. No benchmarks provided for parents to know where they should be.</t>
  </si>
  <si>
    <t>Need to align with post secondary requirements.</t>
  </si>
  <si>
    <t>We use this scale now and it does not provide useful information and seems like more work for teachers that does not provide meaningful feedback.</t>
  </si>
  <si>
    <t>We use this now and it does not seem meaningful. Teaching about how to reflect on these is very difficult for many learners.</t>
  </si>
  <si>
    <t>Concerned over how this will be done and the negative impact on self esteem.</t>
  </si>
  <si>
    <t>Saying something is inclusive does not make it inclusive. What about providing meaningful disabled and neurodivergent perspectives to the curriculum? This is lipservice and nothing more.</t>
  </si>
  <si>
    <t>This policy is the least robust. It has nothing that actually assures inclusion.  There is no accountability.</t>
  </si>
  <si>
    <t xml:space="preserve">We have received feedback throughout the year in various formats, </t>
  </si>
  <si>
    <t>The 4 point scale does not seem to be very standardized or objective. We've noticed a high degree of variability from one teacher to another and from reporting period to another with the same teacher.</t>
  </si>
  <si>
    <t>This is fairly standard in the world after high school.</t>
  </si>
  <si>
    <t>It's not needed in addition to the letter grading.</t>
  </si>
  <si>
    <t>my children are quite young, so it's difficult to really see this in action</t>
  </si>
  <si>
    <t>Yes! Assessment and evaluation needs to be more inclusive. Too often students who are hard to teach, or don't fit the mould get left out and undereducated.</t>
  </si>
  <si>
    <t>This is the area that has the most potential for growth and improvement.</t>
  </si>
  <si>
    <t>I prefer to have at least 3 reports throughout the year at minimum.  You need one around December, March and then in June so parents know how their child/ren is/are doing so parents can make adjustments and or find other ways to support their learners at home, we don't want to wait until it's too la</t>
  </si>
  <si>
    <t>While it's fairly clear - there really isn't enough explanation to accurately decipher where on the scale the child actually is.  Perhaps a scale with numbered increments between the four categories would help make it clearer.  What makes the child proficient or extending etc.</t>
  </si>
  <si>
    <t>Students in the higher grades need to be held accountable for their grades and know without question where their academics lie within the 100% scale.  Using a sliding scare does not give enough tangible date to students wanting to pursue their academics post high school.</t>
  </si>
  <si>
    <t>If this will enhance the reason for the grade level/% given in a particular academic area then great.  I think we can do better if we know more about why we were given a specific grade.  The extra information can help the student figure out how they can improve.</t>
  </si>
  <si>
    <t>I absolutely agree that all school aged children should be included in reporting.  They need to have their grades/work critiqued by a teacher but they also need to look at their own work/grades and reflect on their work habits, and work ethic.  They also need to be given supportive tools to help imp</t>
  </si>
  <si>
    <t>Yes - the child should be vested more in their personal learning and should "compete" against themselves.  They should be aware of where they are now and where they want to be in the next few months - teaching how to set a goal and how to achieve it and explained why they didn't make that goal.</t>
  </si>
  <si>
    <t>We need to look at the child being evaluated and understand that not every child learns the same way.  We need to encourage the child to continuously strive to do better than they did the day/week/month before.</t>
  </si>
  <si>
    <t>By the time students are in grades 10-12 many are beginning to work towards continuing their education after high school.  These students to know where they sit academically compared to their peers throughout the province.  They need to know where/how to improve in specific areas of their leaning.</t>
  </si>
  <si>
    <t>As a secondary school administrator, the number of reporting events aligns quite nicely with term and semester schedules.  It provides continued, consistent and timely feedback for students and parents in regards to their child's progress.</t>
  </si>
  <si>
    <t xml:space="preserve">As grade 9 is, in most cases, a high school grade, this makes no sense to include grade 9 in this part of the policy.  Students are preparing for 'for credit courses', are engaging in pre-entrance requirements for university programs and, in some cases, need grade9 grades for university entrance. </t>
  </si>
  <si>
    <t xml:space="preserve">This makes total sense.  As university entrance and programs rely on this data/information, it still needs to be required at high school if we are preparing all students for life beyond graduation.  </t>
  </si>
  <si>
    <t>It is fine to use the proficiency scale optionally for formative assessment.  It is not okay to use it for summative assessments/reporting.</t>
  </si>
  <si>
    <t>I like that this gets students reflecting on their own learning and growth.  This is a great skill to teach and use beyond graduation.</t>
  </si>
  <si>
    <t>I am neutral on whether students' reflections of their goals be on their formal reporting.  I don't think it is necessary.</t>
  </si>
  <si>
    <t>Absolutely agree!</t>
  </si>
  <si>
    <t xml:space="preserve">As written above, I don't believe the proficiency scale should be used for grade 9 reporting.  </t>
  </si>
  <si>
    <t>My Grade 7 daughter who will go to grade 8 next year still doesn't learn what she needs to due to Learning Disability. The report card and IEP doesn't exactly explain much on what she can work on for next year.</t>
  </si>
  <si>
    <t>These terms are confusing for parents, who only use basic English. Most of the teachers rarely use Extending which is a waste i mean why have that many when teachers in grade 5-7 have their own ideas? why not let them have a choice in how their students are doing.</t>
  </si>
  <si>
    <t>Letter grades give kids anxiety, especially for kids who feel dumb and can't get a A. Highschool should be open minded to parents who want their kids to graduate but they have other challenges. What about families who are low income or Single parents, Mental health? Highschool need to be inclusive.</t>
  </si>
  <si>
    <t>I love self assessments because students are involved in how they are doing</t>
  </si>
  <si>
    <t>My kids have an IEP so along with goal setting it helps them think of a goal for themselves to work on.</t>
  </si>
  <si>
    <t>Students who have Adapted learning or IEPs have a right to a safe learning environment but which all the bullying against LGBTQ students in High school its not ok. However, Parents who have kids with IEPs want to advocate for no letter grades in high school.</t>
  </si>
  <si>
    <t>Parents of Learning disabled kids have been fighting for no letter grades for highschool for so long and i still haven't seen any changes made. If you want students to attend highschool support for Autistic, and LD kids need to be available or parents will do home school.</t>
  </si>
  <si>
    <t xml:space="preserve">The change in policy language will continue to encourage a range of report formats from different schools and districts. This divergence in the format of reporting breaks down shared forms that make feedback intelligible to parents and students. </t>
  </si>
  <si>
    <t>The proficiency scale is not an innovation. It is a re-labeling of the old reporting buckets (e.g., A = Extend) without any substantive changes in reporting that would move teaching in a new direction. In other words, the new scale is a nominal change that is being presented as a substantial change.</t>
  </si>
  <si>
    <t xml:space="preserve">This system is intuitive, universal and connected with the expectations of university systems. </t>
  </si>
  <si>
    <t>A proficiency is a vague change that turns the current grading system into quartiles rather than quintiles. It does not encourage learners in an inclusive manner. It just obscures feedback and softens the blow for students at the bottom end of the performance scale.</t>
  </si>
  <si>
    <t xml:space="preserve">Teachers are starting to interpret the competencies as a replacement for content. This is not good. </t>
  </si>
  <si>
    <t>Children and families are feeling lost. Children are feeling like their efforts don't matter because they all seem to get the same marks and parents do not feel sure that they are being given information about where their children are at. Students interpret goal setting as "I can do what I want".</t>
  </si>
  <si>
    <t xml:space="preserve">I see no difference in how students with disabilities are included compared to the old system. The new system is fundamentally the same as the old system. For example, a C- is often used as a catch-all for students in the bottom of the performance curve now it is the emerging catchall. </t>
  </si>
  <si>
    <t xml:space="preserve">Children who are working below grade level for any reason deserve to be included not by using IEPs to obscure their performance relative to peers. Children and families deserve to see developmental checklists of what has been achieved on below-grade-level curriculum-based skills. </t>
  </si>
  <si>
    <t xml:space="preserve">I think it puts unnecessary stress on children. </t>
  </si>
  <si>
    <t xml:space="preserve">Puts too much stress on children </t>
  </si>
  <si>
    <t>Who is coming up with these stupid ideas? We are living in a pandemic. Everyone is stressed enough. Why is the bloody NDP government so hell bent on making life harder?</t>
  </si>
  <si>
    <t>All of the above</t>
  </si>
  <si>
    <t>For God's sake, leave it alone. Kids are stressed enough.</t>
  </si>
  <si>
    <t xml:space="preserve">Summaries are vague and pretty much say the same thing throughout the year. It would be better if teachers could summarize by saying where a student started and ended and needs to improve. </t>
  </si>
  <si>
    <t xml:space="preserve">Doesn’t seem to matter the kid or age but most teachers seem to choose “meeting expectations”, always neutral. It feels very safe and not at all based on the kid. </t>
  </si>
  <si>
    <t xml:space="preserve">Letter grades and percentages should be used. </t>
  </si>
  <si>
    <t>too many instances of formal reporting.</t>
  </si>
  <si>
    <t xml:space="preserve">Letter grades are meaningless. </t>
  </si>
  <si>
    <t xml:space="preserve">Use one method of reporting, too many ways will confuse people. </t>
  </si>
  <si>
    <t xml:space="preserve">This is a great idea, having students think about their own learning is a good practice. </t>
  </si>
  <si>
    <t xml:space="preserve">letter grades communicate the wrong thing. A learner should never identify as an A student or a C student. </t>
  </si>
  <si>
    <t xml:space="preserve">current reporting periods are not conducive to Summative and Formative reporting as they require grades to be finalized between terms.  For Summative and Formative marking, it is better that the only grade that is recorded as a final grade is the grade at the end of the course. </t>
  </si>
  <si>
    <t xml:space="preserve">your scale is off, I'm satisfied with the change, not very or extremely. </t>
  </si>
  <si>
    <t>So long as letter grades are only reported at the end of the semester, and performance levels are assessed for all other reporting periods.</t>
  </si>
  <si>
    <t>So teachers now have to rank students on the scale AND provide a letter grade on all reporting?  that sounds like more work to me</t>
  </si>
  <si>
    <t xml:space="preserve">This requires more work for teachers who have to prepare the self-assessment, remember to administer the assessment, and chase down all students who miss the day that the assessment is administered. This is also more work for office staff who have to add these to all the paper report cards. </t>
  </si>
  <si>
    <t xml:space="preserve">More work for the teachers, takes away from classroom learning and exploration.  Not all schools have computer availability to allow students to do this on a regular basis, if it's a paper thing, who collects it?  Where does it get stored?  </t>
  </si>
  <si>
    <t xml:space="preserve">Because early reporting causes a lot of anxiety on the students as many of them have only just started a course, if early reports were bases on the learning competencies of the students (so meeting, not meeting etc) as opposed to a grade letter this would be preferable. </t>
  </si>
  <si>
    <t>With FreshGrade and other online learning profiles, parents see into a childs learning daily and therefore should not require 5 reporting events.</t>
  </si>
  <si>
    <t xml:space="preserve">This allows students to work through the curriculum on a continuum. </t>
  </si>
  <si>
    <t>Students and parents need to be aware of where they stand academically as they prepare for post secondary opportunities.</t>
  </si>
  <si>
    <t>Extra work and makes things confusing for parents.</t>
  </si>
  <si>
    <t>Students in younger grades often do not have the awareness to reflect on themselves in this manner. Often this piece of the report card has little information to report to parents and educators</t>
  </si>
  <si>
    <t>Students should start to understand the importance of setting and reaching for attainable goals in this future.</t>
  </si>
  <si>
    <t>We are all important</t>
  </si>
  <si>
    <t>This step is not always understood at a young age and does not reflect well on student abilities</t>
  </si>
  <si>
    <t xml:space="preserve">The more reporting the better, then parents can help their child further right away, not after a few months. </t>
  </si>
  <si>
    <t xml:space="preserve">Probably okay for early years, I wouldn’t be satisfied with this for older kids 
Grade 9 being proficient doesn’t seem good enough, kindergarten kids being proficient is just fine. </t>
  </si>
  <si>
    <t>I agree, letter grades and percentage are very important grade 10-12</t>
  </si>
  <si>
    <t xml:space="preserve">As a comparison tool sure, but should be in addition to regular grades and reporting. </t>
  </si>
  <si>
    <t xml:space="preserve">Sure helpful and a different perspective, not necessary though </t>
  </si>
  <si>
    <t xml:space="preserve">I believe children would need more direction to have this work and be helpful. </t>
  </si>
  <si>
    <t>Isn’t it inclusive now?</t>
  </si>
  <si>
    <t>If we are using digital portfolios, we should require only one written summary report of learning at the end of the school year. 
Digital portfolios, especially for primary school teachers, is too much on our workload.</t>
  </si>
  <si>
    <t>We already use similar language at my school.</t>
  </si>
  <si>
    <t>How does provincial proficiency scale translate into grades for university admissions? This needs to be made explicitly clear first.</t>
  </si>
  <si>
    <t>Is this for EVERY core competency? That is too much for primary students to self-assess every reporting period.
Is it for just one (or more) core competencies? If so, then its reasonable.</t>
  </si>
  <si>
    <t>Again this is more challenging and adds more to primary school teachers' plates. It is valuable, but how are teachers supported in doing this.</t>
  </si>
  <si>
    <t>My district/school asks us to maintain digital portfolios. As a primary school teacher, if I am doing this, then why am I still doing 3 report cards? We haven't made teachers' workloads or students better, we have made it much worse. If digital portfolios are used, there should be less report cards.</t>
  </si>
  <si>
    <t xml:space="preserve">I think grade 8 and 9 should go back to letter grades to help them prepare for grade 10-12 and know what to expect with the grading system </t>
  </si>
  <si>
    <t>Make grade 8 and 9 letter grades as well</t>
  </si>
  <si>
    <t xml:space="preserve">Bring back letter grades in conjunction with this. It gives a tangible scale for parents to understand where their child is at the age/grade expectation and does not come as something new to handle at gr 10 for the students. </t>
  </si>
  <si>
    <t>This should be the standard for K to 13</t>
  </si>
  <si>
    <t xml:space="preserve">It is common in adult life either personally or in the workplace to need to do this so it is a beneficial life skill. </t>
  </si>
  <si>
    <t>Letter grades in K to 9</t>
  </si>
  <si>
    <t xml:space="preserve">I think the number of reports for a school on a linear calendar is reasonable and well-spaced out. In a semester system, a similar number of report periods each semester would lead to a seemingly endless reporting period. </t>
  </si>
  <si>
    <t>I feel that this scale is more growth-oriented than the traditional 100-point scale. It is far easier for teachers, students and families to understand the difference between 4 levels of achievement than 100.</t>
  </si>
  <si>
    <t>I know we must report in a way that post-secondary institutions recognize, but converting a proficiency scale assessment to a percentage grade is quite challenging to do in an accurate and completely unbiased way. Letter grades don't distort it too much, but I am concerned about percentages.</t>
  </si>
  <si>
    <t>If they use this language from K-9, I think it is important to continue to use it for consistency. I think it is more growth-oriented and should be the primary language of feedback throughout the school year.</t>
  </si>
  <si>
    <t>Honestly, these cross-curricular skills are embedded in the rest of the curriculum and separating them out in this way seems to confuse students. As teachers don't emphasis the Core Comps much, students often struggle to meaningfully self-assess. Young kids struggle the most.</t>
  </si>
  <si>
    <t>This is an important aspect of developing a growth mindset and meaningfully progressing in any subject area. I just wish there was clearer guidance about what this would look like and perhaps a digital tool for setting and reflecting on goals that followed the student in the personal record.</t>
  </si>
  <si>
    <t>I am pro-inclusion with adequate supports available. Currently class sizes and underfunding of resources and supports for diverse learners make it difficult for teachers to adequately meet this goal.</t>
  </si>
  <si>
    <t>Converting the 4-point proficiency scale to 100 percentage points will undermine the validity of the grades as there is a larger margin for error and personal bias can easily sneak in to the judgement calls involved. It also undermines the philosophy of learning and grading established in K-9.</t>
  </si>
  <si>
    <t xml:space="preserve">Minimal input from teachers in regards to individual student progress. Mostly general information regarding class studies. </t>
  </si>
  <si>
    <t>Four formal reports throughout the year is notification approximately every two months. Along with the interim updates I am receiving, I am satisfied in how I am being notified of my child's progress.</t>
  </si>
  <si>
    <t>These four descriptions allow me to properly gauge how my child is fairing in relations to what is required by the instructor.</t>
  </si>
  <si>
    <t>I am comfortable with this system and feel if transmits accurately how my child is doing.</t>
  </si>
  <si>
    <t>I feel the percentage and letter grade is adequate and the proficiency scale would add more detail to informing me of my child's standing.</t>
  </si>
  <si>
    <t xml:space="preserve">I have received some self assessment reports from my child in the last few years. This seems good on paper but realistically children don't know enough to accurately judge their standing in relationship to a set standard ie. Dunning-Kruger effect. </t>
  </si>
  <si>
    <t>See answer above.</t>
  </si>
  <si>
    <t>This is an adequate number of progress reports</t>
  </si>
  <si>
    <t>This scale is already used at our school</t>
  </si>
  <si>
    <t>Follow up on goals is rarely done. Goals set by kids are often unrealistic.</t>
  </si>
  <si>
    <t xml:space="preserve">Teachers don’t need to spend time having primary students self-assess. Seems cumbersome and time consuming. I’d rather time be spent on teaching. I can ask my child myself how they are doing on each of the core competencies. Illiciting a self-assessment from a kindergartener or gr.1 isn’t worth the </t>
  </si>
  <si>
    <t>Time consuming for the teacher in lower primary</t>
  </si>
  <si>
    <t>I would need more details to comment on this</t>
  </si>
  <si>
    <t xml:space="preserve">Your description didn’t give me a clear picture of what will be different so I can’t comment. Your language wasn’t very accessible...even though you would like reporting language to be clear and accessible to all. Perhaps a sample report would give a clearer picture. </t>
  </si>
  <si>
    <t>Inconsistency term to term</t>
  </si>
  <si>
    <t xml:space="preserve">seems to work well for the semester system in highschool and for keeping on track in elementary.
MyEd is a great tool for highschool students and parents to keep track weekly - if teachers keep it updated - which most do.
</t>
  </si>
  <si>
    <t>Elementary grading using the proficiency scale makes sense, but higher grade (8 and up) need to start to work in percentage and letter grade - like college and University. potential anxiety produced by the first letter grades should NOT start in grade 10!!!!</t>
  </si>
  <si>
    <t xml:space="preserve">This will prepare students for University and college BUT FEEDBACK is still NEEDED and lacking in many cases.
</t>
  </si>
  <si>
    <t xml:space="preserve">Letter grades ARE a Proficiency Scale </t>
  </si>
  <si>
    <t xml:space="preserve">OK BUT HOW will it be delivered. Add another thing to the list kids have to do ON THEIR OWN? 
Careers and Capstone projects are already OVERWHELMING to many students. The Core competencies NEED to be TAUGHT in class (ALL CLASSES) not just thrown on top of everything else
</t>
  </si>
  <si>
    <t>AGAIN - who will monitor these goals ? Setting goals without mentors will be overwhelming. This CANNOT be ON TOP of class work, it MUST be integrated.</t>
  </si>
  <si>
    <t xml:space="preserve">How much extra time will teachers be given to undertake this ENORMOUS proposal?
If you get a low A will there be help so you can get a high A next time - if that is your goal? 
Often B is good enough and the teachers are busy getting the D students out of the dark.
</t>
  </si>
  <si>
    <t xml:space="preserve">Grade 8-12 need to experience letter and percentage grading - there NEEDS to be a reset on how we view those grades - THEY ARE a proficiency scale. FEEDBACK and RUBRIC guidelines NEED to be used on ALL assignments so children KNOW what is expected and understand that effort = consequence. </t>
  </si>
  <si>
    <t>We already provide three written reports and two interims. This is not a dramatic change in either direction for me or my classroom.</t>
  </si>
  <si>
    <t>I have long felt anecdotal reporting on student progress is more in touch with student and parent needs than letter grades. That being said the scale is somewhat restricting. An intermediary term between developing and proficient is needed. Perhaps meeting?</t>
  </si>
  <si>
    <t>I think as long as the post-secondary education world continues to use this terminology it is important that we provide it for high school students. If, or when, there is a shift then high school reporting will need to be reflective of that change.</t>
  </si>
  <si>
    <t>If you want this to be a meaningful process it will require proper scaffolding and teaching. Teachers are already time constrained and feel pushed to “cover the curriculum.”  Let’s not repeat the same old this is what we’re doing, teachers figure it out.</t>
  </si>
  <si>
    <t>Goal setting is important but again to do it well you need to scaffold it. How can we reconfigure the instructional minutes to build this in. Will there be an advance group and concrete resources for teachers to reference? Will there be a variety of approaches to choose from (written, portfolio, etc</t>
  </si>
  <si>
    <t>A one size fits all approach does not work to meet the needs of diverse learners. Reporting needs to be adaptable to the child and their needs and development.</t>
  </si>
  <si>
    <t>If you are serious about reporting being a bridge between teachers, parents, and students you need to provide time. Non-instructional days to co-write report cards. Time to assess and write detailed reports. We cannot continue to ask teachers to do more. Provide time and support. Ensure resources are in place and accessible. I agree with a proficiency model but not if it creates more work and stress for myself and my colleagues.</t>
  </si>
  <si>
    <t>Read above.</t>
  </si>
  <si>
    <t>I like that the focus is on growth instead of grades.</t>
  </si>
  <si>
    <t>Grades are necessary for post secondary applications.</t>
  </si>
  <si>
    <t>I don't think you need a proficiency scale as well as grades as it's redundant.  Just have helpful comments along with the grades for 10-12.</t>
  </si>
  <si>
    <t>It's good for students to think about where they are at and how they can grow.</t>
  </si>
  <si>
    <t>I would prefer more informal contacts with families than so many forced formal contacts. I spend hours writing these and my time would be more useful to help students otherwise</t>
  </si>
  <si>
    <t xml:space="preserve">This is an extremely difficult skill for young children to understand. Please do not force it on k-1 students. </t>
  </si>
  <si>
    <t xml:space="preserve">Too advanced for k-1 </t>
  </si>
  <si>
    <t xml:space="preserve">It would be more beneficial for teachers to spend their time helping students and preparing to teach than writing formal report cards multiple times per year. </t>
  </si>
  <si>
    <t>Ongoing reporting through digital portfolios should remain an option</t>
  </si>
  <si>
    <t>Whatever you call the descriptors, the students and parents think of them as grades</t>
  </si>
  <si>
    <t xml:space="preserve">The core competencies are too big for this. Once a year is reasonable. </t>
  </si>
  <si>
    <t>It’s fine, but what about the time it takes to teach them about goal setting and work with them to do the goal setting and self assessment? Where does that time  come from?</t>
  </si>
  <si>
    <t xml:space="preserve">Of course it should be this way. This is a bare minimum. </t>
  </si>
  <si>
    <t xml:space="preserve">It’s the most frustrating of the proposed changes. But the other changes are frustrating as well. </t>
  </si>
  <si>
    <t>Stop giving us more paperwork that NO ONE is reading!! I'm about ready to quit. I am sick of those who don't do the job making mine more impossible on the daily. STOP IT! Let us actual engage with the students not ignore them to fill out yet more paperwork!</t>
  </si>
  <si>
    <t>The scale is much better than grade, but also needs to be able to hold students to account with a below beginning level (ie: student who refuses to do anything - love the IE add on though!). Other than that, the scale model is FANTASTIC and far superior to grades!</t>
  </si>
  <si>
    <t xml:space="preserve">Do not teach 10-12. </t>
  </si>
  <si>
    <t xml:space="preserve">This makes people just treat the scale as grades, which is not what it is. It's important to not have parents and students assign grades to the scale. Putting them together will further this problem. </t>
  </si>
  <si>
    <t xml:space="preserve">Great idea, but there's no time and kids refuse to engage in this with official documentation. Better done via teacher and student engagement. Goal setting with students is a nightmare and an utter waste of time - they don't properly engage or learn anything. </t>
  </si>
  <si>
    <t>Inquiry is terrible and doesn't work. Nothing holds students accountable so they don't put in the effort to care. Try to run inquiry results in overburdened teachers, work that is never done, and lesser outcome for most students. Great for gifted, motivated students only.</t>
  </si>
  <si>
    <t>This is entirely unclear: what does it mean?</t>
  </si>
  <si>
    <t xml:space="preserve">I waste too much time on paperwork no one reads. It takes away from actually teaching and engaging with students if a teacher actually tries to do it in their contract hours (when it SHOULD be done) Parents need to put in some effort for their children too reaching out informally with teachers. </t>
  </si>
  <si>
    <t>The reports are informative</t>
  </si>
  <si>
    <t>It helps separate student skills instead of averaging a subject. It also is growth minded</t>
  </si>
  <si>
    <t xml:space="preserve">Ongoing feedback through portfolios is more effective. </t>
  </si>
  <si>
    <t>Will time be made available to engage in this type of reporting. Written reports take more time to prepare if they are to be done well.</t>
  </si>
  <si>
    <t xml:space="preserve">Education for teachers on how to use the scale effectively is needed before implementation. I would hate to see the numbers use to replace grades when they should be used to help students understand learning sequences in reference to the categories. </t>
  </si>
  <si>
    <t>Shifting from approaches from grade 9 to 10 needs to be made more clear. Is it just because of universities? Why not keep the scale until grade 10 and switch to grades 11 and 12, which are the grades universities look at.</t>
  </si>
  <si>
    <t>Again, education will be needed. I don't want the scale used in a way to take away from how it is used as a tool to communicate learning.</t>
  </si>
  <si>
    <t xml:space="preserve">Can this be collected in any ways schools choose or will we have to use MyEd? Need the process to be authentic and not another thing on teachers' plates, especially if they are not confident in nurturing the core competencies. </t>
  </si>
  <si>
    <t xml:space="preserve">Great idea! We use these goals as part of our informal reporting each semester. </t>
  </si>
  <si>
    <t>Great to see this being made explicit!</t>
  </si>
  <si>
    <t>Investing in teacher professional development for the proposed changes</t>
  </si>
  <si>
    <t>Teachers need time to fully understand the process to do it justice.</t>
  </si>
  <si>
    <t>The changes have put even more work on teachers. Previously we only had to report out three times per year. When my staff was transitioning between the old form A and new form B reporting, staff initially chose to try the new method of reporting and switched back the following year.</t>
  </si>
  <si>
    <t>I actually preferred the old language. Emerging, for example, suggests growth or progress has been made, but I feel like that fits more into “developing.” Extending also seems much more subjective than exceeding.</t>
  </si>
  <si>
    <t>Students that will soon be entering into post secondary should have some familiarity with  grades and percentages.</t>
  </si>
  <si>
    <t>I don’t fully understand what purpose including the proficiency scale alongside standard grades accomplishes.</t>
  </si>
  <si>
    <t xml:space="preserve">I think reflection and growth are important to learning. However, I feel that the concepts of competencies and introspection are often too abstract for kindergarten students. </t>
  </si>
  <si>
    <t>Goal setting is great as long as students take it seriously.</t>
  </si>
  <si>
    <t>This language makes it sound like teachers were not already making accommodations for students that require it.</t>
  </si>
  <si>
    <t>Workload for teachers. The expectation for reporting student learning to be “continuous and ongoing” puts a never-ending burden on teachers. I’m a parent too and I know how my child is doing by quickly chatting and checking in with my child’s teacher- not through jargon-filled reports sent home.</t>
  </si>
  <si>
    <t xml:space="preserve">There needs to be an agreed upon criteria for the proficiency scale. It's too arbitrary as it is. At least with letter grades, you can calculate grades. </t>
  </si>
  <si>
    <t xml:space="preserve">The core competencies are too much. They don't actually land with students. It's a lot of hoop jumping for little impact. </t>
  </si>
  <si>
    <t xml:space="preserve">Again, this doesn't actually have an impact. </t>
  </si>
  <si>
    <t xml:space="preserve">This is not new. </t>
  </si>
  <si>
    <t>In secondary, semester schools the interpretation will result in more required reporting. The year end summarize does not apply unless I’m the second semester. Therefore, 3 formal reporting will occur. The one in the front 25% will undo the formative work (letter grades will be applied)</t>
  </si>
  <si>
    <t xml:space="preserve">The proficiency scale centres formative frameworks BUT the reporting order does not align again in 1st semester. </t>
  </si>
  <si>
    <t>Not all students are preparing for post secondary. Why does it continue to frame assessment?</t>
  </si>
  <si>
    <t>Common language is needed to continue to facilitate the shift</t>
  </si>
  <si>
    <t>as long as it remains as a supporting piece…too many schools have taken this mandate and made the process prescriptive to meet reporting order</t>
  </si>
  <si>
    <t xml:space="preserve">Concerns for implements/in-service </t>
  </si>
  <si>
    <t xml:space="preserve">In theory I love it but the workload for teachers will increase significantly especially with increasing class diversity and decreased funding/supports. Also in service this work is left to classroom teachers without qualifications </t>
  </si>
  <si>
    <t>The shift in reporting aligns and validates those doing the work. But the whole focus has been for the assessment to be in the hands of the learner (William, Schimmer). Increasing reporting frequency again shifts to documentation/recording rather than doing assessment/feedback alongside the learner.</t>
  </si>
  <si>
    <t xml:space="preserve">It's far too much. Can we teach or simply report, report, report? </t>
  </si>
  <si>
    <t xml:space="preserve">It's utterly meaningless. Is 1 a pass? If so, this borders on negligence. These words aren't clear and WON'T help students improve. </t>
  </si>
  <si>
    <t xml:space="preserve">These grades should also be included for middle schools. </t>
  </si>
  <si>
    <t xml:space="preserve">The language is meaningless edu-jargon. I will never use it unless compelled to. </t>
  </si>
  <si>
    <t xml:space="preserve">Students and teachers know what it is: vapid hoop jumping. How many PhD's depend on this latest bandwagon? </t>
  </si>
  <si>
    <t xml:space="preserve">Aren't we doing this already? </t>
  </si>
  <si>
    <t xml:space="preserve">This scale is utterly laughable. It only reinforces the complete lack of accountability at the elementary level. </t>
  </si>
  <si>
    <t xml:space="preserve">It doesn’t seem frequent enough </t>
  </si>
  <si>
    <t xml:space="preserve">Not detailed enough.  Four points don’t seem to encompass the differences in performance.  </t>
  </si>
  <si>
    <t xml:space="preserve">Seems unnecessary and redundant.  Why waste teachers time on this? </t>
  </si>
  <si>
    <t xml:space="preserve">Especially with Covid I feel very out of the loop in terms of my child’s learning.  I would prefer more frequent updates.  </t>
  </si>
  <si>
    <t>Gives parents information, while still allowing teachers time to teach.  They do not have to stop teaching to communicate student learning, it’s more of a natural process which teachers have autonomy over.</t>
  </si>
  <si>
    <t>I believe that this language is not clear to parents and is difficult for younger students to understand.  I prefer the language that refer to how students achieved the gii is al - direct support, guided support or indecently.  I think this is much clearer.</t>
  </si>
  <si>
    <t>Although I understand that it is currently needed for university, but it does not relate to life.  Students are more than a percentage and letter grade.  It seems to be what defines them, and it is false. So other components come into play around learning and success.</t>
  </si>
  <si>
    <t>The more descriptive feedback, the better.</t>
  </si>
  <si>
    <t>Concerned about class sizes and how to carry out regular meaningful student self assessment and goal setting to be recorded for reporting. The time needed for conferencing, and for some students scribing needs to be provided (younger years and as part of IEP accommodations) is large.</t>
  </si>
  <si>
    <t xml:space="preserve">Need many times to report to ensure continuous adapting  of plans 
</t>
  </si>
  <si>
    <t xml:space="preserve">When complete provides solid acknowledgement of where a child is
</t>
  </si>
  <si>
    <t xml:space="preserve">The letter grade continues to colour reporting K-10
</t>
  </si>
  <si>
    <t>A small move away from just letter grades</t>
  </si>
  <si>
    <t>Should be reported  on all year</t>
  </si>
  <si>
    <t xml:space="preserve">A step to ownership and personalized learning </t>
  </si>
  <si>
    <t xml:space="preserve">Agree BUT need to fund for this
</t>
  </si>
  <si>
    <t>The frequency of reporting is less important than the quality  and content of the reporting.</t>
  </si>
  <si>
    <t xml:space="preserve">It's consistent </t>
  </si>
  <si>
    <t>Post Secondary institutions need these.</t>
  </si>
  <si>
    <t>Why would teachers have to report uaing two different scoring methods?  Pick one or the other.</t>
  </si>
  <si>
    <t>Students should be self aware of their learning and be able to express it.</t>
  </si>
  <si>
    <t>I am not sure how letter grades and percentages in grades 10 to 12 fits this policy.</t>
  </si>
  <si>
    <t>I am unsure that the focus should be on 5 reporting times.  I feel the content and quality of reporting is more important than frequency.</t>
  </si>
  <si>
    <t xml:space="preserve">We have found at grades 8 and 9 that teachers prefer a six point scale but I do agree with proficiency reporting and descriptive feedback. </t>
  </si>
  <si>
    <t xml:space="preserve">I know that universities look at this, but I think proficiency reporting could be used at all grade levels. </t>
  </si>
  <si>
    <t xml:space="preserve">It is confusing to have multiple reporting ways. </t>
  </si>
  <si>
    <t xml:space="preserve">At high school who leads this and how to attach to report cards? </t>
  </si>
  <si>
    <t xml:space="preserve">I like the idea of students having personalized learning plans. </t>
  </si>
  <si>
    <t xml:space="preserve">I am not sure what this looks like in practice. It’s not clear how percentages would do this. </t>
  </si>
  <si>
    <t xml:space="preserve">Time consuming and too much for all involved.  Quality over quantity.  </t>
  </si>
  <si>
    <t>It is good because parents understand it where as the new curriculum and reporting is very foreign to them</t>
  </si>
  <si>
    <t xml:space="preserve">It is too many reporting periods. </t>
  </si>
  <si>
    <t xml:space="preserve">Too much freedom to interpret what constitutes each level by teachers. Leads to confusion and inconsistent assessment practices and reporting. </t>
  </si>
  <si>
    <t xml:space="preserve">Report cards are already written primarily on our personal time. We are not provided with enough prep time to adequately do the reporting already required.  Furthermore, you keep increasing the class sizes, making it impossible to actually observe and assess students properly. </t>
  </si>
  <si>
    <t xml:space="preserve">I agree with the structure, but it is all a lie.  Students are not held to any standards and all of them are just passed through the system because nobody wants to pay for them to repeat a grade. </t>
  </si>
  <si>
    <t>If letter grades are the system used, then just use them! There is no point in a 1-4 system that converts to letter grades, because then people just associate those categories with grades (which is already done sadly, e.g., emerging is D, developing is C, prof is B and extending A)</t>
  </si>
  <si>
    <t xml:space="preserve">"Some continuity" lol - just pick a system a stick to it. </t>
  </si>
  <si>
    <t>The assessments done in younger grades are a joke.  Maybe it could be used effectively in the higher grades.</t>
  </si>
  <si>
    <t xml:space="preserve">Teachers already use these techniques in the classroom, but it should not be a part of the reporting process. </t>
  </si>
  <si>
    <t>You do not properly fund the education of all learners.  I pay out of pocket to support them so please don't act like the government actually cares. FUND EDUCATION!</t>
  </si>
  <si>
    <t xml:space="preserve">There is already NO time. You have to do reading assessments 4 times a year, 3 reports + interim/interviews. You have a million different learners and zero prep time or support. If you actually increase the amount of reporting, you will see a mass exodus of teachers. We're overworked and broken. </t>
  </si>
  <si>
    <t>If a Proficiency Scale is meant to encourage growth, then letter grades should NOT be given, since they defeat the purpose of reducing focus on marks.  Ideally, report cards should be completely descriptive instead of artificially putting students into 4 boxes (emerging, developing, etc.)</t>
  </si>
  <si>
    <t>Proficiency Scale should not be tied to grades.</t>
  </si>
  <si>
    <t xml:space="preserve">Some standards cannot be geared to individual needs.  A student teaching cooking must be able to operate equipment in a particular way, students learning certain academics must be able to demonstrate their skills in particular formats that may not be "inclusive".  </t>
  </si>
  <si>
    <t xml:space="preserve">The government is sending mixed messages about assessment.  Do they want to focus on growth, or on grades?  Four point scales are still a form of grade, and students will compete to get a "Proficient" or an "Extending", instead of competing for an A or a B.  </t>
  </si>
  <si>
    <t>Three written summaries seem to be counterintuitive to continuous reporting. If we are having teachers do eportfolios as well as three written reports, it's too much. Also, what practice is best to help improve student's learning? Probably not the formal written ones</t>
  </si>
  <si>
    <t xml:space="preserve">research has shown that self assessment to be very influential in improving student learning. </t>
  </si>
  <si>
    <t>Involving students in setting their goals and reflecting on them has been shown to be very influential in improving student progress (- see John Hattie's research)</t>
  </si>
  <si>
    <t>The scope that many teachers use to evaluate students is too narrow right now - the practice of valuing diversity doesn't match the theory of how to do this, so having it be a mandated component might help shift that movement in a positive way.</t>
  </si>
  <si>
    <t xml:space="preserve">The frequency of reporting isn't really the issue - the issue is that teachers default to the paper report looking like the old style reports and their thinking &amp; practice doesn't have to evolve to Assessment For Learning. Also, having to do eportfolio posts and three written reports is in effecie. </t>
  </si>
  <si>
    <t>I don’t know that it gives enough of. A description as to where a student is at. Developing covers a really large range of abilities, it would be nice to see it broken down further.</t>
  </si>
  <si>
    <t>This felt like a hoop to jump through</t>
  </si>
  <si>
    <t>What’s happening now is fine</t>
  </si>
  <si>
    <t>I’d really rather a short chat with a teacher over a written report.</t>
  </si>
  <si>
    <t>5? That makes no sense. 4 is what we need at high school. 2 per semester. No more or less.
Middle and primary school may need something else and that is okay.</t>
  </si>
  <si>
    <t xml:space="preserve">Those words are meaningless descriptors.
These words don’t inform students or parents in a meaningful way. Particularly when a student is struggling to read.
</t>
  </si>
  <si>
    <t>Letter and number grades work because both parents and students understand what it means.</t>
  </si>
  <si>
    <t>Silly option that is meaningless to teachers, parents, and students.</t>
  </si>
  <si>
    <t xml:space="preserve">The core competencies have not been marketed well to teachers and parents. Many teacher, especially older ones don’t use them. They are not being used because they haven’t been written with students of all levels in mind and therefore rarely are relatable to students lives. </t>
  </si>
  <si>
    <t>Many students goals are too vague or not relevant. Such as, “my goal is to not go to school.”</t>
  </si>
  <si>
    <t>Inclusion does not work for all students. This is especially true when the resources are not available through the new funding model. EA are not paid enough to be qualified to provide the support needed.</t>
  </si>
  <si>
    <t>Students learn that they can’t fail and can’t earn good grades and subsequently learn that they don’t have to do work. They learn poor work habits and lack all motivation to learn. It is sad but very true. The last 5 years I have taught more illiterate students than in my entire career.</t>
  </si>
  <si>
    <t xml:space="preserve">I would like 3-4 progress reports as I am already in regular contact with parents if students have academic needs and feel I am repeating myself having 5 reports to complete. </t>
  </si>
  <si>
    <t xml:space="preserve">While as a teacher I understand the rational in switching to this system many of my students parents are still trying to assign letter grades to the 4 categories and often ask if their child receives a mark of emerging are they failing. </t>
  </si>
  <si>
    <t xml:space="preserve">I think letter grade should start earlier and be used in grade 7-12 at least. </t>
  </si>
  <si>
    <t xml:space="preserve">This would be very confusing. </t>
  </si>
  <si>
    <t xml:space="preserve">It is a good reminder to focus on the core competencies and a great way for students to self reflect. </t>
  </si>
  <si>
    <t>It’s a lot of work writing reports, only to have students and parents look at the proficiency scale and not read the comment.</t>
  </si>
  <si>
    <t>There needs to be a fifth category between Developing and Proficient. I am constantly finding that I have students who are above Developing, but do not quite meet the expectations of Proficient.</t>
  </si>
  <si>
    <t>What’s the point of using the proficiency scale at all then? Percentage is a poor way of judging a students competence.</t>
  </si>
  <si>
    <t>This is creating extra work for teachers that will be considered of little benefit to students and parents. It would cause the letter grade and the proficiency scale to become synonymous.</t>
  </si>
  <si>
    <t>The implementation of this would require in service to teachers. Who would be taking this on? In which class would they do it? What if they don’t do it? Who is responsible for teaching students to assess productively?</t>
  </si>
  <si>
    <t>How do I use the scale for modified or adapted students? Are they extending if their tasks are below grade level? Would letter grades in 10-12 be an asset to students with disabilities or diverse abilities?</t>
  </si>
  <si>
    <t xml:space="preserve">A fifth category between developing and proficient </t>
  </si>
  <si>
    <t xml:space="preserve">Descriptive feedback for all subject areas is a lot of extra work for teachers, especially elementary. </t>
  </si>
  <si>
    <t>Why do we change the reporting suddenly in grades 10-12?  It gives the impression that the performance scales aren’t “real”.</t>
  </si>
  <si>
    <t>This is great, if teachers and staff are given more support. This is a lot for one teacher to do for 30 students, when there isn’t enough support to even understand most students’ unique abilities.</t>
  </si>
  <si>
    <t>MyEd BC</t>
  </si>
  <si>
    <t>This is the worst platform for reporting I have ever encountered. It is not user friendly, and is unnecessarily time-consuming to use. Teachers would have more time for authentic assessment if the reporting platform wasn’t frustrating at every turn. It seems like it was created to not be usable.</t>
  </si>
  <si>
    <t xml:space="preserve">It’s way too broad and not consistent from teacher to teacher. </t>
  </si>
  <si>
    <t xml:space="preserve">It’s the way things are in University so it sets them up for success if they continue education </t>
  </si>
  <si>
    <t>I love that kids have the opportunity to self assess</t>
  </si>
  <si>
    <t xml:space="preserve">Students making goals is great </t>
  </si>
  <si>
    <t>I find there isn’t enough engagement with parents and the individuals entrusted with our children’s learning with the current system.</t>
  </si>
  <si>
    <t>The descriptive feedback portion should be mandatory to fill out for instructors for all subject areas. I have seen instructors refer to the summary page only and some instances no mention of the subject area is made in the summary. Filling the descriptive portion will serve as a check.</t>
  </si>
  <si>
    <t>A student should be allowed to reflect before filling this out. A self assessment is only effective if there is time for self reflection, and this skill doesn’t come easily for all children.</t>
  </si>
  <si>
    <t>Exemples are still needed of what each of these looks like. There used to be examples that went along with the rubrics for writing. Very helpful.</t>
  </si>
  <si>
    <t>Not having these was very difficult for high school teachers reporting.</t>
  </si>
  <si>
    <t>This is the core of what is important.</t>
  </si>
  <si>
    <t xml:space="preserve">Teachers need more guidance of what this will look like. </t>
  </si>
  <si>
    <t>Using MyEd</t>
  </si>
  <si>
    <t>For a while during the pilot we used the portal, photos, and written descriptions. This was way more effective than myed. Another option for how written reports are shared would be helpful.</t>
  </si>
  <si>
    <t xml:space="preserve">It would make more sense to have 4 in total.  3 updates and 1 summary. That way learning can be reported quarterly in equal intervals. </t>
  </si>
  <si>
    <t xml:space="preserve">I wonder if it is misleading calling it a proficiency scale, and also having proficient as one of the categories. </t>
  </si>
  <si>
    <t xml:space="preserve">Many high schools have grade 9 in them. I feel it might be good to blend a 4 point and a letter grade/percentage in grade 9 to ease the transition. </t>
  </si>
  <si>
    <t xml:space="preserve">I feel that in some contexts the 4 point should be used instead of letter/percentage. For students who are on IEPs. Perhaps some courses are harder to quantify with a letter or grade such as PHE. </t>
  </si>
  <si>
    <t xml:space="preserve">It is not clear if this would be required in every reporting period. </t>
  </si>
  <si>
    <t xml:space="preserve">There needs to be a way to ensure these goals follow them throughout the year. One consistent platform across school districts or even the province. These goals should not be set to a reporting period or year time line but be assessed and achieved at a students own pace. </t>
  </si>
  <si>
    <t>Sometimes difficult to give meaningful assessment and feedback as well as write so many reports</t>
  </si>
  <si>
    <t xml:space="preserve">There needs to be one more indicator between developing and proficient. I feel there are high developing and low developing students </t>
  </si>
  <si>
    <t>Using the word scale until grade 9 seems like what we are doing at this level isn’t as important as high school and a lot of students feel this way too. There should be consistency from grade 7-12</t>
  </si>
  <si>
    <t>5 is too many. Teachers already have too much to do and work crazy hours.</t>
  </si>
  <si>
    <t>Students either hate it or now don’t care about their progress. They know they can’t fail, so they don’t try. Once grade 10 comes they are shocked that the emerging they’ve been receiving lands them failing a course.</t>
  </si>
  <si>
    <t>With practice, guidance, and support, many students still struggle with self assessment. High achievers are often too critical and low achievers inflate their abilities.</t>
  </si>
  <si>
    <t>Students have difficulty setting goals beyond “get an A or an extending”. They receive lessons and coaching on goal setting but many don’t apply them to big picture ideas, ownership over learning, etc.</t>
  </si>
  <si>
    <t>Very little guidance or training in how to report on or assess diverse learners.</t>
  </si>
  <si>
    <t>The proficiency scale doesn’t work. After elementary, many students stop trying and think they will continue to be moved on to the next grade all the way through grade 12 because an emerging isn’t an I or an F.</t>
  </si>
  <si>
    <t>Time consuming on MyEd. I feel if MyEd was streamlined somehow and made more teacher friendly it would be better.
Deleting past term comments is time consuming and doesn’t allow for reflection when writing new reports for students. Keeping a paper copy for each student is costly and time consuming.</t>
  </si>
  <si>
    <t>The scale is a misrepresentation as to how far as student has come, even though you refer to it in comment section. Rating for each term reflects expectation to date or grade level expectation.</t>
  </si>
  <si>
    <t>It’s a great concept but in kindergarten, it is difficult for students to accurately ‘self assess’ even with thorough teaching. It is time consuming and results are often inaccurate.</t>
  </si>
  <si>
    <t>I like that it is personalized however, it makes it very time consuming!</t>
  </si>
  <si>
    <t>Having different touch points in the fall and spring help parents know what is happening sooner than just Christmas and end of year</t>
  </si>
  <si>
    <t>As a parent it is hard to
Understand what these words means and at what point there should be concern. Emerging is failing , yet the wording disguises the fact. My kids and I do not know what they mean. They are abstract words meant to provide insight but they fail to do that.</t>
  </si>
  <si>
    <t xml:space="preserve">I find this easier to help support and track my child’s progress. It has also demonstrated that the percentage and letter grade is motivational and understandable </t>
  </si>
  <si>
    <t xml:space="preserve">My kids struggle with this- although I see this as valuable , when they state that this is only being touched upon at the end of the year- I fail to see the relevance </t>
  </si>
  <si>
    <t xml:space="preserve">I’m not sure this is happening - the government is placing extra stressors on already stretched parents </t>
  </si>
  <si>
    <t>Of course it should be inclusive , however , can teachers meet the needs of all students in every lesson in every class ??</t>
  </si>
  <si>
    <t xml:space="preserve">I hate the language , kids and parents do not know what it means. I think it hides kids falling through the gaps better . Kids should be able to fail, or struggle. We are trying to enable to much in our education system. </t>
  </si>
  <si>
    <t xml:space="preserve">Communication should be ongoing with parents , this drastically changes at the middle and high school level. </t>
  </si>
  <si>
    <t xml:space="preserve">Kids report to me continually that they do not know what the words mean, they would prefer percentage and letter grades all the way. They find it difficult to comprehend their abilities or ways to improve. </t>
  </si>
  <si>
    <t xml:space="preserve">Kids prefer this. At high school we see such a shift in accountability , some is developmental , but failure is a reality of life and currently we are stripping kids of this which decreases resiliency </t>
  </si>
  <si>
    <t xml:space="preserve">The scale is a terrible idea </t>
  </si>
  <si>
    <t xml:space="preserve">Kids think this reflection piece is dumb. They do not see the point . Reflection and perspective taking is not an easy task especially if developmentally they do not have the capacity </t>
  </si>
  <si>
    <t xml:space="preserve">Kids don’t buy into school until there is something in it for them. They know they won’t fail , so they are unengaged and disinterested </t>
  </si>
  <si>
    <t xml:space="preserve">I don’t believe that inclusion works , I don’t think that all students are getting what they need in the classroom </t>
  </si>
  <si>
    <t xml:space="preserve">Students need to be able to fail , especially starting in grade 7. We are loading kids all the time , and they are uninterested and can not think long term . Again this is developmental -goal setting and reflection won’t ch age that . </t>
  </si>
  <si>
    <t>With the amount I talk to parents anyway, it feels redundant to have that many reporting periods.</t>
  </si>
  <si>
    <t>For my age group grades 7-9, these proficiency scales are setting my students up for failure in grade 10+.</t>
  </si>
  <si>
    <t>This is how the world grades, it is setting them up to flourish in a post secondary education.</t>
  </si>
  <si>
    <t>As previous stated, it is setting them up for failure.</t>
  </si>
  <si>
    <t>Some students benefit, some students don't take bbn it seriously and believe it is a waste of time.</t>
  </si>
  <si>
    <t>Everyone should know how to goal set.</t>
  </si>
  <si>
    <t>I love that it is inclusive but some students will never get past emerging because of their development.</t>
  </si>
  <si>
    <t>Past grade 4 or 5, they need letter grades or percentages because it helps them prepare for a world of grading.</t>
  </si>
  <si>
    <t>Students should be showing their work to parents on an ongoing basis and parents should make the effort to check in on their child’s learning. Putting more work on teachers is not the answer.</t>
  </si>
  <si>
    <t>This scale does not imply consequences for learners. The scale is meant to foster a growth mindset but does the opposite when applied in an actual classroom.</t>
  </si>
  <si>
    <t>Letter grades should be applied in reporting from grades 4-12.</t>
  </si>
  <si>
    <t>Students often take this as a joke. Students are less socially and emotionally aware than in the past.</t>
  </si>
  <si>
    <t>I would prefer more feedback on the state of my child’s learning. This is a topic very dear to me. I would like to see short but more frequent reports</t>
  </si>
  <si>
    <t>This scale is tailored to not hurt feeling but doesn’t tell me anything. What was wrong with letter grades?</t>
  </si>
  <si>
    <t xml:space="preserve">Letter grades are a much more granular indicator of current proficiency. </t>
  </si>
  <si>
    <t>Lose the silly proficiency scale</t>
  </si>
  <si>
    <t xml:space="preserve">Self assessment is great but it needs to be backed by real figures. Use self assessment in conjunction with letter grades to give parents a real idea of both actual proficiency and perceived proficiency </t>
  </si>
  <si>
    <t xml:space="preserve">Self setting goals is a life skill. By all means allow students to set goals within the framework of the curriculum. </t>
  </si>
  <si>
    <t xml:space="preserve">I don’t see why teachers are required to group all learning abilities into one group. This means those with learning disabilities will be assessed on the same scale as those without? Sounds like the few dragging down the many. </t>
  </si>
  <si>
    <t xml:space="preserve">Lose the proficiency scale not sucks for parents. </t>
  </si>
  <si>
    <t xml:space="preserve">Most parents I know feel the scale too broad which can lead to learning deficits going unnoticed. </t>
  </si>
  <si>
    <t xml:space="preserve">Learning is continuous and should not have a timeline.  When we use letter grades to assess learning it does not give a true representation of student learning and does not coincide with the new curriculum. </t>
  </si>
  <si>
    <t>Until universities change their way of reporting we need to prepare students for this type of assessment.  At this age they should be responsible enough to monitor their learning.</t>
  </si>
  <si>
    <t>The time it will take to create these reports when little time is provided outside of classroom instruction; have to use own time in evenings and weekends. Also, the potential lack of training for said reports to create relevant and authentic feedback.</t>
  </si>
  <si>
    <t>Although I teach seniors, I find the proficiency scale a productive way for students to understand their learning in a formative way and it removes them from the competition of grades and "grade obsession".</t>
  </si>
  <si>
    <t>I think that the proficiency scale should also be used for 10-12 as it would continue what they understand from K-9 and provide them with feedback to continue to grow and learn vs. letter grade and percentage focused learning and tasks. Educators will need time and training.</t>
  </si>
  <si>
    <t xml:space="preserve">I would like to see the proficiency scale used in 10-12 as the students benefit from more authentic reporting that helps them understand their skills and knowledge in ways that promote deep continuous learning vs rote learning. Yet educators will need the time to create these and training. </t>
  </si>
  <si>
    <t>Having students reflect on their learning is incredibly beneficial yet only if they understand the process and can reflect and apply the advice for growth. Educators need to explicitly share this method, explain the language and model it for students instead of saying "here, self assess".</t>
  </si>
  <si>
    <t>I support the idea of student goal setting and ownership of learning as long as all educators understand the process themselves and what is considered valuable and relevant inquiry regarding specific disciplines and subject matter. Educators will need training and support.</t>
  </si>
  <si>
    <t>Diversity and inclusion in assessment are vital for students and educators to support all ways of learning. However, training is needed for educators as many have deep bias and are ignorant of the skewed system of reporting and assessment that privilege white Euro-Canadian models/expectations</t>
  </si>
  <si>
    <t>Time and training for educators</t>
  </si>
  <si>
    <t>This proposal although it appears beneficial can only find success with time in the work day for educators to create effective and personalized assessment strategies for learners. There also needs to be extensive training/education for teachers to learn how to implement these strategies effectively</t>
  </si>
  <si>
    <t>The term “reporting events” feels summative to me. I use FresgphGrade, am online portfolio system, and parents have regular and ongoing feedback. Still, I am required to create summative reports regularly which goes against a growth model.</t>
  </si>
  <si>
    <t>We already use a four point proficiency scale with the terms not yet meeting, approaching, meeting, mastering</t>
  </si>
  <si>
    <t>Why do both? These terms can be used anecdotally but the two systems are not aligned and it’s extra work for the teacher to report using both languages and models.</t>
  </si>
  <si>
    <t>I have not had valuable success with this concept in five years. There are too many core competencies and my students are no strong enough at meta cognition yet.</t>
  </si>
  <si>
    <t>This concept can be part of a classroom experience but to formalize it creates basically an IEP for each child that the teacher must collect data for and document. Without time to meet one on one this is a burden.</t>
  </si>
  <si>
    <t xml:space="preserve">Good teachers are already doing this. Why not fund categories like learning disabilities so that theses needs can be met? </t>
  </si>
  <si>
    <t xml:space="preserve">Too many things keep getting added to assessment without time or training to do it well. </t>
  </si>
  <si>
    <t xml:space="preserve">The reporting periods give a clear snapshot of student progress, while still allowing for time for the student to make adjustments or add in any supports. That said, I worked at a middle school last year and the reporting felt far too frequent. </t>
  </si>
  <si>
    <t xml:space="preserve">It can be perilously unclear for students where they stand. A student with Developing for example can be in danger of failing the course or be fine and only struggle in some specific areas. They are surprised when they come to grade 10 and fail. </t>
  </si>
  <si>
    <t xml:space="preserve">Students want to know where they stand. A number does this. Language is too ambivalent. </t>
  </si>
  <si>
    <t xml:space="preserve">Same reasons as above. Students need to know where they stand. University and College admissions require specific standards and proficiency scales water it down in my opinion. </t>
  </si>
  <si>
    <t xml:space="preserve">Self assessment is important. This is a good practice </t>
  </si>
  <si>
    <t xml:space="preserve">Many students just want “to get done” so applying goal setting requirements on them will not be beneficial. Many students don’t know what the future holds. </t>
  </si>
  <si>
    <t xml:space="preserve">It does not prepare students for high school. They arrive vastly unprepared and flounder upon arrival. </t>
  </si>
  <si>
    <t>This seems very reasonable, however in the student progress report order, it then refers to performance scale for K, 1-3, letter grades for 4 and 5 and letter grades for 6-9. Which scale will be used?</t>
  </si>
  <si>
    <t>Hopefully this too will change as universities and colleges start to use letter grades as a means of entrance requirement less.</t>
  </si>
  <si>
    <t>Slowly ease 10-12 teachers, universities and colleges into using this scale.</t>
  </si>
  <si>
    <t>Would be nice if digital documentation of core competencies was stated as an option.</t>
  </si>
  <si>
    <t>Direction/suggestions on how this will be reported?</t>
  </si>
  <si>
    <t>Match reporting policy to student progress report order</t>
  </si>
  <si>
    <t>The disconnect between the reporting policy and the student progress report order is confusing</t>
  </si>
  <si>
    <t>For a secondary system divided into two semesters, this does not make sense when there should be an interim report and a final report at the end of each semester.</t>
  </si>
  <si>
    <t>First, your scale of satisfaction does not make sense: slightly satisfied before neutral? Secondly, with many (most) secondary schools starting in grade 9, it does not make sense to use proficiency scales in this grade and then switch to a traditional grade system for 10-12.</t>
  </si>
  <si>
    <t>See above. Letter grades should extend from 9-12.</t>
  </si>
  <si>
    <t>The policy should be consistent throughout secondary schools. Proficiency scales can be used in the classroom, but should be translated to a letter/number grade in secondary.</t>
  </si>
  <si>
    <t xml:space="preserve">Core competencies are obviously very important but self-assessment, and teacher assessment of these areas may not be appropriate in some subjects and places an undue burden on students and teachers simply for the sake of reporting in secondary. </t>
  </si>
  <si>
    <t xml:space="preserve">Again, not necessarily appropriate in some subject areas in secondary when students are taking 8 courses over two semesters. </t>
  </si>
  <si>
    <t>Teachers are already inclusive. What does this mean in practice?</t>
  </si>
  <si>
    <t>Letter grades &amp; percentages in 9-12</t>
  </si>
  <si>
    <t>Students are motivated by letter grades and percentages. Emerging to extending proficiency scales are useful but do not allow a teacher to assess overall student work in secondary at the end of a course. Assessment practices should be consistent across secondary 9-12.</t>
  </si>
  <si>
    <t xml:space="preserve">The reporting method is very subjective, and I find my child's two report cards can have completely different scores in the same subject with very little explanation as to why, and no real ability to predict what the grade will be from between report communication. </t>
  </si>
  <si>
    <t>I find a lot of variation in how my children's teachers interpret the proficiency scale. It appears too subjective.</t>
  </si>
  <si>
    <t>I think letter grades are essential for university. I think the transition to letter grades should happen sooner, so adjust Grade 8+ to the method.</t>
  </si>
  <si>
    <t xml:space="preserve">Letter grades are a better transition to university. The teacher comments are a good area for expanding on these numbers with specifics. </t>
  </si>
  <si>
    <t>I do not find the proficiency scale a clear way of communicating</t>
  </si>
  <si>
    <t>This is adding another report at the end of the year.  Currently we have four reporting periods.  You are adding more work.
This is NOT the time to do this if you respect the incredible amount of work teachers have put in (with almost zero supports) to keep the system afloat during Covid.</t>
  </si>
  <si>
    <t xml:space="preserve">Parents want to know this. </t>
  </si>
  <si>
    <t>And when do we find the time to do this?</t>
  </si>
  <si>
    <t>And  what supports and funding will be added to achieve this goal?
If past practice is any indication, zero.  It will all be put on the classroom teacher.</t>
  </si>
  <si>
    <t>More reporting takes away from learning, not supporting it.</t>
  </si>
  <si>
    <t>Our school already uses this model and it works well.</t>
  </si>
  <si>
    <t>again, our school already does these things.</t>
  </si>
  <si>
    <t>I would love to leave a nuanced, well thought-out response. Unfortunately, whoever designed this survey only allowed room for 2 or 3 sentences before this field is filled.</t>
  </si>
  <si>
    <t>This survey MUST be redone, with response fields that are large enough for a response.</t>
  </si>
  <si>
    <t>This field is too small for a response! Who designed this survey? I'm going to fill the rest of the field: RRRRRRRRRRRRRRRRRRRRRRRRRRRRRRRRRRRRRRRRRRRRRRRRRRRRRRRRRRRRRRRRRRRRRRRRRRRRRRRRRRRRRRRRRRRRRRRRRRRRRRRRRRRRRRRRRRRRRRRRRRRRRRRRRRRRRRRRRRRRRRRRRRRRRRRRRRRRRRRRRRRRRRRRRRRRRR and now it's full.</t>
  </si>
  <si>
    <t>See Dunning-Kruger effect. 
https://en.wikipedia.org/wiki/Dunning%E2%80%93Kruger_effect</t>
  </si>
  <si>
    <t>Again, this field is WAY too small for an intelligent response.</t>
  </si>
  <si>
    <t>Not enough room in this field to respond. This survey should be redone. In addition, the categories are biased. I choose between Extremely Satisfied, Very Satisfied (which mean the same thing), Neutral, Slightly Satisfied, and Not at all satisfied. Where is "slightly dis-satisfied"?</t>
  </si>
  <si>
    <t>There is not enough room to respond in this incredibly biased and poorly thought-out survey.</t>
  </si>
  <si>
    <t>I would have liked to have seen more written Learning Updates, especially for high school students.</t>
  </si>
  <si>
    <t>Moving away from letter grades and percentages is a priority for engaging students in their learning and keeping them motivated. Tells them and parents way more about how they are doing and where they need to go next.</t>
  </si>
  <si>
    <t>I wanted it to be a K-12 shift with the understanding that some institutions or parents/guardians would want a "conversion table" of some sort. I would also like to see the Ministry give a more detailed conversion table with logic rules, etc. to help with consistency.</t>
  </si>
  <si>
    <t>I'm not sure it's the best way to have students and teachers engaged in the language and work of the core competencies. Makes it more of a compliance piece rather than just a part of good teaching and learning.</t>
  </si>
  <si>
    <t>We need more teachers and students doing this. Great start to have it included in reporting documents.</t>
  </si>
  <si>
    <t>would like interim reports and more interactions directly with teachers</t>
  </si>
  <si>
    <t>At grade 7 level both my kids wanted grades not the scale. They wanted more detail on how they were doing, more nuance.</t>
  </si>
  <si>
    <t>percentages let you know a finer level of detail on how they're doing. Would still like some written description of how they're doing outside of the grade, areas they could improve what's working well etc.</t>
  </si>
  <si>
    <t>my kids don't really seem to care for this, I sometimes learn something new from it but rarely.</t>
  </si>
  <si>
    <t>working so far</t>
  </si>
  <si>
    <t>I want to say extremely, because I love the idea. But the reality is that these policies are poorly implemented by the province and the district. Money needs to be allotted to ensure that teachers, EAs, and other staff receive appropriate and ongoing training in DEI, disabilities and neurodiversity.</t>
  </si>
  <si>
    <t>MORE FUNDING</t>
  </si>
  <si>
    <t>Education has been chronically underfunded for over 1.5 decades. We need to invest in more teachers, EAs and resources. We need to make sure that geography and DEI issues aren't responsible for inequitable access to education before we can even implement new policy. INCREASE FUNDING.</t>
  </si>
  <si>
    <t>It balances the need for clear, consistent, and regular communication with the workload of faculty. The only thing that would increase satisfaction is that the current policy still makes it sound like the default written learning update is an interim report card. An implementation guide might help.</t>
  </si>
  <si>
    <t>Consistent province wide approach that is more meaningful than letter grades.</t>
  </si>
  <si>
    <t>I recognize the post-secondary effect, but to say that post-secondaries can't adapt to different reporting methods seems a stretch given they adapt to students from different jurisdictions all the time. At the very least some shift to the proficiency scale would be a good idea.</t>
  </si>
  <si>
    <t>By not making it required, there is very little incentive for most schools to include it, especially since it would have to be added to the already busy amount of information of both a letter grade and percentage. Additionally, a conversion scale would be necessary.</t>
  </si>
  <si>
    <t>This is the biggest flaw in that it is not required to have the proficiency scale even in the interim while we transition a population to fully embracing more meaningful language.</t>
  </si>
  <si>
    <t xml:space="preserve">Official written reports are done every report card however minor updates or challenges with academic work aren't communicated until those time. The child may already be behind and may not have enough time for parents to take action (such as changing academic strategies or hiring tutors). </t>
  </si>
  <si>
    <t xml:space="preserve">While this works at lower grades, it often leaves parents wondering at what level their child is performing. For example, if you see a "developing" on science, if this an indication of scientific skills or other supporting skills (can't fill report properly vs complete experiment/discussion) </t>
  </si>
  <si>
    <t xml:space="preserve">At grade 10-12, the child is expected to have all basic skills which may have been miscommunication due to previous system. In addition to needing to catch up, now you introduce a grading system which increases stress. Early introduction would mean less pressure in critical years. </t>
  </si>
  <si>
    <t xml:space="preserve">For the purpose of continuation, this is a good idea but it can result in confusion for parents and child. </t>
  </si>
  <si>
    <t xml:space="preserve">Self assessment, when paired with education of executive skills, offers self advocacy and self determination education needed to succeed in further education or job market. </t>
  </si>
  <si>
    <t xml:space="preserve">Again, self determination and self advocacy should be taught and encouraged as early as possible. </t>
  </si>
  <si>
    <t xml:space="preserve">This continues to be a vague description of actual expectations within the academic environment. Inclusion doesn't equate to equity and it is certainly inconsistent across school districts and individual schools. </t>
  </si>
  <si>
    <t xml:space="preserve">The inconsistent practices of inclusion in school settings remains a point of contention. Parents are often excluded on what it means within the school environment and how their child's needs are being addressed. This plan doesn't address the issue at all. </t>
  </si>
  <si>
    <t>I think there should be more in person conversatiins between parents and teachers.</t>
  </si>
  <si>
    <t>I think all grade levels should be a letter grade system.</t>
  </si>
  <si>
    <t xml:space="preserve">This type of reporting is unclear and doesn’t motivate kids to be better. Once in grade 10 with percentages the kids are at a disadvantage. </t>
  </si>
  <si>
    <t xml:space="preserve">It is clear to all people </t>
  </si>
  <si>
    <t xml:space="preserve">It is not needed at upper level. </t>
  </si>
  <si>
    <t>My kids report to me that they feel having letter grades encourages them to work harder and its harder to find incentive with the proficiency scale.</t>
  </si>
  <si>
    <t>When the new reporting method was introduced a few years ago we were told there would be less not more. The most beneficial was when we did a parent/teacher/student interview, report card in December, met with parents again around March and final report at the end of the year.</t>
  </si>
  <si>
    <t>I still believe in Letter grades and a comment.  Some report cards sent to parents are too lengthy.  To be honest I think parents want simple and short and if there's an issue then make an appointment to meet with the teacher/parent etc.</t>
  </si>
  <si>
    <t>Reporting out should be looked at from the top down.  If post-secondary  institutions are using grades are we doing an injustice to the students when they receive an EMG, DEV, PROF or EXT.  Has there been any data/studies to see how BC students compare to other provinces.</t>
  </si>
  <si>
    <t>How do Post-Secondary Institutions view this???</t>
  </si>
  <si>
    <t>How useful is this?  Do parents, previous teacher's use this assessment.  Also, how valid are the responses?</t>
  </si>
  <si>
    <t>Is this beneficial for all students?  I see this as part of the curriculum (careers etc.) not to be included in student reporting K-12.</t>
  </si>
  <si>
    <t>Post-Secondary Institution's and their acceptance of a proficiency scale over letter grades. What will they take away from this?</t>
  </si>
  <si>
    <t xml:space="preserve">I believe that Covid has really given light that interaction and parent involvement in the school session is limited. I would suggest that children should be receiving three report cards written each year along with a written summary at year end. With parent/teacher interviews twice per year. </t>
  </si>
  <si>
    <t xml:space="preserve">Believe that letter grades should be for all 8-12 courses. </t>
  </si>
  <si>
    <t>Five reports on learning are adequate. I certainly hope there isn't an expectation to have more reports. The time that goes into writing meaningful reports takes away from the time I have for preparing lessons, prep, marking and delivering awesome classes. The process is exhausting.</t>
  </si>
  <si>
    <t>I've been told by admin that we are only allowed to submit EMERGING after certain conditions are met...which means going well beyond the 5 minimum reporting events.</t>
  </si>
  <si>
    <t>Students should be better prepared for adulthood, working, or success in post-secondary programs.</t>
  </si>
  <si>
    <t>Having both systems of reporting could be misleading or confusing for teachers, students and families.</t>
  </si>
  <si>
    <t>Should give more details about whats happening in classrooms</t>
  </si>
  <si>
    <t>My child is special needs, doesn’t communicate well. So more information the better.</t>
  </si>
  <si>
    <t>Gives better idea of how your chid is doing.</t>
  </si>
  <si>
    <t>I think the number of reports is ok, but I am not satisfied with the content of the reports</t>
  </si>
  <si>
    <t xml:space="preserve">Flexibility to  describe achievement that is between levels.  </t>
  </si>
  <si>
    <t>I believe that letter grades and percentages do not accurately describe learning.</t>
  </si>
  <si>
    <t>Scale should be instead of, not in addition to letter grades.</t>
  </si>
  <si>
    <t>Self assessments are challenging for my grade level.</t>
  </si>
  <si>
    <t>Again, I see the value in this, but maybe for older students?</t>
  </si>
  <si>
    <t>I don't what this means</t>
  </si>
  <si>
    <t>The 2 reports and 2 parent teacher interviews seem to be enough.  I wonder how meaningful the reports are under the current class sizes and make up of the students.</t>
  </si>
  <si>
    <t>Scale is fine with me so long as at some point I can have a meaningful conversation with the teacher.</t>
  </si>
  <si>
    <t>Either way.</t>
  </si>
  <si>
    <t>As long as it’s meaningful. Seems like not work for the teacher… I feel like a conversation would be far more useful.</t>
  </si>
  <si>
    <t>This works if there is time and space for a conversation.</t>
  </si>
  <si>
    <t xml:space="preserve">This just seems like a lot of paperwork. Is this something that could be done at home? </t>
  </si>
  <si>
    <t>Sounds lovely. But it’s lip service of the students are not coming with the support they need. I can’t imagine a teacher without help in the classroom.</t>
  </si>
  <si>
    <t xml:space="preserve">Sending diverse needs into a classroom without adequate support does no one any good. It’s hard on everyone. </t>
  </si>
  <si>
    <t>I feel 4 formal reporting periods are plenty; we are meant to also be doing feedback so students know where they are in their learning. That formal vs informal piece is a delicate balance and I feel this meets it.</t>
  </si>
  <si>
    <t>With the move to the revised curriculum it always irked me that we continued to use letter grades for Grades 4-9. We need students to be focused on the learning and growing, and we have enough evidence at this point that letter grades have the opposite effect. This is a well reasoned decision.</t>
  </si>
  <si>
    <t>While I do think we, as the educational system including post-secondary, should look at letter grades as something of the past, post-secondary is not there yet and we do need to move with them somewhat. This is reasonable.</t>
  </si>
  <si>
    <t xml:space="preserve">If we want to phase out letter grades, we need to do the same as Grade 4-9 did in the transitional years and start by making the performance scale mandatory for all grades. Then as proficiency in it is gained by students, teachers and parents we can start to move those last 3 grades away. 
</t>
  </si>
  <si>
    <t>More training is required around this AND a dedicated place this is happening in secondary. It should be done in every class, but wording of the order allows it to be shunted off to one class. Either make a place for it to happen, or make it mandatory that the self-assessment happens in all classes</t>
  </si>
  <si>
    <t>Again, this needs a place to happen in secondary or it will not occur. With so many different teachers this requires ownership by a teacher OR is done in every class by every teacher.</t>
  </si>
  <si>
    <t>I genuinely thought we were always meant to be doing this. Given that apparently it wasn't in the reporting policy, its a good thing it is now.</t>
  </si>
  <si>
    <t>Make it a mandatory part of the reporting.</t>
  </si>
  <si>
    <t xml:space="preserve">I don't prefer a scale of any sort. Reporting to families must be anecdotal, individualized and teacher generated in order to  be truly authentic and meaningful. </t>
  </si>
  <si>
    <t xml:space="preserve">I'm not looking for "consistency". What I'm looking for is individualized assessment of student progress, including challenges and strengths in all their many forms. Kids don't need to be ranked. </t>
  </si>
  <si>
    <t xml:space="preserve">Waste of time. </t>
  </si>
  <si>
    <t xml:space="preserve">At least this won't mean students with diverse needs have to be further stigmatized with a different set of reporting requirements. </t>
  </si>
  <si>
    <t xml:space="preserve">I want anecdotal. </t>
  </si>
  <si>
    <t>That is a lot of work to now increase to 4 learning updates. Yes only 2 have to be written but it is really restrictive for the other 2. I will end up becoming 2 formal and 2 interim reports if this is kept like this</t>
  </si>
  <si>
    <t>I don't feel a 4 point scale is effective</t>
  </si>
  <si>
    <t>I think this should be used for courses that are looked at for post-secondary institutions but for courses that are not, it can use the same scale as K-9 or just anecdotal</t>
  </si>
  <si>
    <t>I don't think we need to do both. More work again! Stop adding work on us during these time-consuming tasks</t>
  </si>
  <si>
    <t>Would need to know more about this. If it is done by a teacher on their own in the class and then at the end of the year, the student reports out on their own on the final summative report card, that would be fine.</t>
  </si>
  <si>
    <t>This should not be a requirement for students and be more teaching/grade/course-based versus universal.</t>
  </si>
  <si>
    <t xml:space="preserve">
</t>
  </si>
  <si>
    <t xml:space="preserve">My daughters need continuous feedback and we need to be communicated to support feedback provided. The current reporting system tells us nothing about the nuances that our children are experiencing. </t>
  </si>
  <si>
    <t xml:space="preserve">It's simply not enough information. Not all teachers are giving enough of a description in their write ups and as parents, we do not know how to support our kids as a result. Grades at least told us something with a line of where improvements need to be made and strengths our kids have. </t>
  </si>
  <si>
    <t xml:space="preserve">We aren't there yet. </t>
  </si>
  <si>
    <t>not there yet.</t>
  </si>
  <si>
    <t>This can be helpful to set goals, so long as the teacher is supporting those goals as well and it isn't just a useless exercise.</t>
  </si>
  <si>
    <t>Again, goal setting is just one tool. But the school must be able to support the goals so it's not just an exercise that goes nowhere. If we aren't prepared to resource our education system to support the goals, this sets students up for failure. Nice idea in theory.</t>
  </si>
  <si>
    <t>This tells me nothing about the diverse and inclusive practices of the ministry and districts. HOW will this policy ensure all students have equitable access to education and receive the adequate funding and resources to support their learning? Don't put things in that you can't support.</t>
  </si>
  <si>
    <t>see below</t>
  </si>
  <si>
    <t xml:space="preserve">ONE? These are all important. Don't rank children's needs. </t>
  </si>
  <si>
    <t>Reporting has not been sufficient. In the absence of proper grading systems, more personalization of comments is required. Several recent report cards have been practically useless in terms of quantitative feedback on skills proficiency or qualitative in terms of commentary beyond the cut and paste.</t>
  </si>
  <si>
    <t>While this may be appropriate for lower grades, persisting with it for grades 5 and above is not sufficiently preparing students for the academic road ahead and when combined with generic comments provides little guidance for students or parents. My child is unhappy with it as am I.</t>
  </si>
  <si>
    <t>This is a must for gr. 10 - 12 and it needs to be introduced much earlier - at least by grade 7. The public system will not keep pace with either the private or out of country applicants to post-secondary by assuming that students never exposed to a proper grading system will somehow adjust later.</t>
  </si>
  <si>
    <t>If a proper grading system is adopted, I see little value in maintaining the Proficiency Scale in parallel. Grades + descriptive comments should suffice and adding the Proficiency Scale would add workload to teachers unnecessarily.</t>
  </si>
  <si>
    <t>Introspection is a useful tool that has been ignored in past generations.</t>
  </si>
  <si>
    <t xml:space="preserve">I have seen such goal setting in practice and the concern is that a subset will set goals that are not useful, challenging, or measurable. If this is to be done, the teacher will have to firmly guide the goal setting phase.... not easy and requires a lot of one on one discussion. </t>
  </si>
  <si>
    <t>I can't evaluate the topic with such a vague description. Does the system not currently assist students with disabilities? You need to define "diverse abilities" and detail what "respond fully" would mean.</t>
  </si>
  <si>
    <t>Letter grades and % required from Grade 6 - 12</t>
  </si>
  <si>
    <t>While I recognize the pitfalls of over-emphasizing letter grade and %'s, my children have no benefited from their absence and has led to frustration on their part and ours as we have missed issues that should have been easy to spot. We do not position them for success without measurement tools.</t>
  </si>
  <si>
    <t xml:space="preserve">If high school teachers teach 210 students how do you expect them to give lengthy descriptive feedback that many times a year </t>
  </si>
  <si>
    <t xml:space="preserve">Most parents would rather have a letter grade. Is the ministry going to match the proficiency scale with the percentages? Many teachers teach all 8-12… much more work for junior teachers </t>
  </si>
  <si>
    <t xml:space="preserve">Can’t use a proficiency scale is the post secondary schools won’t accept it. </t>
  </si>
  <si>
    <t xml:space="preserve">Shouldn’t be an option </t>
  </si>
  <si>
    <t xml:space="preserve">Students are already stressed. Just adds more to them, especially high needs learners. </t>
  </si>
  <si>
    <t xml:space="preserve">Again more busy work for already stressed out kids </t>
  </si>
  <si>
    <t xml:space="preserve">4 options are not enough as students have a very wide range of abilities. International students who are learning English may receive reports with ‘Emerging’ in many subject area which won’t necessarily reflect their effort or understanding of content. </t>
  </si>
  <si>
    <t xml:space="preserve">Not necessary at this grade level. Two systems might be confusing. </t>
  </si>
  <si>
    <t>May or may not be useful. Not all students will be interested in self-assessment nor take it seriously. As well, English as a second language learners may not be able to express themselves in this way in their second language.</t>
  </si>
  <si>
    <t xml:space="preserve">As long as language learners are also included in this group. </t>
  </si>
  <si>
    <t>This may be confusing or misunderstood by parents of English language learners. Teachers may also make students down on this scale even if they understand content but can’t express themselves or explain clearly in English.</t>
  </si>
  <si>
    <t>I think it makes sense with semester systems to have two formal/written reports in a school year.  Teachers don't get overwhelmed throughout the course creating formal written reports in the midst of teaching and student learning.</t>
  </si>
  <si>
    <t>It gives more meaning to where students are at than a number or letter.</t>
  </si>
  <si>
    <t>Very often letter and number grades are calculated in such a way that they don't truly reflect a student's learning of the curricular competencies.  It can be difficult to weight each assessment properly to reflect true competencies and not just content when having to give point values and letters.</t>
  </si>
  <si>
    <t>I like that it's an option, but I think it should be required.  Make the change across BC and put pressure on Universities to change their focus from making money and comparing kids, back to education and learning.</t>
  </si>
  <si>
    <t xml:space="preserve">This will be good for increasing student awareness of the competencies.  </t>
  </si>
  <si>
    <t>I like that it includes personal and educational goals, for students that aren't sure of their career path yet.</t>
  </si>
  <si>
    <t>Turning student achievement into numbers and letter grades removes meaning from their accomplishments.  Being told that your skills are emerging or developing gives hope that it is possible to achieve.  Being told you have a 50% C- gives a sense of not being good enough.</t>
  </si>
  <si>
    <t xml:space="preserve">Teachers are already using digital portfolios to provide ongoing feedback to parents and students regarding their learning. Extra reporting is not needed. 
T are already working with an incredibly heavy workload and do not have the time to write extra reports that are extraneous and unnecessary. </t>
  </si>
  <si>
    <t>Parents still request letter grades for grades 4+. The proficiency scale is not clear to some parents who do not understand where their children are struggling. There is also dispute over what each section means, which creates a lack of continuity across schools and more confusion.</t>
  </si>
  <si>
    <t xml:space="preserve">Student self assessment often is not engaging to students and they do not participate as fully as they should. </t>
  </si>
  <si>
    <t xml:space="preserve">Students are already heavily loaded with the curriculum and outside activities. This may be highly stressful to them. Additionally, many teachers regularly incorporate goal setting with their students in meaningful ways. This does not seem meaningful. </t>
  </si>
  <si>
    <t>Clear examples need to be provided as to what this looks like. Teachers already do this, so why put it in here?</t>
  </si>
  <si>
    <t xml:space="preserve">Five reports is too many - especially in the elementary grades. It takes time in the fall just to get to know the students without focusing on reporting everything so soon and so frequent. </t>
  </si>
  <si>
    <t xml:space="preserve">The scale makes sense. It is not so different from the current scale. </t>
  </si>
  <si>
    <t xml:space="preserve">I’m not sure that is necessary. High school should be moving toward adulthood and hopefully higher education - they need to get used to percents rather than still relying on a proficiency scale. </t>
  </si>
  <si>
    <t xml:space="preserve">Once a year is plenty for student self-assessment. It is very difficult for elementary especially primary and either needs to be simplified greatly for them or taken out until they are older. </t>
  </si>
  <si>
    <t xml:space="preserve">Again, this needs to be simplified. Asking a kindergarten student to goal set on that deep a level throughout the year is difficult. Having student set 1 or 2 goals unique to them at their own level is reasonable. </t>
  </si>
  <si>
    <t xml:space="preserve">The frequency is a lot to ask of already overworked teachers and other staff members. Teachers already reach out to parents if they need to talk to them more frequently without enforcing it on everyone. Plus, in elementary, a proper reporting cannot be done that early or frequent in the school year </t>
  </si>
  <si>
    <t>This description is not detailed enough and does not clearly identify teachers’ responsibilities.  Reporting takes an extraordinary amount of teachers time and the lack of real clarity here does not allow for informed feedback.</t>
  </si>
  <si>
    <t>Consistent descriptors are important for student and parent understanding of progress and performance.</t>
  </si>
  <si>
    <t>Integrating the teaching of the core competencies takes significant time in primary grades.  Meaningful inclusion of student self assessment in reporting early on when students do not yet write often requires one on one time with each student.  The ministry needs to be mindful of these consideration</t>
  </si>
  <si>
    <t>Without more specifics it appears that these new requirements will significantly increase teacher workloads.  It’s we’ll know that teachers dedicate numerous hours of their own time to generate reporting documents.  This policy will unfairly affect elementary educators.</t>
  </si>
  <si>
    <t>It's always a rush for the 3 terms of reporting.  I can't see how having 5 reporting periods will communicate the most accurate portrait of the student's learning.</t>
  </si>
  <si>
    <t>The scales are very similar to what it was before but still doesn't give the opportunity to bypass/skip the scales for kids with special needs who may score "Emerging" in some areas for a long time.</t>
  </si>
  <si>
    <t>As long as post-secondary institutions require grades, schools need to supply them.</t>
  </si>
  <si>
    <t>Applicable for courses not needed for admission for post-sec applications.</t>
  </si>
  <si>
    <t>We already do consistent self-assessments with students but it would be nice to have a given framework or template to work from.</t>
  </si>
  <si>
    <t>We already do this but their goals often differ from their parents'/caregivers' and this means that we need to have two conversations - one with the child, one with the parents (with or without the child) in order to set a few simple goals.  It would be easier if it was one or the other.</t>
  </si>
  <si>
    <t>I hope the new policy also explains how at the primary level, we can assess and evaluate special needs children (who are not "allowed" to be on a modified program) who are not working at the grade level of the curriculum that they are placed in but are working within the curriculum</t>
  </si>
  <si>
    <t>It puts undue stress on teachers to have to report this often. Report card season was already challenging when it was less frequent, and having to communicate progress this often will cause more stress and burnout in teachers.</t>
  </si>
  <si>
    <t>I enjoy the proficiency scale, but find that "Proficient" should have a subset within it. "Proficient" is almost too vague as some might be C+ level proficient, and some might be A- proficient and yet are put at the same point.</t>
  </si>
  <si>
    <t xml:space="preserve">Inclusion of letter grades is understandable, but I find the percentage unnecessary and causes stress within students. </t>
  </si>
  <si>
    <t>Good to have students have goals, difficult to assess.</t>
  </si>
  <si>
    <t>Inclusion is great, but without extra support and continually rising class numbers; inclusion often becomes abandonment of those with higher needs. The support needs to be there. One classroom teacher cannot have 28 students, 5 IEPs, many undiagnosed kids, etc. More EAs, or small classes.</t>
  </si>
  <si>
    <t xml:space="preserve">More undue stress on teachers. </t>
  </si>
  <si>
    <t xml:space="preserve">Current reporting does not show a true reflection of student learning and is complicated for some parents to understand
Each district has different expecti0ns and forms of reporting 
There should be a province wide template that is easy to use that simply and realistically shows student learning </t>
  </si>
  <si>
    <t xml:space="preserve">Language is clear </t>
  </si>
  <si>
    <t>This is big for four and five year old learners 
Needs to be more simplistic at the Kindergarten level</t>
  </si>
  <si>
    <t xml:space="preserve">More support needs to be given to teachers drew requiring extra support in their class
More time needs to be given for classroom teachers, eas and resource staff to work together to do this style of reporting </t>
  </si>
  <si>
    <t>What are the two that aren’t written? Are these parent-teacher conferences, interms, etc?</t>
  </si>
  <si>
    <t xml:space="preserve">I think having a consistent scale through elementary is beneficial. </t>
  </si>
  <si>
    <t xml:space="preserve">I like the current way of only having it for the summarize report. </t>
  </si>
  <si>
    <t xml:space="preserve">I don’t think young primary students are ready to make their own goals. </t>
  </si>
  <si>
    <t>Too many written reports. I believe the communication , meeting we have in person with parents are far more valuable than that many reports. Having a conversation with them can make a huge difference in supporting the kid. A wriiten report is a one way communication.</t>
  </si>
  <si>
    <t>It makes it clear where the student is at</t>
  </si>
  <si>
    <t xml:space="preserve">I believe either letter or percentage but here is no point in both. </t>
  </si>
  <si>
    <t>Arent we already doing that anyways</t>
  </si>
  <si>
    <t>Already part of what we have To do</t>
  </si>
  <si>
    <t>We adapt as teachers, de dont need a rule To do so</t>
  </si>
  <si>
    <t>Parents dont do anything about written reports. They appreciate way more the ongoing informal feedbacks and conversations with us on their child progress. We spend so much time writing these and yet they are not what is really helping us To support the kid i  the classroom</t>
  </si>
  <si>
    <t>Too many written paragraphs required. Report cards take a min of 40 hrs per reporting period and I only work three days a week with a job share partner. Its ridiculous.</t>
  </si>
  <si>
    <t>The old way with check boxes is bestplus ONE paragraph per student per report.</t>
  </si>
  <si>
    <t>Too much like Fraser Institute. Does not take into account for student individual circumstances, disabilities, etc</t>
  </si>
  <si>
    <t>Teachers already do this, whether it is a govt requirement or not.</t>
  </si>
  <si>
    <t>This contradicts the provincial scale. Teachers again already do this, whether it is a govt requirement  or not.</t>
  </si>
  <si>
    <t>Less paragraph writing per report. I feel like I have to write a huge essay per subject per child,   and paragraphs end up being redundant and unhelpful.</t>
  </si>
  <si>
    <t>More reporting, less learning experiences.
I think it would be a mistake for the BC education system to put so much weight on reporting, when even just having to reporting events a year with an emphasis on parent and teacher communication instead, would do so much more. Reports  often go unread.</t>
  </si>
  <si>
    <t>The best research says that grades, and arguably performance levels, distract the audience of that assessment feedback from reading descriptive feedback.  Parents and students need to focus on descriptions of where their child is and where their child is going next, no proficiency levels needed</t>
  </si>
  <si>
    <t>Only because the world of university requires grades is this practical. If only this kind of evaluation could be done toward the end and to a minimal degree, so that students won’t be distracted by this, and focus on formative growth.</t>
  </si>
  <si>
    <t>The government would be better off having teachers invest in curriculum notes or real communication between parents and students. What communication strategy would work best for a family with both parents working, not necessarily at home all the time? Standard reports don’t reach these people.</t>
  </si>
  <si>
    <t>Doing this periodically and having teachers and students, and parents sometimes, reflecting on this together would be more effective than having teachers put more time into reports that may or may not be read by anyone. This is the potential to be a real conversation.</t>
  </si>
  <si>
    <t>If teachers can determine the time and place to do this throughout the year, this is a great idea. A lot of teachers already do this.  It would be a mistake to say exactly when this needs to happen.</t>
  </si>
  <si>
    <t>Inclusion is wonderful, but I am concerned that requiring more reporting would take time away from teachers really helping students with special needs be successful.  We want more learning, and therefore a more meaningful educational interaction, but more reporting could undermine inclusion.</t>
  </si>
  <si>
    <t>I think reducing the number of reports to two per year would increase time teachers and students focus on meaningful learning interactions and create space for more learning focus dialogue.  More reporting would reduce the flexibility that teachers have to deliver inclusive, customized programs.</t>
  </si>
  <si>
    <t xml:space="preserve">I think letter grades are more clear.  Everyone knows the difference between an A, B and C.  We have been told that "proficient" includes too wide of a range of students.  Only exceptional students can be given "extending".  Students strive for straight A's.  </t>
  </si>
  <si>
    <t>Academic students strive for straight A's on their report cards.  They don't want teachers to interpret the difference between "proficient" and "extending".  The proficiency scale wording is unclear.</t>
  </si>
  <si>
    <t>Currently the first reporting occurence (typically parent teacher interviews) occurs too soon for me as a teacher to say anything meaningful as I'm just getting to know their kid. I would suggest having the first one being no earlier than mid October or reducing it to 4 occurences</t>
  </si>
  <si>
    <t>I believe letter grades do not work in conjunction with the redesigned curriculum. However, I do not like the language for some of the options. I would ask that locals or schools be allowed to create their own profiency scale labels.</t>
  </si>
  <si>
    <t>Life is not about percentages. It's now skill based. We need post secondary institutions to change. They won't make that step - we need to make them. Students should be able to apply with a portfolio.</t>
  </si>
  <si>
    <t>I don't see the benefit of the two systems working together. It will confuse people... Especially parents.</t>
  </si>
  <si>
    <t>These are very important life skills. I worry that students do not report this accurately or with understanding</t>
  </si>
  <si>
    <t>I use learning maps for assessment that does exactly this</t>
  </si>
  <si>
    <t>Equality vs. equity</t>
  </si>
  <si>
    <t>Get rid of letter grades. They are antiquated and not relevant in an age of information</t>
  </si>
  <si>
    <t>The amount of work that goes into report cards for the minimal feedback from students and parents is not a balanced trade off. Five reporting periods is not a balnced approach.</t>
  </si>
  <si>
    <t xml:space="preserve">A four point scale does not give a broad enough range for parents to understand their child's proficiencies or learning deficiencies. </t>
  </si>
  <si>
    <t xml:space="preserve">It is fair and reasonable </t>
  </si>
  <si>
    <t>This would make more sense for students with IEPs, AIPs, or who are ELL students.</t>
  </si>
  <si>
    <t>Students do not take this form of assessment seriously the older they get. It is not meaningful enough to them regardless of the importance.</t>
  </si>
  <si>
    <t>Explicit goal setting instruction is needed in order for goal setting to be effective. There aren't enough teaching hours currently, or with teachers who are educated enough to do this. School hours with homerooms and/or advisories need to be increased.</t>
  </si>
  <si>
    <t>Many students who are on inclusive plans, especially those who are on IEPs and on heavily adapted programs need specific programs by specialists and not have the expectation of a classroom teacher to make and assess these programs. General classroom teachers do not have the training or expertise to</t>
  </si>
  <si>
    <t>Teachers are not experts in areas of special education which is why specialised reporting needs to come from specialized teachers in specialized programs and not dumped on general classroom teachers</t>
  </si>
  <si>
    <t xml:space="preserve">The reporting system is fine.  For the vast majority of students this amount works well.  Overwhelming students with reporting stress and parents with this is not helpful.  </t>
  </si>
  <si>
    <t>Students and parents want grades with percentages.  The proposed does not help them understand what their student has or will achieve. 
I believe this proposal should be built into a requirement for the comments and feedback in the report cards so their is a better standard of information</t>
  </si>
  <si>
    <t xml:space="preserve">Grad 9 students are not part of the middle school program. The ministry of ed needs to get this straight. Grade 9 is a critically important year for students entering high school to know what they need to do to achieve the success they want. </t>
  </si>
  <si>
    <t>No.  Make a standard approach for all teachers so parents know and understand.  One teacher does it but the other teacher doesn’t.  Not good at all.  Doesn’t the ministry understand that routine is critical for all?</t>
  </si>
  <si>
    <t xml:space="preserve">This scheme has been a terrible waste of time.  There is very little reflection that students do and has usurped the feedback from teachers about a true reflection of what the student can do to improve. </t>
  </si>
  <si>
    <t xml:space="preserve">I wish this was better understood.  Most teachers are still doing too down lessons.  There is very little even in middle and high school that has students taking ownership.  Even today my students are waiting for me to fill their cup and tell them what to do.  </t>
  </si>
  <si>
    <t xml:space="preserve">We do an excellent job of including all learners in our pedagogy and evaluation practices.  But more needs to be done to help with immigrant learners as there are few teachers who are ESL trained.  </t>
  </si>
  <si>
    <t xml:space="preserve">I would make the proficiency scale reporting part of the mandatory comment section on report cards. </t>
  </si>
  <si>
    <t xml:space="preserve">Well there is more I would do.  I would trash the set reflection as it’s done poorly.  I would make percentages mandatory for grade 9 and roll grade 9 into the grad program.  Not for grades but to emphasize the importance of grade 9 being that intro to high school.  </t>
  </si>
  <si>
    <t>Depending on how those written reports are done, it could be good.  However,  my experience is that the reports are computer generated list if completed and/or missing tasks with little anecdotal comments by mist high schools.</t>
  </si>
  <si>
    <t xml:space="preserve">This should be done all the way to grade 12.  There is a huge disconnect between grades K-9 and 10-12.  If you want parents and students to understand. It should be standard across all grades snd not change.  </t>
  </si>
  <si>
    <t>I am so disappointed that we can’t seem to move beyond percentages and letter grades.  Practices will not change without changing the need for percentages and letter grades.  Teachers cling to it as a reason not to change.</t>
  </si>
  <si>
    <t>The fact that you think that percentages and letter grades and proficiency scales are aligned means you don’t understand them at all. We should only have Proficiency scales K-12.  If it’s good for grades K-9, it should be good for 10-12. You send mixed messages when you expect different for 10-12.</t>
  </si>
  <si>
    <t xml:space="preserve">For all grades K-12 please.  It is not clear that this will be the case but I hope it will be. Hi </t>
  </si>
  <si>
    <t>As long as you also remove letter grades and percentages.  Goal setting should not be graded.</t>
  </si>
  <si>
    <t>If you get rid of percentages and letter grades.  Grading and percentages are biased and inaccurate.</t>
  </si>
  <si>
    <t>Percentages and letter grades are biased, do not accurately reflect the learning that should be happening with our new curriculum.  They limit a teacher’s willingness to change practices because how they calculate their marks hasn’t changed.  It shows what you value and it’s not student learning.</t>
  </si>
  <si>
    <t xml:space="preserve">As a teacher and parent that has used this scale for multiple years, I have found it to be vague and very subjective.  Also, Students should be using the same marking system in Gr9 as they do in Gr10-12 when the marks are recorded on their permanent transcripts. </t>
  </si>
  <si>
    <t>Letter grades and percentages are the right choice for Grades 10-12.  This marking system should be extended to include Grade 9 so students become familiar with it before their grades are recorded on their permanent transcripts.</t>
  </si>
  <si>
    <t>Students need to be assessed on the same proficiency scale in Grades 10-12 as they will be assessed in University.  By having a different scale in high school we are not sufficiently preparing them to be successful in the post-secondary academic environment.</t>
  </si>
  <si>
    <t>Teachers need further training to understand the benefits of Core Competency assessment and the need to integrate this into their classroom in a meaningful way.  Using this as a snapshot assessment for students to include only at reporting times doesn't make this meaningful.</t>
  </si>
  <si>
    <t>When done well, this is meaningful.  When teachers don't integrate this into their classroom practice, student goal setting isn't a useful tool as students don't learn its usefulness and value.</t>
  </si>
  <si>
    <t>This language sounds great, but what doesn't it really mean?</t>
  </si>
  <si>
    <t>this should be adjusted to use the Provincial Proficiency scale for K-8 and letter grades for Grades 9-12</t>
  </si>
  <si>
    <t xml:space="preserve">The decision makes sense given current post secondary reporting policies, but I wonder if students will experience anxiety at receiving letter grades after the proficiency scale. </t>
  </si>
  <si>
    <t>Would like more details on what this means and how this will happen.</t>
  </si>
  <si>
    <t>I think it makes more sense to have 2 major report cards - one 1/2 way through the year and another at the end.  That way I can report in depth on material learned.  As it is, the 1st report in December feels rushed and the 2nd report has little content b/c the post-Winter Break period is so short</t>
  </si>
  <si>
    <t>Scale is useless.  As the words are presently used, proficient catches a huge percentage of students so it's basically meaningless and developing has negative connotations so it's rarely used.  If proficient actually came to mean "very skilled" and developing meant skilled in people's minds...</t>
  </si>
  <si>
    <t>Letter grades are easy to understand.  They only have the illusion of objectivity...but at least people know what they mean.</t>
  </si>
  <si>
    <t>Same problem as noted above about the connotations of the words in the scale.</t>
  </si>
  <si>
    <t>Please don't make reporting more complex.  Adding this process in would do that.  Based on the lack of feedback I get from parents on the reports I lovingly craft at present - and by that I mean NO feedback! - parents don't care.  Trust that teachers work with the competencies and leave it at that.</t>
  </si>
  <si>
    <t>Again, this adds to the complexity of writing a report card.  This might make the already burdensome task even more so.  Is the information so valuable?  If parents want to know their child's goals, they should ask them.  The school CANNOT be expected to do everything.</t>
  </si>
  <si>
    <t>Sure.  Assessment should reflect the diverse learners we work with.</t>
  </si>
  <si>
    <t>I prefer a system with 2 formal reports - 1 in the middle of the year and 1 at the end.  Replace the 3rd formal with an informal piece.  Done and dusted!</t>
  </si>
  <si>
    <t>Gives false sense of learning on the lower scales (emerging/developing)</t>
  </si>
  <si>
    <t xml:space="preserve">Redundant </t>
  </si>
  <si>
    <t xml:space="preserve">Teachers shouldn’t be the ones reporting self assessments of students. </t>
  </si>
  <si>
    <t xml:space="preserve">Again, if students must do this, who am I to say if they feel they are reaching their goals, etc if they are self assessing. They can report it to their parents themselves. I can only report on what they do in my class. </t>
  </si>
  <si>
    <t>Most parents I have heard from find the proficiency scale confusing in K-9. They would rather see a letter grade in lower grades moving into percentages for middle school and high school, (along with anecdotal comments)</t>
  </si>
  <si>
    <t>not necessary. Twice is good</t>
  </si>
  <si>
    <t>I am using this system for 3 years and it is working very well</t>
  </si>
  <si>
    <t>its good for their transitions to University</t>
  </si>
  <si>
    <t>Important to self reflect for kids and students</t>
  </si>
  <si>
    <t>Important to set goals and try to follow them</t>
  </si>
  <si>
    <t>all should be included and those who cant do it on their own can get support</t>
  </si>
  <si>
    <t>We can keep in touch with our families without over reporting</t>
  </si>
  <si>
    <t>I am unsure of the value of reporting - who is it for?  Does it help students with their learning?  How valuable is it to students and parents, and why?</t>
  </si>
  <si>
    <t xml:space="preserve">I don’t believe letter grades give an accurate assessment of student learning and accomplishment. </t>
  </si>
  <si>
    <t xml:space="preserve">Universities seem to have an arbitrary system of who gets in. My experience is that Canadian students have to go abroad for their education, often because of lack of space, as international students bring in more revenue. I believe this system needs to be examined in conjunction with reporting. </t>
  </si>
  <si>
    <t xml:space="preserve">If we are truly looking as students as learners, not numbers, percentages and letter grades should not determine who gets to further their education. It should be a choice. Degrees no longer guarantee jobs. Society has shifted and universities should do the same. </t>
  </si>
  <si>
    <t xml:space="preserve">In my experience, students become unsatisfied with school when they are left out of the process of deciding what is meaningful. There is a disconnect between what they are learning and life. Student self assessment puts learning in the hands of student. </t>
  </si>
  <si>
    <t xml:space="preserve">See above. </t>
  </si>
  <si>
    <t xml:space="preserve">Students with disabilities need to be empowered to recognize what they can do, and what options are open to them, rather than focus on what they cannot do. </t>
  </si>
  <si>
    <t xml:space="preserve">All students are diverse and every student has the right to learn in a way that works for them. The system needs to support, rather than punish, different learning styles. The purpose of school should be empowerment rather than exclusion by putting students in boxes. </t>
  </si>
  <si>
    <t xml:space="preserve">Summary of learning seems redundant. </t>
  </si>
  <si>
    <t xml:space="preserve">Not concrete enough to understand how a child compares to their peers. </t>
  </si>
  <si>
    <t xml:space="preserve">Letter grades are more concrete. </t>
  </si>
  <si>
    <t>Young children not able to comprehend this.</t>
  </si>
  <si>
    <t xml:space="preserve">Works for some students but reluctant students are not able to identify their goals. </t>
  </si>
  <si>
    <t>It isn't really sounding like change. I don't mind the current amount.</t>
  </si>
  <si>
    <t>I was working in a district where I used proficiency scales and moved to one where I now do grade. I find it so odd to give a grade when a scale logically makes more sense to me. I want to show student growth and be flexible, not simply gives tests and make averages.</t>
  </si>
  <si>
    <t xml:space="preserve">I think this is valuable due to post-secondary. But I think that students and teachers need to be coached on this process, because I always thought A meant "good" and it wasn't until I taught that I realized A meant "better than good". Many people don't realize that B is perfectly acceptable! </t>
  </si>
  <si>
    <t>I think having both letter grades and the scale sounds great.</t>
  </si>
  <si>
    <t>I really really really believe that teachers and families are not skilled to understand the core competencies. Everytime I learn more, I realize I still barely understand them. We need province-wide tools that better explain what these are and how they work. Self-assessment in primary is inauthentic</t>
  </si>
  <si>
    <t>I think this is great, but believe we will need strategic training to make this happen. Students, teachers, and families need to get taught how to do this together. Don't just expect that teachers can do this without TEACHING us how.</t>
  </si>
  <si>
    <t>Every child deserves to be taught and respected for their abilities.</t>
  </si>
  <si>
    <t>I think we should send less info home but make our actual report cards more accessible and understandable. Honestly, usually the Oct ones are silly self-assessments that teachers do because they don't know their students well enough to provide a genuine assessment.</t>
  </si>
  <si>
    <t>I think that the combination of 2 written reports and 1 Summary of Learning is a good structure. 5 is a lot, but the flexibility for the other two reporting events allows us to respond to the needs of our students and school communities.</t>
  </si>
  <si>
    <t xml:space="preserve">I like the proficiency scale. I think it is more descriptive and actionable than letter grades or percentages. I do wish that all 4 levels started with a different letter, making it easy to abbreviate the different levels. </t>
  </si>
  <si>
    <t>I don't think that letter grades or percentages are adequate representations of learning. Percentages especially do not reflect and nuance of a student's academic performance.</t>
  </si>
  <si>
    <t>I think that using the proficiency scale all the way through a child's education provides consistency for students and families - and teachers. The common vocabulary of the proficiency scale provides clarity and transparency in communicating student learning.</t>
  </si>
  <si>
    <t>I think that the core competencies are important and valuable. Seeing the core-competencies as a life-long process allows students to see their growth over time. If the core competency goals are set, monitored, tracked, and reported consistently, I think that can be a great benefit.</t>
  </si>
  <si>
    <t>Similar to my reasons about the core competencies. Students need to be leaders of their own learning. Learning needs to be geared and responsive to student needs, interests, strengths, and goals. Setting and monitoring their own goals empowers them to invest in learning. Reflection skills</t>
  </si>
  <si>
    <t>All students should have the opportunity to engage in goal-setting and reflection.</t>
  </si>
  <si>
    <t xml:space="preserve">As stated above, letter grades and percentages do not fully reflect learning and achievement. </t>
  </si>
  <si>
    <t>I strongly prefer the old reporting system of 3 report cards per year with letter grades and teacher comments</t>
  </si>
  <si>
    <t>These scales are awful. They do not accurately reflect my child’s learning. Did he hand his work in on time? Did he pass his test? Did he do his best work? Has he met the learning outcomes for his grade? I do not get any of this information from these sliding scales that provide the vaguest info</t>
  </si>
  <si>
    <t xml:space="preserve">Letter grades should be used in all grades 4-12 as a clear and consistent rating and reflection of learning and achievement. </t>
  </si>
  <si>
    <t>The provincial proficiency scale is SO unhelpful and frustrating as a parent.</t>
  </si>
  <si>
    <t>I’m not sure what you’re getting at here. Don’t students with extra needs and designations already get a teacher report and an IEP? This should continue.</t>
  </si>
  <si>
    <t>Letter grades for Gr 4-12. Eliminate proficiency scale.</t>
  </si>
  <si>
    <t>I have been using this proficiency scale for a few years already.</t>
  </si>
  <si>
    <t>I think having an option for the proficiency scale provides continuity for parents.</t>
  </si>
  <si>
    <t xml:space="preserve">I have been including a section for student voice in my reports for several years. Explicitly connecting it to core competencies in each written report will be an adjustment. </t>
  </si>
  <si>
    <t>Student goal development is important in their ownership of their learning.</t>
  </si>
  <si>
    <t>I would like to see modified means by which diverse students can develop and communicate their goals and self assessments. I would also like to see a more effective tool for IEPs than MyEducation, which includes these categories but is a terrible tool and not user friendly to work in or for parents.</t>
  </si>
  <si>
    <t>I’m just concerned about the expectations of a first report so early in the year, particularly if it has to be written. I hope that our current intake interviews in the fall will continue to be acceptable.</t>
  </si>
  <si>
    <t xml:space="preserve">Three written reports seems to be too much if teachers are trying to do more portfolio based assessments to communicate student learning. </t>
  </si>
  <si>
    <t xml:space="preserve">It's worrisome that teachers and parents may read into this as A=extending, B=proficient, C=Developing and F=Emerging. If this scale is used there needs to be a lot of public education that letter grades are totally gone and that they don't match up in a neat way. </t>
  </si>
  <si>
    <t xml:space="preserve">It makes sense to have this transition for university/college requirements </t>
  </si>
  <si>
    <t xml:space="preserve">Does this mean that extending =A? But shouldn't proficient be at grade level, can demonstrate understanding/application of a task? If so shouldn't proficient=A?I worry these do not match up and the meaning of each level will be lost. </t>
  </si>
  <si>
    <t xml:space="preserve">We need to encourage children to be self reflective learners. By setting up this expectation and students knowing they will need to do these self- assessments, reflective learning will become embedded in learning. </t>
  </si>
  <si>
    <t xml:space="preserve">This is OK for intermediate/high school level but sounds like a make work project for primary. </t>
  </si>
  <si>
    <t>There are too many reporting periods. Teachers end up scrambling and rushing to hit dates. I am a non-enrolling teacher so I am personally not affected, but see what this does for students and teachers. Instead a simplified reporting mid way give more time for thorough assessments and interventions.</t>
  </si>
  <si>
    <t>The language is simple and yet clear.</t>
  </si>
  <si>
    <t xml:space="preserve">Percentages do not align with the new curriculum's goals as they are are very traditional and so very flawed.. They are also very subjective. Although I am not thrilled with letter grades at least they are closer to the proficiency scales and a bit of a segue towards change. </t>
  </si>
  <si>
    <t>This will give some permission to experiment, but I feel that more should be done to nudge change. Percentages and letter grades do not reflect an Indigenous mindset. It is a colonial practice.</t>
  </si>
  <si>
    <t>Yes. This self-reflection and us teaching this is very important.</t>
  </si>
  <si>
    <t>Student voice is important in assessing.</t>
  </si>
  <si>
    <t xml:space="preserve">I personally feel that if the government chooses to keep percentages that we will have them for another 20 years. We can do better than this. After all the changes and money put towards changing the curriculum to a more modern and inclusive view of learning to continue to included % is sad. </t>
  </si>
  <si>
    <t>It’s too much for teachers and not useful for families.</t>
  </si>
  <si>
    <t xml:space="preserve">Why have levels at all if we still have to provide descriptive feedback. Should be can or can’t plus descriptive feedback. Everything else in life is pass/fail. </t>
  </si>
  <si>
    <t>I don’t think letter grades should be removed from the secondary level until they are completely removed from post secondary.</t>
  </si>
  <si>
    <t>Same as previous question</t>
  </si>
  <si>
    <t xml:space="preserve">100% impossible for teachers to do this without support. Agree that it should be the norm but the current education/political system as a while is not inclusive and diverse. </t>
  </si>
  <si>
    <t xml:space="preserve">Conférences AND written reports are a waste of time. Either read the report or have a conference. Most parents do one or the other and some do neither. </t>
  </si>
  <si>
    <t>Many students/parents do not like the proficiency scale.  For split classes of grades 9 &amp; 10, it will be challenging to have two different assessment scales.</t>
  </si>
  <si>
    <t>It's familiar and understandable.</t>
  </si>
  <si>
    <t>Extra work and also could lead to inconsistencies.</t>
  </si>
  <si>
    <t xml:space="preserve">This is very heavy on the classroom teacher. It takes weeks to assess and complete reports taking away valuable teaching time. Given that many don't even meet our new class for up to two weeks into September the then around of report one is already extremely tight. </t>
  </si>
  <si>
    <t>Without very specific comments from the teacher the cake is vague and does not tell parents much.
The scale is not spey enough.</t>
  </si>
  <si>
    <t>Most students in the primary grades cannot complete this on their own and as such falls on the teacher to again pull from teaching to do this 1-1 with each student. For the most part it provides little feedback, having kids do their own self assessment on what they have actually been learning is bes</t>
  </si>
  <si>
    <t xml:space="preserve">Again more on the teacher to do that most kids take no ownership over. </t>
  </si>
  <si>
    <t xml:space="preserve">It is a document that takes hours to complete and tells parents very little. </t>
  </si>
  <si>
    <t>It provides families with timely updates on students' progress.</t>
  </si>
  <si>
    <t xml:space="preserve">The proficiency scale provides parents with sufficient information about their child's progress. The language is much less judgemental than the letter grade definitions. </t>
  </si>
  <si>
    <t xml:space="preserve">I don't believe that percentages are necessary. Percentages also necessitate quantitative methods of evaluation and discourage teachers  using qualitative methods of evaluation. </t>
  </si>
  <si>
    <t xml:space="preserve">I think it should be one or the other, not both. </t>
  </si>
  <si>
    <t xml:space="preserve">Self-assessment is an effective learning tool for students. </t>
  </si>
  <si>
    <t xml:space="preserve">Goal setting gives students ownership of their learning and provide motivation. </t>
  </si>
  <si>
    <t xml:space="preserve">Inclusion is important  </t>
  </si>
  <si>
    <t xml:space="preserve">I don't think percentages are necessary and they limit evaluation methods for secondary teachers. </t>
  </si>
  <si>
    <t xml:space="preserve">It's a lot of reporting </t>
  </si>
  <si>
    <t>Written reports will take more time which, undoubtedly, teachers will not be given. Under a semester system a written summary at the end of the year makes no sense. This system it extremely time consuming and cumbersome in semestered schools were a student is taking up to 8 courses taught by 8 diffe</t>
  </si>
  <si>
    <t>For many courses the profinciences are extremely broadly worded and, therefore, vague. What is meeting in one school may be exceeding in another. Students are also disadvantaged in smaller schools were courses are multi graded or split.</t>
  </si>
  <si>
    <t>Grades are efficient to calculate and what parents want to see. Most parents do not speak the language of the Ministry of Education.</t>
  </si>
  <si>
    <t>Inefficient, time consuming, most parents don't care.</t>
  </si>
  <si>
    <t>In my experience, students are generally not self aware of their own growth and wildly under or overestimate their proficiency.</t>
  </si>
  <si>
    <t>I see no evidence among either my students or my children that setting artificial goals in an artificial setting is anything more than just going through the motions. Kind of like CLE.</t>
  </si>
  <si>
    <t>High school teachers can have up to 200 students a year. Individuals get lost in those sort of numbers. Especially when support is slim to none.</t>
  </si>
  <si>
    <t>As I have previously indicated, small schools with split classes do not provide the opportunities that larger schools do. Therefore, students are at a disadvantage when measured equally.</t>
  </si>
  <si>
    <t xml:space="preserve">I believe regular and timely feedback is important for student growth and believe in involving families in their student's learning as much as possible. </t>
  </si>
  <si>
    <t xml:space="preserve">I believe this helps motivate students more by learning and less by achievement. </t>
  </si>
  <si>
    <t>I'm glad we can use the proficiency scale with seniors, and I understand that universities aren't ready yet to not have %, but I do not believe that assigning percentages and letter grads in best for student learning.</t>
  </si>
  <si>
    <t xml:space="preserve">How will the ministry support schools in this? Will there in specific inquiry classes or will this be integrated into current classes? I firmly believe in this but wonder about the structure. </t>
  </si>
  <si>
    <t>Again, what support will the ministry provide?</t>
  </si>
  <si>
    <t>While reporting may be informal - 5 for those in the graduation years seems excessive
If the MOE wants to encourage alternative school calendars - mandatory reporting does not align</t>
  </si>
  <si>
    <t>Aligning reporting with growth in learning for the years leading into the graduation years supports learning</t>
  </si>
  <si>
    <t>Percentages &amp; grades are used by post-secondary - unless that changes I do not agree with changing the 10 - 12 use of them</t>
  </si>
  <si>
    <t>As stated above - until post secondary institutions change then it would be unfair for an option to be used by done FOR some &amp; not others</t>
  </si>
  <si>
    <t>Is this not required now?</t>
  </si>
  <si>
    <t>Is this not required?</t>
  </si>
  <si>
    <t>Is this not already required? Are there DIFFERENT assessment, evaluation &amp; reporting for these students!?</t>
  </si>
  <si>
    <t xml:space="preserve">As reiterated twice - until post secondary entry requirements change and no longer depend on grades &amp; percentages, it seems unfair that some students may receive proficiency scale assessment on reports while (what happens more often than not) most still receive grades &amp; percentages. </t>
  </si>
  <si>
    <t xml:space="preserve">This question format is unfair because you will only publish results, not reasons-people may be unsatisfied because they think it is too much or too many, but the answer scale does not allow for that. The new format will become too extended-report cards should be to the point. </t>
  </si>
  <si>
    <t xml:space="preserve">Again-poor way to ask people to evaluate, but the scale is a bad idea because you are making report cards too complicated. Students can do something or not. Just say that-you say you want teachers to use clear language, but not really. </t>
  </si>
  <si>
    <t>Letter grades/percentages should be used as assessments, if applied as valid assessments. A student should be evaluated because in life people are assessed. There needs to be a way to assess students. Universities, trade schools are not getting rid of letter grades, so high schools cannot.</t>
  </si>
  <si>
    <t xml:space="preserve">By the senior grades students need to be held more accountable. If they really can't do something, don't pretend they can. </t>
  </si>
  <si>
    <t>It would be extremely difficult for students to assess themselves-report cards should be an objective measure of what a student has achieved in a course. A report card is not a place for students to try to explain their hopes  and dreams for their future.</t>
  </si>
  <si>
    <t>Again-report cards should be brief, object reports of a student's learning achievements during the course/term.</t>
  </si>
  <si>
    <t>It would be impossible to meet the needs of everyone. Standards are already being so lowered. Students that are high achievers are being left behind in an effort to reduce what is being done and make sure that everyone can do everything. High achieving children are often bored and forgotten.</t>
  </si>
  <si>
    <t xml:space="preserve">A report card should be from the teacher not the student. I would have liked to have removed every aspect of the new proposed plan-it seems very poorly designed. </t>
  </si>
  <si>
    <t xml:space="preserve">Would like clarity on what these reporting periods entail. Is this determined by district or school to school basis? For example, we have CSL week where most teachers use a template created by our school and interim reports where we complete formal report cards for each student.
</t>
  </si>
  <si>
    <t xml:space="preserve">Who creates this 4 point scale? Is this similar to a rubric or are these standards created but government? If so, how does that support teacher autonomy? </t>
  </si>
  <si>
    <t xml:space="preserve">Glad this will be an option as it allows students to continue to set goals and practise growth mindset while being a percentage that can be used in post-secondary. </t>
  </si>
  <si>
    <t>This topic is often addressed as the beginning of the year with an assessment at the end. In between students (and sometimes teachers) forget so I think the assessment throughout the year will be beneficial to all.</t>
  </si>
  <si>
    <t>Would like clarification on this topic. If all learners are working towards the same standards how is this inclusive of students on IEPs?</t>
  </si>
  <si>
    <t xml:space="preserve">It is very subjective. Every teacher has a different idea of what constitutes emerging developing etc. </t>
  </si>
  <si>
    <t xml:space="preserve">Its not ever meaningful or authentic </t>
  </si>
  <si>
    <t xml:space="preserve">Kindergarten kids can’t properly set goals. They don’t understand the concept </t>
  </si>
  <si>
    <t>Workload unreasonable</t>
  </si>
  <si>
    <t>How will this work for students that can’t easily communicate their learning goals?</t>
  </si>
  <si>
    <t xml:space="preserve">This number of detailed, written reports presents a huge burden to teachers, and will not be meaningful unless teachers are given appropriate time to complete this work. </t>
  </si>
  <si>
    <t xml:space="preserve">Seems like extra assessment that doesn’t add extra meaning, and just adds more to teachers workload that would need ti be taken from more meaningful work for students. </t>
  </si>
  <si>
    <t xml:space="preserve">How will progress be assessed and reported?  More information needed. </t>
  </si>
  <si>
    <t xml:space="preserve">If reporting needs to be more detailed, written reports, then frequency needs to decrease and teachers need to be given time to complete this in a meaningful way. </t>
  </si>
  <si>
    <t>4 reporting events would suffice.  Two verbal 2/3 way conferences and 2 written reports January and June.  This is in addition to informal and ongoing communication.</t>
  </si>
  <si>
    <t>The proficiency scale offers parents and caregivers a quick, visual overview of how their child is doing in each subject area.  This is what many parents in the school community are looking for.</t>
  </si>
  <si>
    <t xml:space="preserve">Unless a student can assertively advocate (in written format) for themselves in terms of progress and achievement,
the letter grades provide a more universal and standard way for students, schools and universities to recognize student achievement.  </t>
  </si>
  <si>
    <t>Might be redundant when there are letter grades and accompanying descriptive comments.</t>
  </si>
  <si>
    <t>Student awareness of core competency growth is important in terms of their development as socially, mentally and emotionally well- adjusted human beings.  Getting along and working with others, communicating creatively and clearly and being able to think independently are skills students need.</t>
  </si>
  <si>
    <t xml:space="preserve">Core competency self-assessment, goal-setting, preparing for conferences and reporting data collection, when done well,  take up a lot of class time.  </t>
  </si>
  <si>
    <t>The school year is short and there are many 'special events' in the school.  Students need time to delve deeply into subject matter and yet much time is also needed for goal-setting and self assessment.  The latter two also require time to teach students how to reflect and set goals.</t>
  </si>
  <si>
    <t xml:space="preserve">The first formal report is too early to accurately assess some students. </t>
  </si>
  <si>
    <t xml:space="preserve">Should be allowed to be an attachment. Making teachers have to type it in us a waste of valuable preparation time. </t>
  </si>
  <si>
    <t>I feel that this gives us a solid picture of how our kids are doing at school</t>
  </si>
  <si>
    <t>I think this is much more appropriate than doing letter grades or the expectations scale.</t>
  </si>
  <si>
    <t>So that my kids will get into university.</t>
  </si>
  <si>
    <t>That seems like a better idea than the current system which seems to change every few grades.</t>
  </si>
  <si>
    <t>I don't know how realistic this is for younger, elementary aged children.</t>
  </si>
  <si>
    <t>Again, I don't know how realistic this is for younger (elementary aged) children</t>
  </si>
  <si>
    <t>With the shift to this inclusion model, my child has recieved less and less EA support. It seems that the inclusion model only works in theory. I preferred the less inclusive model where my child had a full time EA.</t>
  </si>
  <si>
    <t>Inclusion of diverse learners does not work for me and my family. The greater inclusion that has happened, the less EA support my child has recieved. They seem to put more and more kids with needs in classes, and have to share an EA with other students and other classes. This is UNFAIR.</t>
  </si>
  <si>
    <t xml:space="preserve">No consistency will be possible </t>
  </si>
  <si>
    <t xml:space="preserve">Too much reporting </t>
  </si>
  <si>
    <t>If it truly is the same amount of work for teachers as currently exists then it is fine; however, if it increases the workload then this is paperwork that takes away from more valuable things in a teacher's time such as creating engaging content and supporting students.</t>
  </si>
  <si>
    <t>I truly believe that we have already made grades 8&amp;9 broad enough by using letter grades instead of percentages. Though percentages are still the most precise.
The proficiency scale is far too broad and will not serve students to prepare them for senior grades.</t>
  </si>
  <si>
    <t>Percentages are very important at this age and I would like this to also be applied to grades 8&amp;9.</t>
  </si>
  <si>
    <t>That would not be helpful at all as students move into post-secondary or attempt to apply.</t>
  </si>
  <si>
    <t>I already do this in my class.</t>
  </si>
  <si>
    <t>I already incorporate this into my class.</t>
  </si>
  <si>
    <t>I personally think this is already an expectation for educators.</t>
  </si>
  <si>
    <t>I really don't find the 4 point scale to be a useful form of evaluation for older students.</t>
  </si>
  <si>
    <t xml:space="preserve">I like how the reporting is done right now. It gives me time to work with my kids and their teachers to help them improve. </t>
  </si>
  <si>
    <t xml:space="preserve">I think this is more confusing than letter grades. Maybe this could be done in addition? I think the 4 point scale should be changed to a 5 point scale. Proficient is a very wide range, another descriptor between it and Developing would be helpful if you want to switch from letter grades. </t>
  </si>
  <si>
    <t>Wouldn’t it be easier to just continue using letter grades from 4-12 if continuity is a concern?</t>
  </si>
  <si>
    <t xml:space="preserve">It’s always good to emphasize that they are trying to show growth for themselves and not comparing themselves to other kids. </t>
  </si>
  <si>
    <t xml:space="preserve">Doesn’t this already happen? My kid’s teachers have always done this. </t>
  </si>
  <si>
    <t xml:space="preserve">I think both convey the same info, one just requires parents to learn a whole new way of reporting. </t>
  </si>
  <si>
    <t>As a teacher, this is what we have been doing already. For students we are concerned about, we obviously communicate frequently prior to those periods as well, so I do not think more/less would be needed.</t>
  </si>
  <si>
    <t xml:space="preserve">I think this is age appropriate and applicable to what students will experience at post-secondary. It is a better transition point than elementary-aged students. Additionally, percentage grades hold more weight at that age, as students prepare for their future, and they take them more seriously. </t>
  </si>
  <si>
    <t>Teachers can always choose to include this informally; however, the reporting method used should be clear and consistent.</t>
  </si>
  <si>
    <t>I agree with goal setting informally but not on the report. This becomes another thing for teachers to track and manage when we already have our plates full with other SEL/academic needs. Additionally, goal setting is a challenging concept for elementary students.</t>
  </si>
  <si>
    <t>We are already doing this. Universal design for learning means offering equitable assessment opportunities and multiple entry points.</t>
  </si>
  <si>
    <t>As stated above, personal goal setting is challenging for many elementary students. In K-7, we work on it informally but adding it as a reporting requirement takes away from the authenticity as it becomes another "item on a checklist".</t>
  </si>
  <si>
    <t xml:space="preserve">The percentage system is inconsistent and outdated. It encourages outdated assessment methods that are overly reliant on content and summative assessment. A system that relies on 'bands" (like IB or AP) is a more effective in assessing skills, allowing for UDL, and creating system consistency. </t>
  </si>
  <si>
    <t>Great idea but many teachers will not use this system if percentages are used on 10-12 reports. We should be adopting a 5-10 point scale (like AP or IB) and abandoning the 100 point percentage system.</t>
  </si>
  <si>
    <t>Who would be responsible for overseeing this at the secondary level? it needs to be integrated into the responsibilities associated with each course.</t>
  </si>
  <si>
    <t>Great idea! Who oversees this at a grade 10-12 level?</t>
  </si>
  <si>
    <t>Greta idea! What holds teachers accountable to this?</t>
  </si>
  <si>
    <t>The 100 point percentage system is ineffective. It encourages content and summative driven assessment, rather than skills based assessment. Many teachers will see this as status quo and carry on with 20 year old lesson plans and exams.</t>
  </si>
  <si>
    <t xml:space="preserve">Hard to understand </t>
  </si>
  <si>
    <t xml:space="preserve">It is good my child is thinking about his learning. </t>
  </si>
  <si>
    <t>Teachers are extremely stressed regarding reporting. Every district uses a different format and teachers are required to create a story of learning with positive language that most parents do not understand. The question is - do want more teaching or more assessing? 2 written reports is enough.</t>
  </si>
  <si>
    <t>This is subjective if you are not looking at clear criteria such as marks. So I would say at this level proficiency scale is irrelevant. If the government provided a standard report card with standard criteria and language (drop down menus or check boxes with criteria) then teachers and students wou</t>
  </si>
  <si>
    <t xml:space="preserve">This makes sense because students are being tested and most will go on to post secondary where there will be more required testing. Student marks are a solid indicator of proficiency with marginal error. </t>
  </si>
  <si>
    <t xml:space="preserve">This seems redundant. Proficiency scale is a reflection of letter grades and percentages - regardless of what the new concept suggests. </t>
  </si>
  <si>
    <t>This is great for older students but for the most part younger students do not understand nor do they truly self assess. I think it’s better to teach them what core competencies are so that when they are older they will be more proficient at the actual assessment. With all the additions of SEL and C</t>
  </si>
  <si>
    <t>Goal setting is great but to make it a large part of the reporting process takes time snd we barely have enough time to teach reading writing snd math with all these new additions of SEL and CC and ADST. Students don’t have enough time to meaningfully learn the basics - we are all over the place try</t>
  </si>
  <si>
    <t xml:space="preserve">Yes - this is very important but requires more support in the classroom. </t>
  </si>
  <si>
    <t xml:space="preserve">I would like to teach more and report less. I need time to put together meaningful lessons in our diverse snd constantly changing world. Especially since I am not provided with standard learning resources at school. </t>
  </si>
  <si>
    <t xml:space="preserve">At parents receive 3 formal written reports annually as well as 2 informal reports. A sixth report is unnecessary. An additional reporting period will have a negative impact on teacher time and their ability to plan engaging activities for students. </t>
  </si>
  <si>
    <t xml:space="preserve">The proficiency scale is an accurate assessment of students. </t>
  </si>
  <si>
    <t>Reasons were given
In the text box above</t>
  </si>
  <si>
    <t>Reporting periods already take copious amounts of time away from teachers. Now you want a minimum of 5??? If I was paid overtime for all the nights and weekends I spent writing report cards, I’d be rich!</t>
  </si>
  <si>
    <t>It’s what we are doing already</t>
  </si>
  <si>
    <t>It’s a very clear representation of how they are performing and prepares them for University</t>
  </si>
  <si>
    <t>This is very difficult to do with young students and often feels contrived</t>
  </si>
  <si>
    <t>See above</t>
  </si>
  <si>
    <t>too much reporting.  We need time to teach.  Reporting to parents takes time away from preparing lessons and teaching.  Each written report card takes many hours!</t>
  </si>
  <si>
    <t xml:space="preserve">Anecdotal reports give good information.  </t>
  </si>
  <si>
    <t>I don't teach these grades and have no children or grandchildren in these grades.  The people who have a stake in these grades should share their opinions</t>
  </si>
  <si>
    <t>Seems like a good idea for those students for whom grades and percentages may not be appropriate.</t>
  </si>
  <si>
    <t>I am already doing this .  Students can be quite competent at self assessment and it is a skill which will serve them well in life.</t>
  </si>
  <si>
    <t>Goal setting is a good life skill to have.  In order to be life-long learners, students need to know how to set goals and how to self assess.</t>
  </si>
  <si>
    <t>Aren't we already doing this???</t>
  </si>
  <si>
    <t xml:space="preserve">Report cards and formal interviews take much time away from teaching.  Teachers only have so many hours in a day, and I already feel that during report card time I can teach or write report cards.  I can't do both simultaneously and be successful.  I suggest one interview and two written reports.   </t>
  </si>
  <si>
    <t xml:space="preserve">Percent grading should start well before grade 10. </t>
  </si>
  <si>
    <t xml:space="preserve">Grading starts too late. Students should have a solid idea of where they stand especially as stem courses start. </t>
  </si>
  <si>
    <t xml:space="preserve">A shift from no letter grades in grade 9 to letter grades in all areas in grade 10 is too abrupt. </t>
  </si>
  <si>
    <t>Will universities use these scales too?</t>
  </si>
  <si>
    <t xml:space="preserve">k 1 2 students are not able to self reflect. It is not developmentally appropriate to ask them to do so in a formal context that will be part of their G4 file for their school career </t>
  </si>
  <si>
    <t xml:space="preserve">K 1 2 students need much direction to goal set. It is appropriate for the teacher to set the goals within the curriculum. </t>
  </si>
  <si>
    <t xml:space="preserve">Formal reports are very constrictive. There is not a place to note work habits and behaviours for parents </t>
  </si>
  <si>
    <t>Report cards need to be more specific for grade level. One report template for K-7 or even K-3 is too broad</t>
  </si>
  <si>
    <t xml:space="preserve">Writing report cards takes time away from important planning time for Teachers. 5 reports is more than enough, to give me a good idea of how my children are doing. Teachers are more than willing to meet and discuss if there are issues throughout the year above and beyond the 5. </t>
  </si>
  <si>
    <t xml:space="preserve">It seems pretty obvious that the goal is proficient. </t>
  </si>
  <si>
    <t xml:space="preserve">This is necessary in preparation for the world beyond grade school. </t>
  </si>
  <si>
    <t>I don't think they are necessary, given that they need percentages for post secondary.</t>
  </si>
  <si>
    <t xml:space="preserve">I find this confusing and unnecessary for younger primary students. It has more value for older students. </t>
  </si>
  <si>
    <t xml:space="preserve">Sometimes this has backfired with vulnerable kids, or kids with LD designations in that they just feel worse when goals are unmet. Many children would need a lot of help with this. Getting children to look too far in the future creates anxiety. </t>
  </si>
  <si>
    <t>More support for those students who need it would be even better!</t>
  </si>
  <si>
    <t>Less formal reports. More parent Teacher meetings. I get so much more out of a short face-to-face chat than I do with the report that I gloss over and recycle. Most of it is redundant or general information. I really just want to talk to the Teacher and hear how my kid is doing in plain language.</t>
  </si>
  <si>
    <t>We just changed to two written reports and 3 CSLs this has been very effective and gave more opportunities for sharing what students are learning reporting needs to consider age. Primary age children need opportunities to share their learning   A written report cannot always reflect what they know</t>
  </si>
  <si>
    <t xml:space="preserve">But needs to be exemptions for students working on IEPs it is often much more effective to write a summary of what students are doing rather than a scale for IEP students </t>
  </si>
  <si>
    <t xml:space="preserve">The core competencies use language that is very abstract to Primary age students. It can be hard to get a true reflection from them and asking special needs students to do this can be very problematic </t>
  </si>
  <si>
    <t xml:space="preserve">Again age of students need to be considered. </t>
  </si>
  <si>
    <t>To date there has been very little space for these students. Having a student for example who is non verbal at this time do a self reflection is just a reflection of whoever is prompting them</t>
  </si>
  <si>
    <t>Farsi</t>
  </si>
  <si>
    <t xml:space="preserve">Letter grades and interms are good. Students need the easy understanding of a letter grade. High school isn't elementary school, don't make their reports cards similar. The jump from proficiency to letter grades will keep getting harder if you keep making the transition to letter grades later. </t>
  </si>
  <si>
    <t xml:space="preserve">High schoolers aren't elementary, % and letter grades are better and more precise. four point scale gives less detail and allows students to struggle longer. More work for teachers, unsatisfied and uniformed parents </t>
  </si>
  <si>
    <t>Should happen ealier, from grade 4 and up.</t>
  </si>
  <si>
    <t>Waste of time for teaches, lets students slip through without the skills they need to advance, babying students, confusing parents</t>
  </si>
  <si>
    <t xml:space="preserve">Core competencies are useless, no one wants or understands them, teachers, parents or students. Stupid. Go back to letter grades and skills. Core competences are the biggest waste of time. </t>
  </si>
  <si>
    <t xml:space="preserve">Waste of time. Taking more time away from skills which is what matters for trades and post secondary. </t>
  </si>
  <si>
    <t xml:space="preserve">Difficult to do well with students of greatly diverse abilities. </t>
  </si>
  <si>
    <t xml:space="preserve">Kids need real grades. Proficiency scales are a fad that hurts student learning. </t>
  </si>
  <si>
    <t xml:space="preserve">Learning is ongoing, as should be reporting. Students learn at different rates and as such, teachers should have autonomy to report on an ongoing basis via portfolios. </t>
  </si>
  <si>
    <t xml:space="preserve">Goal setting is  valuable  tool in their learning. </t>
  </si>
  <si>
    <t xml:space="preserve">As stated in my comment above. </t>
  </si>
  <si>
    <t>I feel that we should have two report cards broken into the start of the year and end of the year. This would allow for students to have time to progress - due to the breaks in the school year, reporting 3 times feels rushed.</t>
  </si>
  <si>
    <t>The language is too vague.</t>
  </si>
  <si>
    <t>This follows the post-secondary model and will prepare students.</t>
  </si>
  <si>
    <t>We don't need the proficiency scale and grades, it has to be one way or the other.</t>
  </si>
  <si>
    <t>Some students are not able to self-assess meaningfully.</t>
  </si>
  <si>
    <t>This would require extreme teacher support and some students might feel very overwhelmed.</t>
  </si>
  <si>
    <t>We are already doing this in IEP goals.</t>
  </si>
  <si>
    <t>Students need more time to progress throughout the year.</t>
  </si>
  <si>
    <t>It is frequent enough to keep parents and students informed, but to allow for learning and growth to occur between periods.</t>
  </si>
  <si>
    <t>The words are not well understood by students or parents.  Their format is inconsistent (all end in "ing" except proficient).  Many, most end up translating the words into letters.  Students and parents are frequently disappointed and confused when they are given category "proficient".</t>
  </si>
  <si>
    <t>Although imperfect, letter grades and percentages are still the most clear and accurate, and best understood forms of evaluation.  As of yet, we have not been able to come up with anything that works better.</t>
  </si>
  <si>
    <t>Developing metacognition in our students is going to help them be more successful in all aspects of their lives.</t>
  </si>
  <si>
    <t>This allows students to take on ownership of their learning.</t>
  </si>
  <si>
    <t>I agree with the policy, however there has not  been sufficient support, training, or consistency to ensure that this inclusive reporting is done fairly and in a manner which allows all stakeholders a clear understanding.</t>
  </si>
  <si>
    <t>For the same reasons stated in response to questions listed above.</t>
  </si>
  <si>
    <t>That is a great deal of detailed reporting for me to complete for seven classes. I teach full year classes only so I have over 200 reports at s time. How would this look for semester classes?  A report every fee weeks?</t>
  </si>
  <si>
    <t>I do not teach these grades</t>
  </si>
  <si>
    <t xml:space="preserve">This is what we currently do and needed for post secondary. </t>
  </si>
  <si>
    <t xml:space="preserve">I use the proficiency scales already in my formative teaching. However, I see them as a learning tool not a grade on a report card. </t>
  </si>
  <si>
    <t xml:space="preserve">Student reflection is important but adding it to a report card seems onerous and excessive. It would have to be more student friendly where students can just input the information themselves. </t>
  </si>
  <si>
    <t xml:space="preserve">Again these should happen in the process of learning. Many students work toward smaller goals throughout the learning process. Including it on a report card seems forced and not authentic in any way. </t>
  </si>
  <si>
    <t xml:space="preserve">All teachers should be doing this already. </t>
  </si>
  <si>
    <t xml:space="preserve">Including all of this information in a formal report five times a year is excessive and burdening teachers even more. </t>
  </si>
  <si>
    <t xml:space="preserve">Teachers work very hard in the classroom already. Excessive reporting will only burden teachers more. Ask parents how many actually read comments. Quite frankly many do not; I have asked parents at parent interviews if they have read the comments. Reply:no How authentic will all of this really be?  </t>
  </si>
  <si>
    <t>It depends if the expectations are reasonable.   Reporting has become so intense with Online Learning Portfolios (Freshgrade/Seasaw), plus MyEd, plus Proficiency Scale paper reports going home.  Teachers are completely overloaded and we can't keep up.  Teacher burnout is huge!</t>
  </si>
  <si>
    <t>Most of our staff doesn't like the word 'extending' but we aren't sure what word to use that would be more appropriate for students.  We have been using Emerging, Developing and Proficient because we can't come up with a more fitting word for that 4th part of the scale.</t>
  </si>
  <si>
    <t>It makes sense for university requirements.</t>
  </si>
  <si>
    <t>I think letter grades are enough for this age.</t>
  </si>
  <si>
    <t>It makes them more part of their own learning and growth.</t>
  </si>
  <si>
    <t>Descriptive feedback is extremely time consuming  so quality assessment less often would be helpful to prevent teacher burnout and keep people interested in this profession.</t>
  </si>
  <si>
    <t>It’s unclear if this means we only have to do 2 report cards aside from the final one?</t>
  </si>
  <si>
    <t xml:space="preserve">Proficiency scales work better for some classes than others. Having one for things like math and science is much harder. </t>
  </si>
  <si>
    <t xml:space="preserve">My satisfaction will increase if the government provides a set way to have student self assess that can be modified by teachers. This is rather than teachers having to make it from scratch. </t>
  </si>
  <si>
    <t xml:space="preserve">It’s good in principle but the grade 10s I teach can barely set a learning goal let alone younger kids. </t>
  </si>
  <si>
    <t>Aligns a common reporting language across K-12</t>
  </si>
  <si>
    <t xml:space="preserve">I currently use digital portfolios which is ongoing assessment and way more valuable than sending out reports multiple times a year. I’ve done it for 7 years and parents have informed me that they are way more informed and involved in their child’s education this way. </t>
  </si>
  <si>
    <t xml:space="preserve">I prefer over letter grades for elementary </t>
  </si>
  <si>
    <t xml:space="preserve">I don’t teach high school </t>
  </si>
  <si>
    <t xml:space="preserve">I don’t find them super valuable </t>
  </si>
  <si>
    <t>It is unclear to me how a reporting event would occur i it is not a written report. I have had a “student-led conference” which I believe qualified as a reporting event. It was not exactly informative in letting me know about my child’s progress in the different core competencies.</t>
  </si>
  <si>
    <t xml:space="preserve">A four point scale leaves categories that are too broad. </t>
  </si>
  <si>
    <t>Unnecessary if a percentage and letter grade are required.</t>
  </si>
  <si>
    <t>Very confusing to understand, very subjective and only four levels...like the descriptive feedback though</t>
  </si>
  <si>
    <t>it gives students a better sense of where they are and sometimes gives them a bit of motivation to improve, higher range of levels instead of the four proficiency scale</t>
  </si>
  <si>
    <t>can be confusing and a lot of work for everyone involved to understand the assessment, does not help ELL families and other families who are not familiar with the scale on how well their children are doing</t>
  </si>
  <si>
    <t>The current requirements are sufficient for the majority of students</t>
  </si>
  <si>
    <t>Grades starting in gr. 4 are inappropriate and cause an immense amount of stress and anxiety for both students and parents. Proficiency scales are much more suited for the elementary level</t>
  </si>
  <si>
    <t>As it is the workload, for teachers is increasing with less support. Teachers speak with parents frequently. I have had to change report card formats 5 times and frankly each time the work load has increased. We don’t get time to write them. The disrespect and expectations for teaching is ridiculous</t>
  </si>
  <si>
    <t xml:space="preserve">How does this differ from now I do that anyways . </t>
  </si>
  <si>
    <t xml:space="preserve">I think it is important to have letter grades to indicate performance. The real world is constantly evaluating work performance. Schools need to better prepare children need  for the realities of the world. </t>
  </si>
  <si>
    <t xml:space="preserve">More clarity required in this area of proposal. </t>
  </si>
  <si>
    <t xml:space="preserve">Early grades self evaluation is beyond difficult. Even with teaching, modelling and working towards this all year they are unable to do this. Therefore, the result is not authentic not genuine. Parents have told me it is not useful. </t>
  </si>
  <si>
    <t xml:space="preserve">Again not realistic for early primary to get manageable goals. </t>
  </si>
  <si>
    <t>I would like to see this elaborated on. I don’t believe the policy of inclusion is working. Too many unskilled support workers and lack of support and funds makes it difficult and failing. The commitment to special needs children needs to be funded well and people trained!</t>
  </si>
  <si>
    <t xml:space="preserve">Changes are too frequent and appear to be a knee jerk reaction to what is the current popular critique  of the education system. Not thought out and certainly not respectful to educators. </t>
  </si>
  <si>
    <t xml:space="preserve">Français et anglais </t>
  </si>
  <si>
    <t>Les parents s’attendent à ce que leur élèves aient approfondi. Je ne suis pas certaine que ce niveau de l’échelle soit indispensable car les parents pense que maîtrisé n’est pas suffisant alors que c’est ce que nous cherchons atteindre.</t>
  </si>
  <si>
    <t xml:space="preserve">Avec les petits niveaux je ne pense pas que ce soit une bonne idée. </t>
  </si>
  <si>
    <t xml:space="preserve">A 5 point scale is a lot better than a 4 point scale. Often students are somewhere between developing and proficient. When this happens, teachers tend to place students in the lower scale as they haven’t quite met the requirements for the higher one even though they are close. </t>
  </si>
  <si>
    <t xml:space="preserve">Letter grades/percentages really mean nothing. </t>
  </si>
  <si>
    <t>How is this different from what teaches are already doing?</t>
  </si>
  <si>
    <t xml:space="preserve">Should be a 5 point scale. </t>
  </si>
  <si>
    <t xml:space="preserve">Over-reporting! Either send home samples of student work with feedback and a summative report card (as England does) OR do written report cards only.  Both is too much effort with little interest from parents.  Student work that goes home often ends up in the garbage bin.  </t>
  </si>
  <si>
    <t>Meh.  For some students, grades are a motivator.  The scale seems to encourage mediocrity.  Very little effort from some students until it's too late (in grade 10 when grades matter for post-secondary education.</t>
  </si>
  <si>
    <t>It's what universities want.  Until that changes, do not change this.</t>
  </si>
  <si>
    <t>Not sure what the point of it is.</t>
  </si>
  <si>
    <t xml:space="preserve">Most students don't make "deep" reflections.  I haven't found at this time, much significance in motivating students to do better.  </t>
  </si>
  <si>
    <t xml:space="preserve">Again, most students wouldn't get much out of this at the elementary level.  Maybe highschool? </t>
  </si>
  <si>
    <t>As long as needs and strengths are clearly stated and realistic, sure of course!  Cannot "sugar-coat" a student's achievement or area of need.</t>
  </si>
  <si>
    <t>Over reporting.   A lot of effort, but not much help in influencing the learner.</t>
  </si>
  <si>
    <t>1 rapport par semestre et 2 intérimaires (à l’oral)</t>
  </si>
  <si>
    <t>Compétences émergentes, en développement, satisfaisantes, en expansion. On ne peut pas dire compétence compétente???
Échelles différentes pour les M à 3/ 4 à 7/8-9/10 à 12</t>
  </si>
  <si>
    <t>Des lettres et des notes pour les 4 à 12</t>
  </si>
  <si>
    <t xml:space="preserve">Pas pour les niveaux Maternelle et 1ère </t>
  </si>
  <si>
    <t xml:space="preserve">Pas pour les Maternelles et 1ère année </t>
  </si>
  <si>
    <t>Les élèves à besoins oui ont besoin d’un plan individuel. La classe régulière n’est pas adaptée dans la réalité pour les élèves à grands
besoins. Le nombre d’élèves est encore trop élevé surtout pour les M à 3. Les ressources humaines sont insuffisantes. Petite classe, petit groupe particulier.</t>
  </si>
  <si>
    <t>La maturité de l’élève de M ou1 ère. Les exercices à l’oral sans plus.</t>
  </si>
  <si>
    <t xml:space="preserve">I would prefer less time assessing, and more time actually teaching.  We loose school time for parent interviews etc.  5 seems a lot.  What happened to 3x a year? </t>
  </si>
  <si>
    <t>People just translate it to abc… 1234etc.  It should be meet or not meet.  1 or 2 period.</t>
  </si>
  <si>
    <t>Internationally required</t>
  </si>
  <si>
    <t>Redundant</t>
  </si>
  <si>
    <t>Make work project for teachers.  Takes up sooooo much time with  no return</t>
  </si>
  <si>
    <t xml:space="preserve">When I ask my 10 years old for feed back,  he is cluelessness 
Ok for high school, but not for elementary </t>
  </si>
  <si>
    <t xml:space="preserve">What does this actually mean??? No standardized testing? Too vague </t>
  </si>
  <si>
    <t xml:space="preserve">Too much.  Open dialogue with teachers more important that official paperwork </t>
  </si>
  <si>
    <t xml:space="preserve">I don’t think some reports should be using letter grades and some the proficiency scale. </t>
  </si>
  <si>
    <t>Letter grades don’t translate well to proficiency scales. And extending is not the same as and A or +A.</t>
  </si>
  <si>
    <t xml:space="preserve">Student led conference do not work, no teacher is going to talk badly about a student while they are in the conference. Really don’t get a full understanding of how the kids are doing, Also if you have a shy child they conference is pointless </t>
  </si>
  <si>
    <t xml:space="preserve">They have enough to worry about, and shouldnt have to grade their selves </t>
  </si>
  <si>
    <t>Students do not have the capacity to self reflect.  Students want A grades.  Combine these two and you have students telling you what they think you want to hear or what won't upset their parents.  I don't see the point of asking this.</t>
  </si>
  <si>
    <t>See above.  This is not a skill most if any have.  And no, we don't have time to teach it too.</t>
  </si>
  <si>
    <t>I feel this is too much. Parents are not spending much time reading reports and after a report will come to a conference and ask how a student is doing. An interim towards the beginning, 2 conference based reports or interviews, one mid-point written report and a final summary would be more efficien</t>
  </si>
  <si>
    <t>Not a fan of the group of words. All are “ing” words except proficient</t>
  </si>
  <si>
    <t xml:space="preserve">Too often and not a meaningful means of communicating student learning. Parents often do not read the reports and still ask for a conversation to discuss where their child is at with the teacher. </t>
  </si>
  <si>
    <t>Additional time needed to enter grades 3 different ways</t>
  </si>
  <si>
    <t>Important for students to be aware of their learning.</t>
  </si>
  <si>
    <t>I like the part of student ownership in learning</t>
  </si>
  <si>
    <t xml:space="preserve">Formal reports take SO much time and energy for teachers and don’t convey enough information. Not worth the effort required to produce. </t>
  </si>
  <si>
    <t>I am a kindergarten teacher and feel it is in appropriate to rate children’s learning at this age. At my school we use “working within widely held expectations” until the June report card. This gives kids time to settle in to school amd demonstrate their knowledge.</t>
  </si>
  <si>
    <t xml:space="preserve">Good transition to post secondary. </t>
  </si>
  <si>
    <t xml:space="preserve">I think letter grades are better understood with descriptors. </t>
  </si>
  <si>
    <t xml:space="preserve">Currently we have done this once a year in Kindergartem (June) amd even that is challenging for the kids. Some grades would do fine but this is too much for K amd just more work for the teachers without giving meaningful information. </t>
  </si>
  <si>
    <t xml:space="preserve">This is a good goal and practice, however without taking away something else from the reporting process, it’s just more work for the teacher again. I’m also concerned about the expectation families will put on teachers to make sure the goals are met. </t>
  </si>
  <si>
    <t>Every year I have students who cannot hold a pencil, draw a picture, trace words, or even speak. How on earth will they be able to reflect on their learning? That is completely unreasonable.</t>
  </si>
  <si>
    <t xml:space="preserve">Now with frequent parent-school communication via FreshGrade, the parents of my class see &amp; hear how their children are doing.
I post info, photos or videos about once a week.
Therefore, 3 written report cards + 2 parent-teacher interviews would suffice.
</t>
  </si>
  <si>
    <t>My school board &amp; I currently use these 4 : Émergente, En voie d'acquisition, Maîtrisée, Approfondie.
I'm OK with Émergente &amp; En voie d'acquisition.
However, I find 'Maîtrisée' and 'Approfondie' to be overstated, glorified.
I would prefer something more realistic like 'Satisfaisante'
&amp; 'Excellent'</t>
  </si>
  <si>
    <t>It sounds to be redundant.</t>
  </si>
  <si>
    <t xml:space="preserve">OK it's important, but if you're going to add more into the requirements &amp; the curriculum, then take out some other less important details.
I find the curriculum to be overloaded with too many irrelevant details; there are even things in Social Studies, Health &amp; Science that some adults don't know.
</t>
  </si>
  <si>
    <t xml:space="preserve">OK, but don't make it overly complicated; keep it child-friendly &amp; simple.
</t>
  </si>
  <si>
    <t>I'm fine with that &amp; I do a good job of serving my students who have disabilities &amp; diverse abilities, as well as communicating &amp; supporting their families.
My school board provides adequate support -- teacher aides -- and that enables me to serve all my students well.</t>
  </si>
  <si>
    <t>when working with Big Ideas, too much reporting just ends up being repetitive</t>
  </si>
  <si>
    <t>I dislike kids labelling themselves with letter grades and find the proficiency scales get the kids communicating about where they are with their learning in positive ways.</t>
  </si>
  <si>
    <t>why both?</t>
  </si>
  <si>
    <t>not authentic</t>
  </si>
  <si>
    <t>I think it is beneficial to change to two written reports. We are doing this in Vancouver and parents find the mid-year report extremely valuable for providing a clear picture of student progress and the goals for the balance of the year.</t>
  </si>
  <si>
    <t xml:space="preserve">I have not found that parents are not concerned with the core competencies in reports. They want the reports to offer clear information about the student’s academic performance. They prefer a simple format that is clear and shows the child’s strengths but also clearly lays out the areas of growth.  </t>
  </si>
  <si>
    <t xml:space="preserve">This is difficult in the K/1 grades and really is better suited for grades 2 and up. Goals should be created with parents and children in the youngest grades. </t>
  </si>
  <si>
    <t xml:space="preserve">The first report should NOT be in the first 25% of the year for K and 1. </t>
  </si>
  <si>
    <t>Students in Grade 1 have huge learning growth in one year.  It is a much better picture of student progress and growth to look at them in the middle of the year for reading, writing and math. There is not enough growth at 25% to provide a quality assessment of ability for the balance of the year.</t>
  </si>
  <si>
    <t>La politique n’est pas claire. Le descriptif n’est pas lu des parents. Des matières-des objectifs ciblés par niveaux-une échelle de compétences selon les cycles scolaires (M-3/4-7/8-9/10 à 12).</t>
  </si>
  <si>
    <t>Émergente, en développement, satisfaisante, en expansion. Les choix de mots sont à travailler. Certainement pas passer de “en voie d’acquisition”, “ à maîtriser”. Il manque une étape entre les deux.</t>
  </si>
  <si>
    <t>Introduire les compétences de base, conscientiser mais pas d’auto-évaluation pour les M et 1</t>
  </si>
  <si>
    <t>Pas pour les M et 1</t>
  </si>
  <si>
    <t>Non satisfait de la politique proposée. Matières+objectifs provincials bien ciblés par niveau scolaire+ échelle de compétences pour les M à3 et pour les 4 à 7 et  8 à 12 la politique tient mieux la route. Le descriptif ne sert pas. Évaluer en phrases est une perte de temps.</t>
  </si>
  <si>
    <t>all the teachers we have had are open to communicate about my child at any time</t>
  </si>
  <si>
    <t>my kids hate doing them and feel they are a waste of time</t>
  </si>
  <si>
    <t>like the ideas of goal setting but not sure it needs to be formalized on a report card</t>
  </si>
  <si>
    <t>Most students and parents have been satisfied with this model. Students and parents who want more feedback have always been able to get it.</t>
  </si>
  <si>
    <t xml:space="preserve">The 4-scale should have been a 5-scale like for ESL and FLS. The rubric of proficiencies for subjects seem to have been swamped by the core competencies. Students can now game their evaluation so that they earn credit for courses without actually showing sufficient learning. </t>
  </si>
  <si>
    <t xml:space="preserve">A five-scale of Beginning-Developing-Expanding-Consolidating-Proficient would eliminate the traditional numeric evaluation and artificial competition. 
Students achieving Expanding levels of learning and beyond would earn credit for the course, eliminating mere presence as a pass.  </t>
  </si>
  <si>
    <t>see above</t>
  </si>
  <si>
    <t>As long as the Ministry refuses to require a specific proportion of student self-assessment in the reporting generated by teachers, this aspect of evaluation is disingenuous.</t>
  </si>
  <si>
    <t>See above.</t>
  </si>
  <si>
    <t>The other options are either redundant or valueless to student learning.</t>
  </si>
  <si>
    <t>Currently with Covid, we cannot meet with parents in person. All meetings are online. Only 2 learning updates can be written reports. How else do we report to parents? I could send home a learning activity but primary children are still learning how to discuss their work.</t>
  </si>
  <si>
    <t xml:space="preserve">Primary students are still developing in many ways. Understanding and applying the Core competencies to student learning is extremely challenging for primary students. I believe it is not a useful tool in the early years of school. </t>
  </si>
  <si>
    <t xml:space="preserve">I believe in the primary grades teachers have to provide the goals for students. Primary students do not have the capacity to critically think about their learning as needed to complete goal setting. </t>
  </si>
  <si>
    <t>Some students cannot be assessed as hard as we try due to no communication skills. These students need specialized teachers assessing their needs.</t>
  </si>
  <si>
    <t>I think that our learning updates need to be more direct. I think that teachers should be able to say that students are unfocused, distracting, defiant, lack motivation. Using less specific language hides the problem and doesn’t present a true reflection of the learner’s behaviour.</t>
  </si>
  <si>
    <t>In younger grades it is very difficult to see and evaluate extending. It seems unfair to have a rating that most students cannot reach.</t>
  </si>
  <si>
    <t>It shows clear areas for improvement and allows students to see how far they need to strive to reach the next level.</t>
  </si>
  <si>
    <t>I like proficiency scales to give you an idea of where students need to be and help develop skills so that students can meet those standards but it is very colonial in nature.</t>
  </si>
  <si>
    <t>Not very realistic in primary and very challenging to accomplish with authentic reflection and difficult for a classroom teacher to do while supervising their class.</t>
  </si>
  <si>
    <t>The concept is great but what resources are available. It is a LOT of extra work for a teacher to have everyone doing their own thing.</t>
  </si>
  <si>
    <t>Again, how do you do this? Needs vary so greatly and with increasing behaviour problems and little support for teachers, how is this suppose to happen.</t>
  </si>
  <si>
    <t>Very difficult and not authentic for primary students who have difficulty explaining their learning and usually look for the teacher to tell them.</t>
  </si>
  <si>
    <t xml:space="preserve">A three written reports are not necessary. Two is sufficient. Teachers are in frequent contact with parents and learning is communicated through portfolio platforms in a timely and consistent manner. This is an old system in a need of change. Not status quo. </t>
  </si>
  <si>
    <t>Too many reports throughout the year. Not necessary</t>
  </si>
  <si>
    <t>Language is so vague and airy fairy. It's ridiculous how BC is fluffing up it's education as well as reporting methods. Our curriculum is already watered down and these reports don't tell parents anything at all. It's just all really pathetic how we are not telling parents clearly how their child is</t>
  </si>
  <si>
    <t xml:space="preserve">It's ludicrous that students will only find out in grade 10 that are at say 65% and they aren't going to get to university because all the language up until then has shown otherwise and they are wonderful students who are doing well. It really is not doing the child, parent or teacher justice.
</t>
  </si>
  <si>
    <t xml:space="preserve">How on earth is a student supposed to apply to universities with that garbage language that BC education system is trying to push through. Why not look at other examples around the country or world that have a much better education system than we do as examples. No one uses this garbage reporting </t>
  </si>
  <si>
    <t>Again, a bunch of watered down garbage. Kids can't read or write! Let's focus on that.</t>
  </si>
  <si>
    <t>Sounds all good in theory. Whoever is trying to push this through should try teaching this to elementary school students. Absolutely ridiculous!</t>
  </si>
  <si>
    <t>Parent's need to see what their children are capable of not communicating fluff. Why are we doing this?</t>
  </si>
  <si>
    <t>I would leave things as is. Letter grades from Grade 4-12 to give students a real idea of where they are. Parents also need to know that their child can't read or write in Grade 4 and onwards.</t>
  </si>
  <si>
    <t>I feel that conversations are much more meaningful than written reports. I was happy to go from three to two written reports, with the opportunity to have alternative forms of communication for the three other communications. This is also my preference as a parent to a grade 5 student.</t>
  </si>
  <si>
    <t>The scale and new assessment language is more inclusive than traditional grades and percentages which I find very narrow and not representative of all learners.</t>
  </si>
  <si>
    <t>Letter grades and percentages are not my preference for previously mentioned reasons but if they are still required for post secondary then it makes sense.</t>
  </si>
  <si>
    <t xml:space="preserve">This is a better option because it is more inclusive </t>
  </si>
  <si>
    <t>I like the idea of this as long as educators are given the necessary support and resources to implement it and not just adding more to the already too full plate</t>
  </si>
  <si>
    <t>Same reasons as above. Educators are already spread too thin and lacking necessary resources and support. In order for it to be meaningful and done well educators will need more prep time to include all of the extras being proposed</t>
  </si>
  <si>
    <t>See above. Great in theory but what does it look like in practice and will it be properly funded and will the resources be there for educators to implement it</t>
  </si>
  <si>
    <t>I can’t say what I would change until I know what it will look like in practice and how the board will support it and fund it.</t>
  </si>
  <si>
    <t xml:space="preserve">Reports have become so long and complicated with education language parents are confused by them.   They were much clearer when they were simpler.   </t>
  </si>
  <si>
    <t>Descriptive feedback is always sugar coated and parents do not understand the true assessment of their child.  They times of G, S and N were much more straightforward than time taking complicated descriptive language</t>
  </si>
  <si>
    <t>Letter grades are more straightfoward</t>
  </si>
  <si>
    <t>It would have to be consistent across the board in how it was assessed…. How will that be implemented?</t>
  </si>
  <si>
    <t>Valuable</t>
  </si>
  <si>
    <t>G, S and N back for work effort</t>
  </si>
  <si>
    <t xml:space="preserve">I feel like the current amount of reporting events strike a balance between work load and need for families to stay informed. </t>
  </si>
  <si>
    <t xml:space="preserve">Proficiency scales make learning into an active journey for students eager to build skills, and it clarifies what students are being assessed on (curricular competencies) and makes it easier for teachers to separate academic achievement from work habits. </t>
  </si>
  <si>
    <t xml:space="preserve">I would prefer to use standards- based grading and proficiency scale reporting for all grade levels, and think that public schools could and should influence what universities expect from report cards. Percentages have a huge degree of variation from teacher to teacher so they are less valid. </t>
  </si>
  <si>
    <t xml:space="preserve">Reporting the same score 3 ways can get confusing, especially because there is not a neat and easy conversion from percentages to proficiency scales. Nonetheless, I am happy if using proficiency scales is encouraged for senior grades. </t>
  </si>
  <si>
    <t xml:space="preserve">It is a valuable reflective exercise for students, and shows that skills from school apply outside of school. </t>
  </si>
  <si>
    <t xml:space="preserve">PHE and careers courses already have competencies related to goal setting so this might lead to students sitting through the same SMART goals lesson over and over again. If it is part of careers/CLE/CLC department initiatives that could streamline the process. </t>
  </si>
  <si>
    <t xml:space="preserve">If we are committed to equity and inclusion then there must be guidelines in place to ensure this applies to assessment and not just instruction. </t>
  </si>
  <si>
    <t xml:space="preserve">Because I believe public schools should use best practices in instruction and assessment, rather than using outdated reporting methods to appease universities while we wait for them to catch up. Universities have been accepting many types of reports from schools across the globe for years. </t>
  </si>
  <si>
    <t>Too many</t>
  </si>
  <si>
    <t>Do not like the language. Regardless of definition parents will see extending as exceeding, it should not be a category. It should be emerging, developing, applying.</t>
  </si>
  <si>
    <t>Choose one or the other across the board.</t>
  </si>
  <si>
    <t>From experience it's a lot of work to do it even once a year, let alone all three each term. In younger students it is a massive struggle to achieve understanding or to internalize relevance.</t>
  </si>
  <si>
    <t>Again, this may be overly lofty for younger students.</t>
  </si>
  <si>
    <t>Not enough clear information of his this may look in practice.</t>
  </si>
  <si>
    <t>It's too much. From experience parents are barely interested in even three reports (less than 1/3 have even accessed the summative report online the last two years). A lot goes into teaching, and this takes too much of a teacher's personal time.</t>
  </si>
  <si>
    <t>I am against the written Summary of Learning at the end of the school year for Grade 8-9 students. Unless more time is given to teachers to complete the reports, it will be difficult to make them meaningful given the time constraints at the end of the school year (marks deadlines are too soon).</t>
  </si>
  <si>
    <t>The four-point proficiency scale for Grade 8-9 students is much too broad and eliminates rigour in the curriculum. I would like to see a continuation of Letter Grades for Grade 8-9 students.</t>
  </si>
  <si>
    <t>Proficiency Scale as a requirement in Grade 8-9 reporting.</t>
  </si>
  <si>
    <t>The two written reports and additional points of progress reports of the pilot project are preferable to three written reports of the proposal which is simply going back to the old way of reporting that we were trying to move away from.</t>
  </si>
  <si>
    <t>Self assessment and reporting on core competencies at the end of each school year is ample and sufficient for younger students. Once a year assessment gives them time to reflect on their growth as a learner during each grade.</t>
  </si>
  <si>
    <t>This is not appropriate or meaningful for younger students in the same way it would be for older students. Perhaps gear this towards secondary students as it suits their developmental level better.</t>
  </si>
  <si>
    <t>Report cards are far too time consuming. I think we should have more face to face conversations that happen during the school day. If parents are to be true partners in education, we need to build face to face relationships. Written report cards are horribly inefficient and ineffective ways to do th</t>
  </si>
  <si>
    <t xml:space="preserve">The proficient category is far to broad and does not give enough information to parents. </t>
  </si>
  <si>
    <t>I can’t understand why you would need both. Maybe I am reading this incorrectly.</t>
  </si>
  <si>
    <t xml:space="preserve">Not sure what this means. </t>
  </si>
  <si>
    <t xml:space="preserve">A minimum...? who decides the maximum?  A learning update, that isnt written?  what would that look like? </t>
  </si>
  <si>
    <t>Get away from grades, target exact skill levels</t>
  </si>
  <si>
    <t>Why?  what good is a letter grade?  Does it accurately reflect all students ability level?  What about designated learners?</t>
  </si>
  <si>
    <t>sounds like more work for teachers</t>
  </si>
  <si>
    <t>Students see this as a joke, they have no idea how to self-assess, even when taught.  It holds no merit</t>
  </si>
  <si>
    <t>Basically an IEP for all students? Are you joking? Where would teachers find the time with all that is piled on their plates?  I see no value in this proposal. none. Education is under valued &amp; severely under funded - how can kids be expected to take ownership when many dont have necessary supports</t>
  </si>
  <si>
    <t xml:space="preserve">Teachers already do this, adapt and accommodate with very few resources, no additional supports and no extra time.  </t>
  </si>
  <si>
    <t>No time for all kids to have an IEP, no resources and teachers are swamped already, students will not spontaneously set goals, track their development or be in any way interested in this.</t>
  </si>
  <si>
    <t xml:space="preserve">The proficiency scale is completely ineffective. There is no motivation whatsoever for students to push themselves to improve, students barely know what the scale means despite explanation.  There is no consequences for a student who hands in late work or doesn't submit an assignment. </t>
  </si>
  <si>
    <t xml:space="preserve">Letter grades and percentages should be required for all grades 8-12.  The currrent system for 8 and 9 is terrible and not working. </t>
  </si>
  <si>
    <t xml:space="preserve">Absolutely not.  Descriptive feedback is fine but get rid of the proficiency scale for everyone, it is NOT working. </t>
  </si>
  <si>
    <t xml:space="preserve">Although students find self-assessment extremely difficult it is a valuable skill to learn. </t>
  </si>
  <si>
    <t xml:space="preserve">Assessment and evaluation should always be inclusive. </t>
  </si>
  <si>
    <t xml:space="preserve">Get rid of the proficiency scale and bring back letter grades and percentages for 8 and 9.  </t>
  </si>
  <si>
    <t>I feel this is unbearable.  Teachers already spend an obscene amount of personal time reporting and now there will be even more. Parents hardly read the reports as it is. This is a complete waste of time. This might just make me quit teaching,  as I am sick of the reporting system changing again...</t>
  </si>
  <si>
    <t xml:space="preserve">Pretty much do this anyway.  </t>
  </si>
  <si>
    <t xml:space="preserve">The kids never really understand the language and therefore isn't really an accurate reflection of where they are. </t>
  </si>
  <si>
    <t xml:space="preserve">Already stated in my first response. It is too much and we are doing this on our own time. </t>
  </si>
  <si>
    <t>Too many formal reports</t>
  </si>
  <si>
    <t xml:space="preserve">It’s what we use already </t>
  </si>
  <si>
    <t xml:space="preserve">Needed for university applications </t>
  </si>
  <si>
    <t>Good idea</t>
  </si>
  <si>
    <t>Bueno</t>
  </si>
  <si>
    <t>Makes sense</t>
  </si>
  <si>
    <t xml:space="preserve">Too many formal reports </t>
  </si>
  <si>
    <t>Too much wasted time on reporting. Teachers should concentrate on teaching and proper evaluation if we want to have professionals in the future.</t>
  </si>
  <si>
    <t>4 point scales is fine for k to 7 only.</t>
  </si>
  <si>
    <t>Percentages are the best! Universities and colleges are an example and we need to prep high-school in order to have a better transition.</t>
  </si>
  <si>
    <t xml:space="preserve">Universities do not grade that way. Also we need to encourage quality education and evaluation for a better society. </t>
  </si>
  <si>
    <t xml:space="preserve">It's important to self evaluate in order to realize areas of improvement as well as successful achievement. </t>
  </si>
  <si>
    <t xml:space="preserve">Yes but the student needs to set his/her own goals. </t>
  </si>
  <si>
    <t xml:space="preserve">As long as one teacher can humanly possible fulfill these needs. We already accommodate for student's individual needs in evaluation. </t>
  </si>
  <si>
    <t>Concentration on teaching helps a student a lot more than reporting. What more do we need other than a percentage? That's says it all.... industries work on percentage therefore quality production. Not at all on reporting!</t>
  </si>
  <si>
    <t>A summary of learning for 210 students is what an enrolling high school teacher would have to complete.  You are trying to take the elementary system that is completed for 30 students and believe that this summary aspect can be done for 210 students?  This requirement is unrealistic for high school.</t>
  </si>
  <si>
    <t xml:space="preserve">This is doable for K - 9.  But, ridiculous for 10 to 12 when we need % for the grad program.  It will just be a fake system for grades 10 - 12.  Teachers will continue to do what they are doing, use percentages and then just 'convert' the percentages to the proficiency scales.  </t>
  </si>
  <si>
    <t>It seems you are trying to keep the old system and force us to use the new system.  Why would we have % and proficiency scales?  The point of proficiency scales is to not have letter grades or %.  Pick a side. Don't do both. K-9 Proficiency scales. 10 - 12 % only.</t>
  </si>
  <si>
    <t>If you want us to engage in proficiency scales, then give us the tools.  Prepare learning maps as part of the assessment aspect of the current curriculum. Don't just leave the assessment aspect incomplete in the ministry documents. Provide learning maps for each curricular area.</t>
  </si>
  <si>
    <t>We use them clearly in the classroom.  We help students develop their awareness of them.</t>
  </si>
  <si>
    <t>Reduce aspects of the big ideas in existing curriculum, if you also want us to monitor these other goals.</t>
  </si>
  <si>
    <t>Wonderful - fund the system so that students can get the help they need.  Reduce class sizes to 26 to help with the increased diversity in the classroom.</t>
  </si>
  <si>
    <t xml:space="preserve">Proficiency scales should only be used in elementary school.  Once they come to the high school level, it should be letter grades for 8 -9 and percentages for 10 to 12.  </t>
  </si>
  <si>
    <t>I would rather report on the important subjects in primary such as reading writing and math and then maybe do something more general for other subjects as these are more experiential at this age</t>
  </si>
  <si>
    <t>I think that writing a comment for every subject area is a waste of time and many dont even read it</t>
  </si>
  <si>
    <t>Dont teacher that grade</t>
  </si>
  <si>
    <t>I find self reporting for young children on the core competencies in authentic as children developmentally do not really understand this yet</t>
  </si>
  <si>
    <t>I think for the younger grades this needs to be done with an adult</t>
  </si>
  <si>
    <t>Let’s have a conference with parents and make a few manageable goals together. One acedemic and 1 social emotional</t>
  </si>
  <si>
    <t>Inadequate preparatory time in which to complete these extensive reports.
Unnecessary to report in this depth for all students, such as those easily meeting with success.
Teachers should be given the autonomy to select the extent to which they ought to report, and trusted that they will do this well</t>
  </si>
  <si>
    <t>Too generalized; doesn't give parents an accurate picture of success. Makes it easy for teachers to care less about assessment, which would then result in inaccurate or inflated assessments. Students often believe they are doing better than they are. Grade 8-12 should use percentages only.</t>
  </si>
  <si>
    <t>As a parent, I can more accurately understand how competent my child is. As a teacher, my students are able to see how well they are really doing, and their effort is reflected in more accurate grading. Proficiencies de-value genuine effort.</t>
  </si>
  <si>
    <t>Proficiencies are okay for a few types of assessment, but tend to encourage an over-inflated view of effort put in. Teachers tend to bump kids up rather than have them do poorly or fail, but this protection makes their anxiety worse when reality sets in.</t>
  </si>
  <si>
    <t>This has not been at all effective in it's execution so far. Students do not take it seriously, treating it as merely a requirement with no purpose. Core competencies have always been embedded in learning and need not be assessed or self assessed. Trust teachers to include this already.</t>
  </si>
  <si>
    <t>Goal setting is important, but not without direction or vision. Students first have to care enough to have goals, and the tools by which to attain them.</t>
  </si>
  <si>
    <t>We cannot as teachers expect to have students with diverse needs supported if there is a significant lack of government funding for these supports. Smaller class sizes, more prep time, more resources, and more support staff are essential - otherwise it's just lip service.</t>
  </si>
  <si>
    <t>Teachers are already overworked and underpaid. Shortage of teachers in this province will only get worse, as other provinces without this will look more appealing, leading to attrition. Extra reporting doesn't improve student success. Extra funding does.</t>
  </si>
  <si>
    <t xml:space="preserve">2 report cards a year are sufficient. Learning updates are endlessly fluffy and unsubstantial (feedback from parents and teachers) and take away from precious instructional time, where deep academic content can be taught. </t>
  </si>
  <si>
    <t>Student self-assessments are endlessly fluffy and unsubstantial (feedback from parents and teachers) and take away from precious instructional time, where deep academic content can be taught. Parents often overlook these, as they keep on demanding "grades" from teachers.</t>
  </si>
  <si>
    <t>This is effective for self-motivated students only. Many parents don't care about goal-setting meetings and only want to hear the teacher's feedback (i.e. concrete grades).</t>
  </si>
  <si>
    <t>This will not work in an any student's favour unless teachers have support (e.g. teacher's aide), or smaller class sizes. It is a utopian fantasy for all students to succeed to their optimal potential with the support of one teacher catering individually to 30 different needs at all time.</t>
  </si>
  <si>
    <t xml:space="preserve">For diversity and inclusion to be realistic and successful, teacher support is essential. The load cannot be on the individual teacher to accommodate for every single need. How can children thrive and be successful when other children are running around being violent and harmful to others? </t>
  </si>
  <si>
    <t>That is not existing policy.</t>
  </si>
  <si>
    <t>I don’t believe these actually inform parents.</t>
  </si>
  <si>
    <t>For those going onto post-secondary this is vital.</t>
  </si>
  <si>
    <t>Most students are, unfortunately, a terrible judge of themselves.</t>
  </si>
  <si>
    <t>Why?</t>
  </si>
  <si>
    <t>Already happening.</t>
  </si>
  <si>
    <t>I already do many informal reports, more just wastes my time and prevents me from doing thing to promote actual learning.</t>
  </si>
  <si>
    <t xml:space="preserve">My kids, grade 8, are ready for marks and letter grades.  It is more motivating for them.   By last year they often felt dissatisfied and frustrated with the 4 point scale.  Also, I think grade 10 is too late to transition to letter grades.  </t>
  </si>
  <si>
    <t xml:space="preserve">Continuity. </t>
  </si>
  <si>
    <t xml:space="preserve">Practice communication on all these life skill pieces. </t>
  </si>
  <si>
    <t xml:space="preserve">Depends on the details. </t>
  </si>
  <si>
    <t xml:space="preserve">As I wrote above. </t>
  </si>
  <si>
    <t>There is a shift from assessment for learning to simply filling in forms.  Not to mention that myEd is not designed for the new type of assessment.  It is not user friendly, it does not allow for easy uploading.  If we want to share the students learning with families we should use freshgrade.</t>
  </si>
  <si>
    <t>This language is not inclusive.  It is not user friendly and it does not translate for our families for whom Academic language is not their first language.  It is eduspeak that means nothing to families.</t>
  </si>
  <si>
    <t>It just goes proves the point that elementary teachers are forced to align with ideas that are not educationally sound send down by the Ministry while 10-12 must use the language accepted by Universities.  Pick one.</t>
  </si>
  <si>
    <t xml:space="preserve">Flogging a dead horse.  Its a make work project for teachers in 10-12 so that the Ministry can feel good about the lousy reporting program they've created for the lower grades. </t>
  </si>
  <si>
    <t xml:space="preserve"> A portfolio in fresh grade for middle school and up creates positive dialogue and is DONE BY THE STUDENT!  Primary teachers are forces to try and get small children to self assess and then it is the teacher's responsibility to upload to a portal that does not work half the time.</t>
  </si>
  <si>
    <t>Student goal setting is important but it does not need to be shoved down their throats.  Primary students need time to just play and learn and not worry about their "goals" which they don't understand anyway.  My favourite was my goal is to fly like superman!</t>
  </si>
  <si>
    <t>We don't offer plain language that students and parents understand.  Eduspeak is not inclusive.  Will the report card be offered in multiple languages?</t>
  </si>
  <si>
    <t>use of Myed as a reporting platform.</t>
  </si>
  <si>
    <t>The program chosen to use for reporting is not user friendly, was not designed for ease of use, not easily accessible by students, teachers and parents and certainly not inclusive.  Using a program designed to run timetables in University was a bad choice.  Pick another user friendly platform.</t>
  </si>
  <si>
    <t xml:space="preserve">proficiency scale utilizes growth mindset language, Students aren't labelled as an A student or B student. 
The proficiency scale gives room for growth and movement - indicating that students move fluidly through stages while learning rather then being at a single point. </t>
  </si>
  <si>
    <t xml:space="preserve">Ranking students to get into university is important. However many professional development programs (Grad diploma, masters) do not utilize grades anymore. However students should be graded in some way as they will receive grades at university. </t>
  </si>
  <si>
    <t xml:space="preserve">However this language needs to be adjusted to better suit the students and parent vocabulary. Teachers should not be the ones teaching the nuances of this language to the general public. </t>
  </si>
  <si>
    <t xml:space="preserve">We need to step away from letter grade and into a proficiency scale model. </t>
  </si>
  <si>
    <t>It hasn’t changed from the previous reporting order.</t>
  </si>
  <si>
    <t>I have already been using the performance scale for the past 5 years, so this is not new for me.</t>
  </si>
  <si>
    <t>Self assessments are difficult to do in the early learning years of Kindergarten and Grade 1. Most of the time students need to be pulled individually to have the teacher scribe their self assessment or goal for them and/or explain what is being asked. It is very time consuming.</t>
  </si>
  <si>
    <t xml:space="preserve">Same as above </t>
  </si>
  <si>
    <t>All students should always be included and afforded the same care and respect</t>
  </si>
  <si>
    <t xml:space="preserve">Need a fifth category between proficient and developing </t>
  </si>
  <si>
    <t xml:space="preserve">To meet secondary school requirements </t>
  </si>
  <si>
    <t xml:space="preserve">Some students find it very difficult to set goals for themselves </t>
  </si>
  <si>
    <t>Need a 5th level on the scale</t>
  </si>
  <si>
    <t>With the current method using myEd, report cards take 20-40 HOURS for teachers of elementary and middle schools. The current model is not sustainable for keeping teachers at these grade levels. They are redundant, not representative of a child’s progress, hard to read, painstakingly hard to create</t>
  </si>
  <si>
    <t xml:space="preserve">Letter grades are for dinosaurs. They don’t tell what learning a child has done. </t>
  </si>
  <si>
    <t>Again, percentages are for dinosaurs</t>
  </si>
  <si>
    <t>This will make room for new teachers who understand how to encourage learning until the dinosaurs are extinct. Sad for my own children to still be in the system where they are judged by a subjective percentage and not encouraged by the learnings they’ve undergone</t>
  </si>
  <si>
    <t>This would require teachers actually being explicit about core competency teachings so that students know the language and understand the competencies. Beside we already embed student self evaluation into all of our report cards</t>
  </si>
  <si>
    <t>Again, we already do this. However with using myEd for writing, this is problematic as students don’t have access. This requires teachers to type in their self assessments individually on top of their own comments…sometimes in 22 separate files boxes for 28+ students. It’s a mess</t>
  </si>
  <si>
    <t>Again, already done</t>
  </si>
  <si>
    <t>And getting rid of letter grades</t>
  </si>
  <si>
    <t>Thank god I only have 4 more years in this profession. For the last 30 years report cards have become more and more work but say less and less about what the child has learned. This part of the job, besides being a social worker, psychiatdoctor, family counsellor, nurse, will turn new teachers away.</t>
  </si>
  <si>
    <t>Percentages are an outdated assessment concept. How does one distinguish between 82% proficient versus 83% proficient while using proficiency-focused assessment practices.</t>
  </si>
  <si>
    <t>These concepts are very abstract for little learners. Even self-assessment is an abstract concept. Students can engage in self-assessment with curricular concepts as those are more concrete. When this student-self assessment first came out I was excited. In practice, it isn’t working very well.</t>
  </si>
  <si>
    <t>We already address goal setting in the primary grades as it’s part of our career curriculum. But honestly, it doesn’t mean very much to the kids.</t>
  </si>
  <si>
    <t>Sure thing. It’s a good idea. Just make sure the appropriate training is provided to all teachers. Note: I’m referring to employer-delivered training, and not professional development.</t>
  </si>
  <si>
    <t>Goal-setting could work in grades 4-9. Younger than that is a meaningless activity. With the goal setting and self-assessment of abstract competencies, we are giving kids adult-valued tasks. These tasks are not developmentally appropriate, in terms of the cognitive development of young children.</t>
  </si>
  <si>
    <t>It's way too much, especially since we've been forced to use the high-school geared My Ed to report. A number of years ago my district's report card was 2 pages--concise and complete. Now it's like 7, 8, 9 pages of all the things we're asked to include - the big ideas, the curricular competencies, e</t>
  </si>
  <si>
    <t>What about "clear and accessible" language??????  Not yet, exceeding, etc. is way more clear and accessible to ALL than words like emerging (doesn't that mean coming out of a forest?), developing (a film?), proficient? pro what? and extending (as long as a learner is progressing isn't that extending</t>
  </si>
  <si>
    <t>What a joke! Have you ever tried to do this with Ks and is???</t>
  </si>
  <si>
    <t>That's great! But it's yet another thing to add to teacher's work loads, trying to report/communicate on student's goals they set and their progress. What are you taking away??</t>
  </si>
  <si>
    <t>Sounds great in our PC world, but last year I had a nonverbal student with many challenges with the cognitive ability of a 2-3 year old. Some of you should try to write a report card for him same form as all classmates. Ends up taking 5 x longer to write than other reports, but actually says little</t>
  </si>
  <si>
    <t xml:space="preserve">amount/contents expected </t>
  </si>
  <si>
    <t>How much teacher --actual, practicing classroom teacher input did you get? My report cards are about 4 times as many pages longer than they used to be before we were forced to use MyEd and takes about 4 x longer to write. And now that everything is electronic, many parents don't access them!!!!</t>
  </si>
  <si>
    <t xml:space="preserve">As a kindergarten teacher, I believe there is FAR too much emphasis on reporting and assessing.
Kindergarten should be a year of exposure and play and socialization.
Also, most of our population is ELL, and as such, all these reporting periods is FAR too much for the parents. </t>
  </si>
  <si>
    <t>I sincerely do NOT believe that K students should have proficiency scales.
This is an introductory stage of their school lives.</t>
  </si>
  <si>
    <t>Continually adding to assessment takes away from teaching.
Also, no one seems to consider the difference between older children who can read and post on their own and 5 year olds who cannot.</t>
  </si>
  <si>
    <t>The present system works with various school timetables and grade configurations.  It is reasonable and practical, as well as appropriate for providing valuable feedback to parents and guardians.</t>
  </si>
  <si>
    <t>Removing grades all the way to grade 9 is just getting silly.  Parents don't want it because they don't understand it, and reporting becomes meaningless.  As high school educators on a district selection committee, even we cannot interpret what abilities, skills, and progress has been made.</t>
  </si>
  <si>
    <t>Students and parents understand these scales.  Failure to provide authentic evaluation has led to anxiety in students, and many students now fail to understand their performance without grades.  The number is fundamentally important as a starting point to understand strengths, weaknesses, and growth</t>
  </si>
  <si>
    <t>Provincial Proficiency Scale just becomes a bunch of meaningless jargon.  Even teachers who are parents do not understand where their children are at with these scales.  Parents mostly regard it as a joke, and that can become an issue for students buying into their education.</t>
  </si>
  <si>
    <t>Students struggle to understand where they are at now.  We have noticed an incredible disconnect between a student's performance versus their expectation for letter grade or mark now.  A weak correlation now exists which has led to lower performances and growth in student development.</t>
  </si>
  <si>
    <t>The PPS should not extend beyond elementary school.  By Middle School, some grading should be reported, and could include elements of the PPS.  By grade 8 at the latest, letter grades and percentages should be required.  This is not negative feedback as some seem to feel.  Grades are useful.</t>
  </si>
  <si>
    <t>Too much work.  No time is provided for teachers to complete the arduous written reports.</t>
  </si>
  <si>
    <t>The proficiency scale is not meaningful to parents.  In order for a student to earn extending, the opportunity needs to be provided.</t>
  </si>
  <si>
    <t xml:space="preserve">The students don’t understand what they are doing.  </t>
  </si>
  <si>
    <t>Administration has too much choice in how the other two reporting periods are handled.  3 written reports is a huge task as it is.</t>
  </si>
  <si>
    <t>The language used is satisfactory but “emerging” is still too general a term for a potentially wide range in abilities, and is not as clear as it could be for parents.</t>
  </si>
  <si>
    <t xml:space="preserve">This is a wonderful idea but educators are not given the in class time it takes to prepare, and report out student self assessment.  It is another task added on to an already full and overwhelming work load.  </t>
  </si>
  <si>
    <t>Again the idea behind this is interesting, but executed, it is asking a lot of teachers to gather and report out this information, along with the usual written reporting and/or conferences with each family.</t>
  </si>
  <si>
    <t>If the work load was reduced (to a max of 3 written reporting periods only and no other reporting),  it would make student self assessment and goal setting more feasible for teachers to accomplish with full classes.  Asking us to report 5 times and do other assessment is unnecessary for all involved</t>
  </si>
  <si>
    <t xml:space="preserve">For Secondary schools, teachers need time to gather an appropriate number of assessments in order to get a clear picture of student learning. The amount of time required to meaningfully communicate student learning is great. </t>
  </si>
  <si>
    <t xml:space="preserve">With any new system of assessment, language and understanding of what the changed language means is vital to all parties (teachers, students and parents), otherwise there will be misunderstanding between student learning and perception of student learning using new terms.  </t>
  </si>
  <si>
    <t xml:space="preserve">Students need grades to understand the reality of their learning when competing for Post Sec. The "real world" is competitive and students need to be prepared. </t>
  </si>
  <si>
    <t xml:space="preserve">There will be division created by those who choose to use it and those who do not in 10-12. There needs to be consistency across the board. </t>
  </si>
  <si>
    <t>Teachers already include self-assessment in student assessment, however student self-assessmnt is not consistent. Many (Gr 12)do not have the skills to accurately assess themselves. Perfectionists are too hard, others are not self-aware enough to realize their level.  Prof Judgement must be used.</t>
  </si>
  <si>
    <t xml:space="preserve">How is this going to be tracked/ incoporated?  MyBlueprint? Access to technology? This is currently in the Careers 8-12 curriculum already. More work for teachers without having a meaningful change in student reporting or understanding of learning. </t>
  </si>
  <si>
    <t>Statement is unclear.  What does "inclusive" entail here? Great in theory. Impossible in reality of the classroom composition due to lack of funding and supports, lack of prep time.</t>
  </si>
  <si>
    <t>In practice it is unrealistic.</t>
  </si>
  <si>
    <t xml:space="preserve">The reports are extremly time consuming and take hours to complete.   Often parents to do comprehend the written comments or understand the written comments.   There must be an easier way to report positive student growth. </t>
  </si>
  <si>
    <t>This system is not preparing students for upper high school and post secondary institutions.  In the real world jobs are competitive and these future young people are not being prepared for these aspects of daily life and responsibilities adults face.</t>
  </si>
  <si>
    <t>Grades are acceptable,  but percentages, while may give indications as to their mark being closer to a B-  B or B+.  Students have always been able to ask their teachers which builds needed skills, confidence, and other skills needed as an employee/adult.</t>
  </si>
  <si>
    <t>The proficiency scales actually line up with letter grades so what is the point of giving both.</t>
  </si>
  <si>
    <t xml:space="preserve">Student self assessment is key, but teachers have been reporting student voice in their reporting process fir years. </t>
  </si>
  <si>
    <t>Goal setting has been something teachers have been doing with students for years.   It helps students reach obtainable goals that can be carried forward to adulthood.</t>
  </si>
  <si>
    <t>This is not a new process.  Teachers have been reporting this way for years.</t>
  </si>
  <si>
    <t>Creating a reporting process that is easier for parents to understand and does not overwhelm teachers, I.e. an easier reporting system.</t>
  </si>
  <si>
    <t xml:space="preserve">The volume of work placed on teachers.  Intermediate teachers teach eight different subjects,  and deal with a number of other issues.  Parents want something easier to understand. </t>
  </si>
  <si>
    <t xml:space="preserve">3 will be enough </t>
  </si>
  <si>
    <t xml:space="preserve">It still subjective </t>
  </si>
  <si>
    <t>The broad “written summary of learning at the end of the year” is concerning as a high school teacher that can teach you to 210 students if my classes are full. If the intent is to be similar to elementary reports this is simply in feasible for 210 student in terms of time and work load.</t>
  </si>
  <si>
    <t xml:space="preserve">All you are doing is changing the terminology as letters grade already mean those things.  An “A” is extending and “B” is proficient etc. This is a useless change of semantics </t>
  </si>
  <si>
    <t>It is an acknowledge that as courses become more specialized in the senior levels that content matters in addition to competencies</t>
  </si>
  <si>
    <t>As part of my graduate level university work I studied and examined the use of learning standards/ a competency based approach to assessment and in my 6 years incorporating into my practice the only result I have seen is overall grade inflation</t>
  </si>
  <si>
    <t>This should be a fully separate exercise from classroom assessment since students are not trained education professionals and often only the very top students are able to accurately able to assess their progress.</t>
  </si>
  <si>
    <t>What is the need for this?  If parents wanted to know what their students think why would they just not ask them.  The feedback I have received from parents when I include student self assessment in my reporting is that they want to know what I think not their child.</t>
  </si>
  <si>
    <t>So standards mean nothing?  What is a pass for some is not a pass for others?  What one person has to do to get a top grade is different from the next student that gets coddled and basically has it handed to them?</t>
  </si>
  <si>
    <t>This sounds like making changes for the sake of making changes to give the illusion of being progressive and cutting edge. I have heard these ideas from all sorts of “educational experts” that have either left classroom teaching to pursue lucrative consultant jobs or those who have never taught</t>
  </si>
  <si>
    <t xml:space="preserve">Time </t>
  </si>
  <si>
    <t>I have no problem with requiring frequent reporting when it is relatively informal. This will just lead to 5 full blown written report cards which is unsustainable for teachers. I would rather the teacher focus on teaching my child how to demonstrate their own learning</t>
  </si>
  <si>
    <t xml:space="preserve">This is just a new way to present grades. There is plenty of quality research on the effect of grading children. In research, grades + feedback results in less overall growth in learning from an activity than feedback only. Grades put the focus away from learning onto performance. </t>
  </si>
  <si>
    <t xml:space="preserve">There is quality established research that shows that grades contribute to less engagement with learning and a focus on performance rather than actual learning. Even grades plus feedback does this. If you really care about assessing and demonstrating learning, grades need to be removed from reports </t>
  </si>
  <si>
    <t>The proficiency scale is no different fundamentally than a letter grade, unless the student is the one choosing where they fit on the scale. Proficiency scales might be useful for goal setting and self assessment but not for assessment by the teacher if you want st’s to focus on learning continually</t>
  </si>
  <si>
    <t>Self assessment should be the core of all reporting on learning, even by young children. Evidence of learning should be coming from them demonstrating and talking about what they’ve learned and their next steps, not the teacher’s evaluation</t>
  </si>
  <si>
    <t>Student goal setting is important but it should be highly personal, and this will create a system where students are forced into a particular way/type/style of goal setting that may not work for them, because it is required of the reports. See Shelley Moore on SMART goals (they don’t work for all)</t>
  </si>
  <si>
    <t>It is not clear how this will be assured. In fact I would argue that requiring so many written reports is not at all inclusive. It still heavily privileges a particular way of communicating, and of demonstrating knowledge. It doesn’t leave much room for innovating meaningful evidence of learning</t>
  </si>
  <si>
    <t xml:space="preserve">Requiring reports to be written </t>
  </si>
  <si>
    <t>I want to hear my (even as young as K) child explain their learning and demonstrate it, with affirmation from the teacher celebrating their progress. Written report cards are inauthentic, meaningless, and a waste of learning time to create “assessments.” A good convo with the teacher is enough</t>
  </si>
  <si>
    <t>This scale does not give an accurate level of progress for the student.  The range is too wide and does not give enough description.  Not all teachers will give enough description in their comments.  Educators I've talked to, prefer letter grades.</t>
  </si>
  <si>
    <t>For the purposes of post secondary application</t>
  </si>
  <si>
    <t>It doesn't.  Letter grades are more consistent</t>
  </si>
  <si>
    <t xml:space="preserve">Too many reports.  Make work projects. Assessment in this manner perpetuates the white supremacy culture that governs our education  systems and does not allow for meaningful connections between families and educators. </t>
  </si>
  <si>
    <t xml:space="preserve">Once again… when assessment is carried out in this way it promotes a value system of inequity and does not value diversity of learning needs/styles and abilities.it is not authentic.  Still rhetoric.  </t>
  </si>
  <si>
    <t>These student self assessments are not developmentally accessible for many younger children and for many diverse learners who may not have been exposed to wider experiences and opportunities about the world around them/personal and social development in these areas are also not easily accessed by al</t>
  </si>
  <si>
    <t xml:space="preserve">Once again… due to diverse economic and cultural backgrounds many children are dealing with not having enough to eat/places to sleep and nurturing adults to support them.  Goals like this are often meaningless and not tangible to many. </t>
  </si>
  <si>
    <t xml:space="preserve">It’s is very hard to think that this reporting system supports diversity and inclusion when the very system that governs education is steeped in white supremacy culture.  Reporting like this is inherently not accessible to all.  It is still laden with value judgements of what learning and growth is </t>
  </si>
  <si>
    <t>Growth/learning/development doesn’t happen neatly in defined quarterly sections.  Does not take the individual learner and their own process into consideration as there is still benchmarks. Some children learn to read at 4 years old others not till grade 4.  This reporting still stigmatizes children</t>
  </si>
  <si>
    <t>More detailed information on performance and any challenges facing student would help target support efforts at home. This is particularly important in later grades from age 12 on. It is also important to distinguish effort from achievement and demonstrate performance in both metrics.</t>
  </si>
  <si>
    <t xml:space="preserve">Objective measures that can be tracked over time to monitor performance should be used throughout </t>
  </si>
  <si>
    <t xml:space="preserve">Too many formal reports. </t>
  </si>
  <si>
    <t xml:space="preserve">Too arbitrary. Much better to use letter grades determined by criterion-referenced percentage grades based on properly designed assessments. </t>
  </si>
  <si>
    <t>I think interim reports between Sept and Dec are unnecessary. Teachers spend all of September and part of October reviewing. There is very little information to share with parents in an interim. I think there should only be 4 reports a year.</t>
  </si>
  <si>
    <t xml:space="preserve">The 4 points are not weighted evenly. There is a huge spectrum within developing and I think that does not give parents enough information. And why is extending even necessary? Once a child is proficient, does it matter or make any difference if they are extending? </t>
  </si>
  <si>
    <t>This is what post-secondary requires.</t>
  </si>
  <si>
    <t>continuity is important</t>
  </si>
  <si>
    <t xml:space="preserve">I don't feel this is terribly effective for students in most grades. If it is implemented, I feel it should be in a different format. </t>
  </si>
  <si>
    <t xml:space="preserve">This is a huge burden on teachers. It also takes up a lot of class time to be done effectively. I believe students should reflect on their progress, but requiring new goals every report is far too much work for limited gain. </t>
  </si>
  <si>
    <t xml:space="preserve">This takes too much time. Perhaps class goals would be more effective? To create valid, attainable goals for students is far too time consuming and there is no point in doing it if it is not done correctly. </t>
  </si>
  <si>
    <t>Frequent communication is fine, but this will turn into 5 report cards. It’s too prescriptive, we should be moving towards reporting coming from the students themselves with support from teachers</t>
  </si>
  <si>
    <t>Proficiency scales might be useful for goal setting and self assessment but are essentially just camouflaged grades when used in reporting. Parents often only look at the scale (the grade!) and don’t even read comments</t>
  </si>
  <si>
    <t>Good research supports not grading students and giving all feedback as descriptive. Doing both is not a mutually beneficial compromise, research shows that students disengage from continued improvement even when a grade is accompanied by feedback</t>
  </si>
  <si>
    <t xml:space="preserve">This is just a fancy costume for grades. It doesn’t make reporting focus on learning that has happened, it still focuses on comparing children - either to each other or to an arbitrary standard that does not illustrate growth. A student could improve by two grade levels and still sit at emerging </t>
  </si>
  <si>
    <t xml:space="preserve">Student self assessment should be taking centre stage if the purpose of reporting is truly on student learning. Teachers should be supporting students in reflecting on their growth, next steps, and how to demonstrate proof of learning - not doing this for them. </t>
  </si>
  <si>
    <t xml:space="preserve">There is a real danger here unless it is made very clear that the goal setting method or system is to be chosen by the student, not imposed upon them by teacher or district, or meaningless “SMART goals” will abound. </t>
  </si>
  <si>
    <t xml:space="preserve">I see no evidence on what is presented that these reporting requirements will be functionally inclusive in terms of meeting the needs of all students, or meaningfully including all students, or demonstrating any learning for all students. It will probably do the opposite. </t>
  </si>
  <si>
    <t>Still focusing on written summaries by the teacher</t>
  </si>
  <si>
    <t>The new curriculum is supposed to be learner centred and responsive. These reporting requirements will get in the way of using the curriculum for real learning. There is an opportunity here to move to teacher-supported meaningful student self-assessment and demo of learning - a real world skill</t>
  </si>
  <si>
    <t>It is effective feedback on student progress but the emphasis on grades rather than actual learning will totally undermine everything that is actually worth doing in school. The system requiring a final grade reported as a percentage and letter grade ensures that that process of reporting is useless</t>
  </si>
  <si>
    <t>this type of reporting effectively guides growth and does not punish risk-taking</t>
  </si>
  <si>
    <t>It is ludicrous to consider percentage scores for curricular competencies. This also TOTALLY destroys any efforts for effective learning and instruction. When I saw this in the order i was devastated. I actually had some hope for a change that would take us out of the 14th century</t>
  </si>
  <si>
    <t>This approach actually informs growth and takes the emphasis off of performance; instead placing it on the actual process of learning. IT SHOULD BE THE ONLY REPORTING AND NO LETTER GRADES OR PERCENT SHOULD BE GIVEN. Otherwise it is entirely meaningless</t>
  </si>
  <si>
    <t>great idea...students who know themselves are better at navigating life. They should ALSO be directly involved in determining their final per</t>
  </si>
  <si>
    <t>great idea...but it will NEVER work effectively as long as letter grades and percentages are also reported. NO ONE will care about this stuff and it will be a waste of time.</t>
  </si>
  <si>
    <t>Also a great idea that will be meaningless unless you get rid of letter grades and percentages.  Percentages and letter grades are DEFINITELY NOT inclusive. They destroy learning and punish risk taking, marginalized students always suffer and often give up.</t>
  </si>
  <si>
    <t>There is NO sound reason for keeping percentage and letter grade...Only fear, money, antiquated university entrance standards, and entrenched attitudes about success have kept this horrible measure of student performance around this long. IT IS CRAZY THAT THEY ARE EVEN BEING CONSIDERED.</t>
  </si>
  <si>
    <t>You neglect to inform people that what must be done in the "new system" for those 5 reports is MORE than what we do now!  How misleading of you to state "its the same #."  A secondary teacher like me has 7 classes per year so 210 students!  How am I going to do all of that? No room to write comments</t>
  </si>
  <si>
    <t>Reality is kids need a more concrete assessment. Those scales are too vague. I'm finding more weak students in upper level grades because you've "sugar coated" assessment at lower grades. % is what majority of schools use world-wide and getting low % motivates students. Failure is not bad</t>
  </si>
  <si>
    <t>That is the reality. PostSecond use %. Diagnostic tests use a quantity and unit and %.  Really - what is wrong with giving % and letter grades?  If you don't - then BC students will have trouble gaining entrance outside of BC because nobody else in the world uses your stupid proficiency scales.</t>
  </si>
  <si>
    <t xml:space="preserve">I teach science/chem and those scales DO NOT WORK on a content based course like science and chemistry!  They work with humanities but not science/chemistry.  Our course is content based - eg Sc10 has 4 different units; you could do well at bio and not chem so how do I come up with a number?  </t>
  </si>
  <si>
    <t xml:space="preserve">What proof you want? Doesn't a student need to self-reflect when they get a science/chem test handed back? Of course they do.  Now you want documentation of that? Thanks for the extra work. Is that what you did in your post-secondary education? Get your test/exam back and write out self-reflection? </t>
  </si>
  <si>
    <t>Why did I get a BSc and then BEd and then a Diploma in SpEd if students could just set their own goals? Did you get medical treatment ever? If yes - your Dr, etc went through same system as me where the teacher set the goals - so if you want this to change are you scared for your child?   I would be</t>
  </si>
  <si>
    <t xml:space="preserve">Why only 1? It's a big mess. Pandemic and teachers overworked and leaving the profession and now you want to change the reporting system to make it more work? Why - because you don't want to fund education properly so you're DUMBING DOWN The reporting system. </t>
  </si>
  <si>
    <t>We should be lessening the amount of reporting, not adding to it. Many countries in the world are moving away from it all together. With this much reporting expected, it takes away from the central goal of teaching and learning. Why do humans have to be graded on any scale? Each is an individual</t>
  </si>
  <si>
    <t>I do not like percentages and letter grades. How can you truly place a person’s learning on a scale like these? It should not be about numbers and letters. These are antiquated. I think all grades should be moving to the proficiency scale. I think it is much easier for parents to understand as well.</t>
  </si>
  <si>
    <t xml:space="preserve">Learning is individual. It is not a number or a letter. This antique way of assessing the level at which a student has grasped and learned key content does not fit with the new curriculum and objectives in teaching. </t>
  </si>
  <si>
    <t xml:space="preserve">Much more reflective of a person’s learning according to them, as an individual. Students should not be placed on a comparison chart such as letter and percentage grades. </t>
  </si>
  <si>
    <t xml:space="preserve">The frequency of reporting proposed is just wrong and completely takes away from what learning really means. Travers can make contact with parents by email and phone calls and keep them updated. But this amount of reporting will put more undo stress on the students as well. </t>
  </si>
  <si>
    <t>Ensures a formal check in each term.</t>
  </si>
  <si>
    <t xml:space="preserve">Parents do not understand the scale and colleagues have a wide range of interpretations of the scale. </t>
  </si>
  <si>
    <t>Because letter grades are required for post sec., they should be used. However, if grade 10 is the first year a student receives letter grades, it could be very shocking to them.</t>
  </si>
  <si>
    <t>This happens already.</t>
  </si>
  <si>
    <t>Would prefer a six point scale ( progressing-between developing and proficient and applying-between proficient and extending)</t>
  </si>
  <si>
    <t>For grade 10, would like the proficiency scale and/or letter grades but not percentages. Think the focus should still be on the learning and improvement rather than percentages</t>
  </si>
  <si>
    <t>I am not clear if you would have to do the proficiency scale as well as percentages… that seems conflicting in my view.  I would support the option of proficiency scale or percentages for these grades</t>
  </si>
  <si>
    <t>Think these should be completed by the student but as a global reflection on their leaning… not in every class as it loses its value if they have to do it too often, it becomes hoop jumping</t>
  </si>
  <si>
    <t>Six point scale instead of four ( beginning, developing, progressing, proficient, applying, extending)</t>
  </si>
  <si>
    <t>A six part scale provides more opportunities for the students to see their progress ( easier to go from developing to progressing to proficient than to make the jump directly to proficient).  Also many students in teenage years start the year between developing and proficient. ( progressing)</t>
  </si>
  <si>
    <t xml:space="preserve">5 reporting periods is too many. The current number of reporting periods is sufficient. </t>
  </si>
  <si>
    <t>The proficiency scale at grades 10 to 12 should be required.</t>
  </si>
  <si>
    <t xml:space="preserve">This would only be effective if there was direct instruction on how to set goals effectively. </t>
  </si>
  <si>
    <t>Grades 10 to 12: option of no letter grades for students who are on modified programs.</t>
  </si>
  <si>
    <t>Schools are grade 9-12, so make the reporting guidelines the same for all students in the school.</t>
  </si>
  <si>
    <t>It's preparing them for real life which is something we don't do enough of in the school system.  We coddle too much and then send them out unprepared.  We can do better.</t>
  </si>
  <si>
    <t>Change for the sake of change during a pandemic?  Teachers are barely keeping their heads above water right now.  Unbelievable.</t>
  </si>
  <si>
    <t xml:space="preserve">Implement changes AFTER the pandemic </t>
  </si>
  <si>
    <t>This is the wrong time to revamp reporting.  We are in a pandemic.  Seriously.</t>
  </si>
  <si>
    <t xml:space="preserve">Good enough to get a summary with this number of reports </t>
  </si>
  <si>
    <t xml:space="preserve">I don’t mind the scale, but showing learning can be difficult if the teacher is distant </t>
  </si>
  <si>
    <t xml:space="preserve">I understand it’s important for post secondary </t>
  </si>
  <si>
    <t>Hopefully it will help identify where improvement is needed rather than just a label</t>
  </si>
  <si>
    <t xml:space="preserve">I think it is difficult to self assess, but it’s good to have them involved </t>
  </si>
  <si>
    <t>Nice idea, but many are overwhelmed and wouldn’t know how to reply. However as described it may encourage ownership of learning</t>
  </si>
  <si>
    <t xml:space="preserve">This is important </t>
  </si>
  <si>
    <t xml:space="preserve">I find it difficult to explain to my son if he is meeting the expectations of learning in his program. He is in grade 4 and says that he would prefer percentages and letter grades. He does not find these words helpful in understanding his own self evaluation of his education. </t>
  </si>
  <si>
    <t xml:space="preserve">I believe that this is important which is why online learning programs are so important. I have been able to work with my son’s disabilities and support him to grow in his areas of strength. </t>
  </si>
  <si>
    <t>More updates.</t>
  </si>
  <si>
    <t>Parents need to be informed about their child’s learning and I think this does so</t>
  </si>
  <si>
    <t xml:space="preserve">Too subjective for intermediate grades and high school </t>
  </si>
  <si>
    <t xml:space="preserve">Should have objective feedback for grades 4-9 as well </t>
  </si>
  <si>
    <t xml:space="preserve">Good to have students involved in their learning </t>
  </si>
  <si>
    <t>Letter grades in grades 4-9</t>
  </si>
  <si>
    <t xml:space="preserve">Objective feedback </t>
  </si>
  <si>
    <t xml:space="preserve">I appreciate the positive language used in the scale because both of my children have learning differences. “Developing” sounds more positive than getting a C minus. </t>
  </si>
  <si>
    <t xml:space="preserve">This is an important piece of communication between teacher and student. It gives students an opportunity to communicate whether they are struggling with a subject or passionate about it. </t>
  </si>
  <si>
    <t xml:space="preserve">My elementary aged kids would not be in favour of this step of making goals but for high school it would be a great idea. </t>
  </si>
  <si>
    <t xml:space="preserve">Not all students learn the same way. Flexibility is key in order to give all students opportunities to excel. </t>
  </si>
  <si>
    <t xml:space="preserve">Have not seen it </t>
  </si>
  <si>
    <t>I think they are putting stuff into a myeducation portal. But that thing is so hard to get into, they keep changing my password, all of my kids are under a different password, it doesn't notify me.
MyEd is the worst. Why can't I just click sign in with google, adn see all my kids stuff in there?</t>
  </si>
  <si>
    <t>I think that we have learned that most goal setting is coutner productive, except maybe in the context of sales. They keep trying to teach my kids SMART goals, but I really think that even the teacher's don't really understand what they are talking about. 
Maybe read Atomic Habits to learn about ef</t>
  </si>
  <si>
    <t>I think it will be counter productive. Read Atomic Habits.</t>
  </si>
  <si>
    <t xml:space="preserve">My child’s report card is already 6 pages filled with extraneous matter. I want a short and concise report not an essay. This must be very onerous for teachers. Reports should be short and tight not the 6 pages I had to wade through. Extraneous words and a supreme waste of paper. </t>
  </si>
  <si>
    <t xml:space="preserve">This could be communicated in words not a scale. </t>
  </si>
  <si>
    <t xml:space="preserve">Letter grades should be used extensively. Working towards a sliding scale is not much an incentive. As a parent, I like to know exactly where my child is not airy ball park scale. </t>
  </si>
  <si>
    <t xml:space="preserve">Why have both ? Reports can be different it’s not a big stretch nor is this rocket science. </t>
  </si>
  <si>
    <t xml:space="preserve">Don’t find self assessment needs in reporting. It could be sent home separately. </t>
  </si>
  <si>
    <t xml:space="preserve">Does this mean more paper to come home with reports. Goal setting has always happened in education. It is an innate quality ie I need to improve in reading. Older children know what they are good in and what they need to improve in although the desire may not always be there. </t>
  </si>
  <si>
    <t xml:space="preserve">Diversity is a fact of life. It needs to be supported and nurtured. </t>
  </si>
  <si>
    <t xml:space="preserve">The reporting needs to be concise and much much shorter. Multiple pages with buzz words written over it are not helpful. Seriously 6 pages???? Some countries have short console reports. Ours are mini novellas. Inane. </t>
  </si>
  <si>
    <t xml:space="preserve">See above. Would like a more streamed down report. Sliding scales are ridiculous. I preferred the one page checklist. Got a lot of information from one page. Not an efficient nor parent friendly manner of reporting. I believe next years report should be a book at this rate </t>
  </si>
  <si>
    <t>Are 3 written reports currently required?</t>
  </si>
  <si>
    <t>Student self-assessment at the primary level is very difficult,  particularly when done in a second language (French).  More support and resources need to be provided to teachers to make this a meaningful experience.</t>
  </si>
  <si>
    <t>Again, this is a very difficult process for early primary students.</t>
  </si>
  <si>
    <t>While I agree with this concept, the reality is that when teaching and completing all of the administrative tasks now required to do the job and with continual cuts to education, responding to individual needs has become more and more difficult.  Statements like the above are misleading.</t>
  </si>
  <si>
    <t xml:space="preserve">I am very concerned with the amount of writing that will be expected for each reporting period. Every report that I have seen in the examples shows wonderful but truly onerous amounts of writing. Without financial support for teachers to have all this time, this reporting plan is just more work. </t>
  </si>
  <si>
    <t xml:space="preserve">I like the four point scale, it works very well with the lower grades but I continued to be concerned with the copious amounts of written comments expected for every area of this reporting plan. </t>
  </si>
  <si>
    <t xml:space="preserve">Older students appreciate knowing their grades when pursuing post secondary education. </t>
  </si>
  <si>
    <t xml:space="preserve">Seems reasonable. </t>
  </si>
  <si>
    <t xml:space="preserve">For kindergarten, the only way to have children do self assessment is with one to one time with the teacher. Will there be financial support to give the teacher time for this type of assessment? I have yet to see any financial support for this new plan in any of the documents. </t>
  </si>
  <si>
    <t>These are very lofty goals and each student in the primary grades will need individual time with their teacher to develop and review their goals. Will there be financial support to give time for the teacher to accomplish this?</t>
  </si>
  <si>
    <t xml:space="preserve">Who will be teaching the class when you are working individually with one of the children with special needs in your class to come up with their individual report? Have any of you actually been in a class lately? </t>
  </si>
  <si>
    <t xml:space="preserve">Written comments </t>
  </si>
  <si>
    <t>Parents are looking for a simple and clear means of seeing their child’s progress. It appears the ministry is trying to make a flashy report format when the real problem in education is a complete lack of proper support for struggling learners in the classroom. WE NEED NELP!</t>
  </si>
  <si>
    <t>Sliding scales take away from these levels. Teachers should choose only a single level. As well, I'm not sure that there is a fully understood, agreed upon practice of each of the levels. for instance, "proficient" to one teacher/school is not necessarily the same at another class/school.</t>
  </si>
  <si>
    <t xml:space="preserve">There is no need for percentages and letter grades. </t>
  </si>
  <si>
    <t>Letter grades and percentages are not needed.</t>
  </si>
  <si>
    <t>Equity is at the heart of positive assessment practices</t>
  </si>
  <si>
    <t xml:space="preserve">Letter grades and percentages tell you nothing of a student's progress. Universities can adapt to the K-12 reporting system for intake, if that is the reason to rank and sort. What does a child who is 84% (B)  in English know less than one who is 86% (A)? </t>
  </si>
  <si>
    <t>Three written reports during the year seems adequate. It takes a long time to individually asses each K student, and to write the reports. I also talk with parents if I see any concerns.</t>
  </si>
  <si>
    <t>The descriptors work well in a positive way.</t>
  </si>
  <si>
    <t>Letter grades and percentages are necessary for higher levels of education.</t>
  </si>
  <si>
    <t xml:space="preserve">If letter grades are given you know how well you are doing. The proficiency scale would just be added fluff.we </t>
  </si>
  <si>
    <t>It is very difficult for K students to self assess. I have tried multiple scale of images ( happy faces, plant, etc) and they circle or colour the image that appeals to them. They always think that they are doing well.</t>
  </si>
  <si>
    <t>Once again it is very difficult in K. We can set personal goals but career goals are to abstract.</t>
  </si>
  <si>
    <t xml:space="preserve">It is extremely difficult when students with extreme diverse learning needs enter K! Most of the time they are not following anything in the classroom. We are simply working on forms of communication and following some kind of routine. When the student spends their day interacting with toddler toys </t>
  </si>
  <si>
    <t>only the written reports are useful, the in-person conference with my child present are not an actual opportunity to communicate with the teacher. we need parent-teacher conferences with no child present where we can ACTUALLY TALK</t>
  </si>
  <si>
    <t>your survey is super unclear - what is changing? are you asking questions about the existing policy or the new proposed one? you never shared anything about what changes are proposed!</t>
  </si>
  <si>
    <t xml:space="preserve">increase frequency of written reporting, make conferences be teacher-parent only (no child) so we can actually talk
</t>
  </si>
  <si>
    <t>I find the summary of learning at the end of the school year too long.  It is a huge amount of work for me as a teacher and I know many parents do not even read it.  If I have finished a unit during the first semester, then I should write a comment about it then, not at the end of the year.</t>
  </si>
  <si>
    <t>The four-point scale seems to describe the various student levels in my class.</t>
  </si>
  <si>
    <t>This does not apply to me as an elementary teacher.</t>
  </si>
  <si>
    <t>As above</t>
  </si>
  <si>
    <t xml:space="preserve">The core competencies are not easy to teach to grade 1’s and the self assessments are even more difficult for them. Many students at that age are not able to make proper self-assessments.  If core competencies must be taught and evaluated at this age, then ready-made lessons and evaluations would b </t>
  </si>
  <si>
    <t>Grade 1 students are too young to do this on their own.</t>
  </si>
  <si>
    <t>Yes, it is important to evaluate students based on their own progress.</t>
  </si>
  <si>
    <t>I don’t think 6 year olds can set goals on their own.  They need adult guidance and help.</t>
  </si>
  <si>
    <t>.</t>
  </si>
  <si>
    <t>I  would rather have 7more traditional A-B-C-D</t>
  </si>
  <si>
    <t>Better understood, better similarities between classes. seems to provide a much more accurate result</t>
  </si>
  <si>
    <t xml:space="preserve">Reporting provides teachers with opportunist of communicate student learning to students and families. The written reporting is time consuming and teachers need to be afforded dedicated time to do report cards during their work day. Many teachers spend evening and weekends writing report cards. </t>
  </si>
  <si>
    <t xml:space="preserve">The idea of a proficient scale for assessment is great in theory but there needs to be more clarity and cohesion on what each standard means. I worry that the scale will still be converted into a number at the end.  </t>
  </si>
  <si>
    <t xml:space="preserve">Why are we still using letter grades and percentages? Numbers don’t mean anything! These grades should also be assessed using performance standards. Numbers stifle student engagement and learning. Please pressure universities to change their entrance requirements. </t>
  </si>
  <si>
    <t xml:space="preserve">Proficiency scales should not be used in addition to letter grades and percentages. It needs to be only proficiency scales. As soon as you add numbers and letter grades into the equation, student’s lose out on learning a subject more deeply. </t>
  </si>
  <si>
    <t xml:space="preserve">Core competencies are completely self-assessed. I don’t think it is fair for students to have to self-report on their report cards. Core competencies are a personal journey that should not be a part of a report card. Self-assessment is important but it shouldn’t be used as evidence of learning. </t>
  </si>
  <si>
    <t xml:space="preserve">Goal setting is an important part of learning to learn. It’s been show. That students who set goals in their learning will experience higher levels of engagement in a course. </t>
  </si>
  <si>
    <t xml:space="preserve">Our classrooms need to be inclusive of all learners but there apps needs to be increased levels of support for all learners as well. Classrooms are diverse and need to be funded appropriately to help all children in their own learning. </t>
  </si>
  <si>
    <t>It’s time to move away from the letters and numbers game. It’s not best practice and it’s damaging to students. Why do we continue to use letter grades and percentages to communicate student learning? It’s time to move forward. #gradeless</t>
  </si>
  <si>
    <t>J’aime recevoir une communication qui m’informe où mes enfants en sont rendus dans leurs apprentissages.  Cinq communications c’est suffisant.  Je préfère que le temps en salle de classe soit utilisé pour enseigner plutôt pour évaluer.</t>
  </si>
  <si>
    <t xml:space="preserve">Ce n’est pas assez détaillé et expliqué pour que je puisse me prononcer.  Aussi, je suis un peu tannée qu’on change les façons de faire tous les trois/quatre ans. On a tout juste le temps de s’habituer à une façon qu’on doit passer à autre chose.  </t>
  </si>
  <si>
    <t>C’est davantage aligné avec les façons de faire dans les établissements d’études post-secondaires.</t>
  </si>
  <si>
    <t>Double travail pour les enseignants de ses niveaux pour peu d’impact sur les parents/adolescents qui peuvent très bien faire sans.</t>
  </si>
  <si>
    <t>Les plus petits ne maîtrise pas vraiment les aptitudes et processus cognitifs pour procéder à tes auto-évaluations efficaces et régulières.  Perte de temps et d’énergie.  Favoriser l’apprentissage ici plutôt que l’évaluation.</t>
  </si>
  <si>
    <t>Même réponse que précédente.</t>
  </si>
  <si>
    <t>Depuis quand une même pratique peu convenir à un large éventail de besoins? Ne devrait-on pas plutôt viser à répondre aux besoins SPÉCIFIQUES des différentes clientèles? À trop vouloir inclure et uniformiser, on pénalise tout le monde.</t>
  </si>
  <si>
    <t>Ceux qui écrivent les politiques en matière d’éducation devraient être ceux qui travaillent sur le terrain, dans le feu de l’action et qui comprennent les rouages et les défis du système scolaire.  Pas les théoriciens et les bien penseurs qui pellettent des nuages…</t>
  </si>
  <si>
    <t xml:space="preserve">Given the options of programs such as Check My Progress, there is absolutely no need to mandate reporting times.  Parents are able through email to be in constant touch with teachers and, ongoing information is far more valuable than formalizing reporting periods. </t>
  </si>
  <si>
    <t>As they stand, even I am not sure how to evaluate "Core Competencies like "thinking", especially when caseloads and class sizes remain inflated.  If the end result is an uneducated population-in the sense of skills and ability levels -then we are meeting that result. Doing this now is unconscionable</t>
  </si>
  <si>
    <t xml:space="preserve">Letter grades related to percentages is fine but since secondary schools go from gr. 9-12 (not 10), re-evaluate your groupings!!! </t>
  </si>
  <si>
    <t>Either use percentages or efficiency scales - NOT BOTH!!! Is it evaluation you want or confusion because, right now everyone is confused and that is leading to a totally uneducated society. Perhaps that is the goal??? I know it was for the Liberals.</t>
  </si>
  <si>
    <t>Core competencies - take away from students actually learning skills- the idea of teaching skills is no longer desirable as you move towards assessment that is and always has been meaningless.  Either students can or they can't.  Where in life do letter grades rate progress? Simplify it to Yes or No</t>
  </si>
  <si>
    <t>This is a waste of time, energy and resources!! Someone is justifying his/her job with this nonsense. Schools are babysitters -not very good ones- abuse, neglect and belittlement starts in Kindergarten. This pretence around individualizing education when caseload sizes soar is again, unconscionable.</t>
  </si>
  <si>
    <t xml:space="preserve"> Inclusive and fully individual??? True individuality means we assess talents, abilities and desires and then provide programs to enhance those from day one- inclusive now means "being compared to peers".  And still we focus our resources on yet another reporting document. Shame on us.</t>
  </si>
  <si>
    <t xml:space="preserve">Specialists assessing </t>
  </si>
  <si>
    <t>PE teachers teaching Math(etc)- evaluation to belittle not enhance - pretence of enlightened ideology-no resources to support. -overcrowding-lack of proper supports for our most vulnerable-no accountability for district offices-caseload numbers soaring- this is chaos not education. SHAME</t>
  </si>
  <si>
    <t xml:space="preserve">Reporting to parents and families isn’t the only way to share learning - more reporting events doesn’t mean that students will preform better. Teachers need time to focus on the kids, not on how they’re reporting about them to families </t>
  </si>
  <si>
    <t xml:space="preserve">It is easily linked to a traditional ABCD scale for families to understand + it is descriptive of where the child is at </t>
  </si>
  <si>
    <t xml:space="preserve">Because kids need to think if they’re good at these things and set goals. Their self assessment along side their teachers also shows their self reflection and awareness </t>
  </si>
  <si>
    <t xml:space="preserve">Good, I think this is great. However it’s tricky as it’s adding more and more to do in the classroom , esp with some students who won’t be willing develop ideas about goals (thinking about some of my grade 8 kids) </t>
  </si>
  <si>
    <t xml:space="preserve">This is so good! 
We need more support in the classroom to fully implement this - 1 person cannot implement 25-30 different things </t>
  </si>
  <si>
    <t xml:space="preserve">It is just a big thing that we always drive toward: how to assess 
And really what’s more important is how to support better learning and not focus so much on what assessment will look like </t>
  </si>
  <si>
    <t xml:space="preserve">Learning updates are fine, but what is wrong with the good old graded report card    </t>
  </si>
  <si>
    <t xml:space="preserve">Think we could go back to graded report cards for all levels. In my experience, it worked and works still when applied. Children understand doing a good job and wanting to earn a better grade. </t>
  </si>
  <si>
    <t xml:space="preserve">I support letter grades. They work. </t>
  </si>
  <si>
    <t xml:space="preserve">The Core Competencies system is a joke. And for students to self-assess is ridiculous. 
Each person is at a different earning level in these areas, why those areas would be reported on and judged as a provincial learning system is baffling to most educators, parents, and children. Scrap it. </t>
  </si>
  <si>
    <t xml:space="preserve">This is all very personal and an intrusion into private lives by the govt. Personal goals are meant to be just that. Have a teacher teach a class on goal setting. Have  a lecture here and there on goal setting. Done. As a reporting system, ridiculous. </t>
  </si>
  <si>
    <t>Please provide details on HOW these reporting systems will "respond fully to individual needs". It really doesn't matter how reporting works for SN and diverse needs students, what matters is they get help and support in the learning process, and most of them aren't getting that in the public school</t>
  </si>
  <si>
    <t xml:space="preserve">Can't choose just one. Am against student goal setting as a reporting system, and against student self-assessment, that's ridiculous and a waste of time. </t>
  </si>
  <si>
    <t xml:space="preserve">Many home school families are not interested in re-creating school and many of us have pulled our children from public school because of extreme anxiety or they just can’t fit the mould abs requirements of public school.  These students thrive at home- but they also are not being compared. </t>
  </si>
  <si>
    <t>Homeschool students are at home because that is where they thrive.  Many homeschool families do not need the grades to assure them how their child is doing.  They are with them all day and know their strengths and struggles.  They are confident they can make it to university or work without letters.</t>
  </si>
  <si>
    <t>Homeschool is not an opportunity to recreate public school.  This is where families go to get away for all the traditions and confines of public school.  The stress and pressure that causes the anxiety that precipitates homeschool is often caused by such requirements.</t>
  </si>
  <si>
    <t>Once again, homeschool is often chosen to LEAVE public school conventions.  So to recreate these requirements, protocols, procedures and reporting would create undue stress in the child and strain on the relationship of the child/student to parent. Homeschool is meant to be supportive.</t>
  </si>
  <si>
    <t>It is always good for students to create goals.  But I’m not convinced that adding a requirement will be good as it puts added stress on the child/student to parent relationship.</t>
  </si>
  <si>
    <t>I have a child with diverse needs and learning challenges.  It seems to go without saying that these changes would be inclusive, however it doesn’t change the fact that these changes add an undue level of stress to a delicate relationship balance of teacher-student-parent.</t>
  </si>
  <si>
    <t>I have questions why this is necessary?  Homeschool students often are there because of the stress of public school requirements, comparisons and reporting.  Parents know their child and spend all day with them.  They know their proficiencies.  scaled and recorded gives a hopeless sense of judgement</t>
  </si>
  <si>
    <t>Il serait bien de faire le parallèle avec ce qui est demandé en ce moment. Je ne vois pas beaucoup de différences</t>
  </si>
  <si>
    <t>Les termes ne me semblent pas très clairs</t>
  </si>
  <si>
    <t>Je ne comprends pas. Les étudiants recevraient les 2 types d’évaluation? Échelle et notes/pourcentage? Il serai très important de s’assurer que les notes ne sont pas fait de moyenne des différents travaux au cour de l’année mais bien la représentation de ce que l’étudiant peut faire au moment precis</t>
  </si>
  <si>
    <t>Chez les très jeunes (m-3) l’auto-évaluation est un concept difficile et parfois peu mener à une mauvaise perception de soi</t>
  </si>
  <si>
    <t xml:space="preserve">Devrait être debuté en4e année. Chez les m-3, cela devrait ce faire avec l’accompagnement de l’enseignant sans nécessairement être publié </t>
  </si>
  <si>
    <t xml:space="preserve">Établissement d’objectif chez m-3 sera un fardeau pour les enseignants. Avec les 4e et plus, je crois que cela est important </t>
  </si>
  <si>
    <t>I think letter grades can make kids feel inadequate but I guess we use them if they are required.</t>
  </si>
  <si>
    <t>I think this is effective. There are many sides to a child.</t>
  </si>
  <si>
    <t>It is good to set goal</t>
  </si>
  <si>
    <t xml:space="preserve">This is nice to finally see. Not all kids learn the same. </t>
  </si>
  <si>
    <t xml:space="preserve">I have found over my career that verbal communication with parents is the most valuable form of reporting. It’s easier for things to be clarified and explained during a back and forth conversation. Plus, it provides opportunity for families to become more involved in their child’s learning. </t>
  </si>
  <si>
    <t xml:space="preserve">Students and families prefer letter grades. Letter grades are a great motivator for students. I’ve witnessed students improve their work habits and practice challenging concepts more because they want an A or B. The four point system has never motivated students as well as letter grades. </t>
  </si>
  <si>
    <t xml:space="preserve">Percentages and letter grades are not as subjective as the four point scale. Letter grades are more concrete and precise. Percentages and letter grades are trusted and valued. </t>
  </si>
  <si>
    <t xml:space="preserve">Percentages and letter grades are more trusted and valued. Percentages and letter grades are more precise and should be used consistently. </t>
  </si>
  <si>
    <t xml:space="preserve">It is difficult for students to reflect and report on core competencies which are incredibly abstract. Teachers and students have always devoted time to core competencies and that will continue because they are a natural part of learning. I don’t think it’s necessary to report on core competencies. </t>
  </si>
  <si>
    <t xml:space="preserve">Goal setting is already naturally occurring in classrooms and a student’s educational journey. Goal setting is reflected in reporting that already happens. I don’t think we need to add additional reporting specifically about goals. </t>
  </si>
  <si>
    <t xml:space="preserve">I would like this to be more specific and clear. It’s too vague. </t>
  </si>
  <si>
    <t xml:space="preserve">Students and families don’t place value in the proficiency scale. Students are motivated by letter grades. Families value and understand letter grades. During conferences with families, many complain about the proficiency scale and ask for letter grades. </t>
  </si>
  <si>
    <t xml:space="preserve">Current reporting practices are too cumbersome for teachers
Needs to be simplified, direct, useful </t>
  </si>
  <si>
    <t xml:space="preserve">Too ambiguous
Been piloted in our district and parents/kids/teachers report unhappiness
Kids go off to high school from elem/middle with ‘ exceeding expectations’ only to receive ‘c’s’ in high school
</t>
  </si>
  <si>
    <t>Post secondary education
Requirements</t>
  </si>
  <si>
    <t xml:space="preserve">Post secondary requirements </t>
  </si>
  <si>
    <t xml:space="preserve">Waste of time to create yet another piece of paper in the already cumbersome reporting situation in bc
Kids reflect, asses,  revise, goal set continuously throughout every year already
Not authentic at all
</t>
  </si>
  <si>
    <t xml:space="preserve">Already do it but to get that info entered onto report cards now takes a huge amount of time
Report cards now take over 30 hours to write each time
Plus hours of interviews mandated by our district
</t>
  </si>
  <si>
    <t xml:space="preserve">Already do it BUT all the adaptions/modifications for students have also fallen into being a responsibility for the classroom teacher  as cutbacks coupled with additional gov paperwork is crushing the system. Class compositions are out of control-ranges in students abilities too diverse. </t>
  </si>
  <si>
    <t xml:space="preserve">Honestly,  i would have included frequency of reporting, cumbersome reporting expectations, proficiency scales at 10-12 etc. </t>
  </si>
  <si>
    <t>Regular report at allows for check-ins of my child’s progress.</t>
  </si>
  <si>
    <t>Proficiency scales have appropriate language for identifying areas of need and competency.</t>
  </si>
  <si>
    <t>My child is currently in elementary school and I cannot picture how it will be when they attend high school in the future.</t>
  </si>
  <si>
    <t>Again, I cannot picture how it will be for my child in high school yet.</t>
  </si>
  <si>
    <t>In many classes it seems that the children do not understand what it means to self-asses.</t>
  </si>
  <si>
    <t>Students should learn how to set goals to work towards.</t>
  </si>
  <si>
    <t>Students should be included in their learning plans and IEPs</t>
  </si>
  <si>
    <t>I would like to see this mandated across schools and districts across BC.</t>
  </si>
  <si>
    <t xml:space="preserve">Written reports in a high school setting is impossible. We have 120 students at a time </t>
  </si>
  <si>
    <t>Great. But then there can’t be letter grades if scale is being used for 8/9</t>
  </si>
  <si>
    <t xml:space="preserve">Universities look at grade 12 courses. Why shouldn’t the order go to grade 10 or 11. Also, having the reporting be different just eliminates any benefit of using descriptive feedback </t>
  </si>
  <si>
    <t xml:space="preserve">If you are using the proficiency scale, having to translate it into a letter grade and then a percentage defeats the entire point. Why not just use a letter grade or percentage </t>
  </si>
  <si>
    <t xml:space="preserve">This is almost never done meaningfully at my school since there is no direction how to make this happen </t>
  </si>
  <si>
    <t>Who is going to do it I. High school? Which teacher?</t>
  </si>
  <si>
    <t>While overall proficiency may be nice to self-esteem.  I am tired of the pretty language.  Tell me straight out how my child is doing.   Kids are going up to secondary school not being able to do anything because elementary teachers are reporting that everything they do is fantastic.  When it is not</t>
  </si>
  <si>
    <t xml:space="preserve">Straightforward information. </t>
  </si>
  <si>
    <t xml:space="preserve">Don’t care about proficiency scale. It means nothing in the real world.  I don’t get paid on a proficiency scale and universities don’t use them. </t>
  </si>
  <si>
    <t xml:space="preserve">While self reflection and assessment is important.  I don’t care about the core competencies. I want to know that my children can read, write, do math and know how to be a good people.  Teachers were doing this before the core competencies came along.  They are vague and useless. </t>
  </si>
  <si>
    <t xml:space="preserve">Again goal setting is important but it gives our children a reason the be liars.  I want my kids to have goals. They should be discussed but forcing it in a policy forces them to make stuff up in order to meet the requirements.  Your sticking your nose in too far. </t>
  </si>
  <si>
    <t xml:space="preserve">I hope that teachers are doing this.   In every profession there are people who are competent and some who are not, yet every year it is a worry as parent not to have my child in the classroom of that teacher.  The one who does nothing.  How do you ensure this policy. It is just words on paper. </t>
  </si>
  <si>
    <t xml:space="preserve">If you are reporting about my child.  Just tell me.  I don’t have time to sit and read a book.  Are they doing fine. Is their behaviour okay.  What do they need to improve.  Dispense with all the extra junk.  Are they learning, prove it. If not fix it. </t>
  </si>
  <si>
    <t xml:space="preserve">Anything more than that is too much for me to process for three kids.  </t>
  </si>
  <si>
    <t>I understand that this is done to better self-esteem, but without an idea of where the rest of the class is I can't tell where I need to step in and help my daughter, and when an entire class is behind because of staffing reasons.  We have seen both happen.</t>
  </si>
  <si>
    <t>Universities and colleges will require this.  We must allow kids to get used to the concept before they are paying thousands of dollars.  It isn't bad to have some challenge in your life.</t>
  </si>
  <si>
    <t>I can't see the purpose for this.  If kids are still only "emerging" they need help in the school because it is very likely they can't access that support from home.</t>
  </si>
  <si>
    <t>Self Evaluation is good.  Also important that teachers help them see when they are grading themselves to low, or high.</t>
  </si>
  <si>
    <t>This only works if they have to look back at it and reflect on it each quarter.  They also need help setting steps.</t>
  </si>
  <si>
    <t>Please spend more money on assessing this and getting them the help.  It is unfair that often families are left to pay for self-assessment which leaves some kids behind.</t>
  </si>
  <si>
    <t>I just think that by Grade ten they need to get used to letter grading if they are going to survive in secondary.  Numbers are pretty easy to set personal goals with.</t>
  </si>
  <si>
    <t>This is a good system. Oral communication in person or by phone for "interim" reports is all that is needed.</t>
  </si>
  <si>
    <t>What is the difference between "emerging" and "developing"? I prefer  "beginning" and "developing".</t>
  </si>
  <si>
    <t xml:space="preserve">Students at that age are preparing for university and need to be aware of their performance in comparison to others and universities will want detailed academic achievement reports  If not, then would students be selected from universities based on a onetime entrance exam? Not desirable or accurate </t>
  </si>
  <si>
    <t>I don’t understand why this would be necessary if percentages and grades are being used</t>
  </si>
  <si>
    <t>I don't see ghe need to report on this in grades K and 1. Including the language and teaching self reflection yes, but officially reporting? Why can't this just be part of the curriculum?</t>
  </si>
  <si>
    <t xml:space="preserve">Making this mandatory reporting becomes a make-work project for teachers of the youngest levels where students are unable to express themselves in writing. Parents aren't  interested in this assessment either as students can tell them themselves how they think they are progressing. </t>
  </si>
  <si>
    <t>Agreed but not about core comp. Self assessment when students are non-verbal, unable to express in writing , and/or understand the self-assessment process.</t>
  </si>
  <si>
    <t>Already expressed above</t>
  </si>
  <si>
    <t xml:space="preserve">The 3 reporting periods that I already am required to do is ineffective and confusing to parents. I spend so much class time trying to get ready for these reports that it interrupts the flow of our learning journey. And now you want to interrupt the year 5 times?! PLEASE let me just teach. </t>
  </si>
  <si>
    <t>Proficiency scales are no different than letter grades. Parents simply try to equate them with the traditional letter grades. It is still a label. Please stop wasting time and money reinventing labels and start helping help my students in the classroom with more supports. Fewer kids, more adult help</t>
  </si>
  <si>
    <t>Kindergarten students are capable of self assessing verbally. There is nothing more painful than forcing students to create written or even pictorial evidence of self assessment. This wastes valuable learning time and stresses the children and me!!!</t>
  </si>
  <si>
    <t>While goal setting is important how am I supposed to find the time to sit down with 20 4/5 year olds to tease out their individual goals and record their responses and teach everything else at the same time all whilst managing the multiple behavioral issues that arise constantly in my classroom???</t>
  </si>
  <si>
    <t xml:space="preserve">The boxes that you require me to check and the hoops I’m required to jump through in supporting students with special needs do not apply to individual students and therefore become superficial. </t>
  </si>
  <si>
    <t xml:space="preserve">The entire MyEd report. </t>
  </si>
  <si>
    <t>The report is labor intensive to complete. It’s confusing to parents. It completely disrupts student learning 3 times a year and now you want to disrupt the learning 5 times??</t>
  </si>
  <si>
    <t xml:space="preserve">I feel the written summary at the end of the year is excessive. </t>
  </si>
  <si>
    <t xml:space="preserve">I find the scale to be a little vague- but can work with it. </t>
  </si>
  <si>
    <t xml:space="preserve">Acceptable for this level. </t>
  </si>
  <si>
    <t xml:space="preserve">Fine as long as it isn’t arduous and is easy for students to understand. Too much time is already taken away from more important things. </t>
  </si>
  <si>
    <t xml:space="preserve">Good idea provided it is not too arduous, is easy to understand and not overly time consuming. </t>
  </si>
  <si>
    <t xml:space="preserve">This should be as individualized as possible for ALLStudents- not just those with disabilities/ diverse abilities. </t>
  </si>
  <si>
    <t xml:space="preserve">The end of year written report feels like too much.The reporting throughout the year should be sufficient. Or,  year end written  report should not be as lengthy. </t>
  </si>
  <si>
    <t xml:space="preserve">Currently only receiving 2 written reports in a school year (December and June). Would want at least one more written report in addition to the two in person check ins. </t>
  </si>
  <si>
    <t xml:space="preserve">This is satisfactory for primary grades and early intermediate. For late intermediate and high school is creates difficulty in grading/ university acceptance world wide and sets up unrealistic expectations for how society works - including university grading and future job performance. </t>
  </si>
  <si>
    <t xml:space="preserve">This should start in grade 8 or 7. </t>
  </si>
  <si>
    <t xml:space="preserve">Seems like a duplication of work. Grades should start in grade 6 or 7 with those being the only years of duplication of provincial proficiency. </t>
  </si>
  <si>
    <t xml:space="preserve">Does no harm, not sure how much good it does. </t>
  </si>
  <si>
    <t xml:space="preserve">Does no harm but again not sure how much good it does. People tend to be overly confident or the exact opposite, neither of which should affect the actual assessment of performance. </t>
  </si>
  <si>
    <t xml:space="preserve">As a homeschooling mom, one of the reasons I chose to teach at home is to avoid these "boxes". I want my children to proceed at their pace, not someone else's recipe.
</t>
  </si>
  <si>
    <t xml:space="preserve"> Maybe makes sense for grades 8 and up, but younger children may not have the tools to do this. I know my grade 6 child certainly doesn't. Standard answer is "I don't know". They may not have the ability to form the abstract picture necessary. </t>
  </si>
  <si>
    <t>Same as above. Children, up to young teenagers, can't even figure out the path of consequence yet for their actions. Might work in highschool.</t>
  </si>
  <si>
    <t>This is a really limiting survey. The "satisfied" scale is misleading and unless you are extremely unsatisfied with everything, makes it sound like there is satisfaction on any level. You've already got your minds made up. And you don't permit enough space here to make a proper comment since it is c</t>
  </si>
  <si>
    <t>I feel that this system is currently working well and is implemented into our school's reporting format.</t>
  </si>
  <si>
    <t>Our school has implemented the Provincial Proficiency Scale for K-9. This has been well received by students.</t>
  </si>
  <si>
    <t>Here again, this is a standardized system used in high school and universities. Implementing this provides consistency for students and becomes a natural flow as they enter post-secondary education.</t>
  </si>
  <si>
    <t>I disagree. I believe that percentages are a better option.</t>
  </si>
  <si>
    <t>This is something that our school has already implemented. As a result, we have observed an increase in student interest and interaction in the formulating and selection of their core competencies. This has allowed for meaningful interaction and student self-assessment has benefitted the students.</t>
  </si>
  <si>
    <t>See my answer above in response to core competencies and implementation.</t>
  </si>
  <si>
    <t>Inclusion is critical for students to learn, build confidence, and excel. This may take additional time and support, but can be beneficial for the student.</t>
  </si>
  <si>
    <t>As I mentioned above, I have observed the benefits of students establishing core competencies and taking time to reflect on them throughout the year. This has provided purpose, meaning, and a sense of accomplishment when they are successful in their chosen core competency.</t>
  </si>
  <si>
    <t>Would like more guidance and examples in what this can/should look like, especially since it encompasses all subjects, plus core competencies. Right now it feels burdensome, one more thing to figure out how to create/offer the students in a meaningful way</t>
  </si>
  <si>
    <t>Teachers communicate learning constantly without it having to be formalised. This is an increase in work load for parents who honestly don’t care</t>
  </si>
  <si>
    <t>Parents don’t understand this reporting method. There is too much ambiguity and interpretation of what each of these terms mean</t>
  </si>
  <si>
    <t>This scale is easily understandable</t>
  </si>
  <si>
    <t>As previously stated</t>
  </si>
  <si>
    <t>Teachers already include this in many of their assessment strategies. Formalising it adds another layer of complication</t>
  </si>
  <si>
    <t>Teachers already do this. No need to formalise</t>
  </si>
  <si>
    <t xml:space="preserve">Teachers already do this. No need to formalise and add another layer of complication. </t>
  </si>
  <si>
    <t>No change.</t>
  </si>
  <si>
    <t>Letter grades are fine and easy to understand. Too much teacher jargon will not help parents.</t>
  </si>
  <si>
    <t>Easy for parents to understand.</t>
  </si>
  <si>
    <t>Letter grades work better.</t>
  </si>
  <si>
    <t xml:space="preserve">Most children are either too hard or too easy on themselves, unbiased teacher observations are preferred. </t>
  </si>
  <si>
    <t xml:space="preserve">Student goals are usually too vague. </t>
  </si>
  <si>
    <t>Students are already being assessed based on their diverse needs.</t>
  </si>
  <si>
    <t>status quo is working.</t>
  </si>
  <si>
    <t>If it isn't broken why make teachers fix it???</t>
  </si>
  <si>
    <t xml:space="preserve">Regular communication between teachers and parents is necessary but, with online gradebooks that are accessible to parents 24/7, increasing the required formal reporting periods would be redundant.  The information is readily available to students, parents, guardians, etc. </t>
  </si>
  <si>
    <t>A proficiency scale with descriptive feedback is specific and actionable, while percentages are a score, most often an average of scores collected over a period of time.  The former reports on ability + promotes improvement, the latter reports how many points have been collected (non-actionable).</t>
  </si>
  <si>
    <t>A single percentage &amp; letter grade tells students and parents nothing about demonstrated ability or understanding for a course's competencies.  We may know that a student has done well or poorly, but we don't learn WHY or what can be done to improve.  Itemized reporting on competencies makes sense.</t>
  </si>
  <si>
    <t>A proficiency scale and percentage-style grading DO NOT work in tandem.  4pt prof scales are not the same as 1/4, 2/4, 3/4, 4/4.  The 3rd box on a prof scale is NOT 3/4 (75%).  The 3rd box is PROFICIENT, meaning very good, appropriate for gradelevel.  When % is included, we can't escape the 3/4 75%</t>
  </si>
  <si>
    <t xml:space="preserve">Many teachers build this into their courses already.  It's a good thing but mandating its frequency and depth may not be necessary.  </t>
  </si>
  <si>
    <t>See previous response.</t>
  </si>
  <si>
    <t xml:space="preserve">Prof scales are specific and actionable while percentage reporting is an average of points collected. The former helps S's and parents understand which competencies need work + which have been demonstrated well.  The latter only serves those who want a score with no interest in improving. </t>
  </si>
  <si>
    <t xml:space="preserve">The students I teach tell me they do not like the reporting system as it doesn't tell them how well they are doing. It's too vague.  Students still have not internalized the goal of improving skills versus working for a grade - or in this case, a proficiency.  </t>
  </si>
  <si>
    <t xml:space="preserve">It is useful to provide space for student reflection on their learning. </t>
  </si>
  <si>
    <t xml:space="preserve">I would like to see how students would respond if we did away with any labels attached to progress and to rely only on teacher comments on skills and understandings for feedback.  Students might begin, only then, to look at what they are doing well at and what needs improvement. 
</t>
  </si>
  <si>
    <t>Online applications like FreshGrade offer opportunities for teachers to give meaningful feedback frequently throughout the year.  I prefer this to writing giant reports a handful of times during the year.</t>
  </si>
  <si>
    <t>I have already been doing this for the last two years.</t>
  </si>
  <si>
    <t>Because many post-secondary institutions require grades and percentages for applicants, grades 10 - 12 students intending to go to university will need this.</t>
  </si>
  <si>
    <t>Feels like highschool teachers will be assessing with/converting between three different tools.  There will be resistance to this.</t>
  </si>
  <si>
    <t>Some teachers are using checklists that students complete ingenuinely.  To be meaningful, self-assessments should be reflective and open-ended.  To be inclusive of student ability, there should be a way for students to do/share self-assessment via video so that it is not a writing burden.</t>
  </si>
  <si>
    <t>Student goal-setting is part of self-assessment and personal development.</t>
  </si>
  <si>
    <t>Students are diverse.  All students should have opportunities to think about their progress as learners.</t>
  </si>
  <si>
    <t>Parents need to be frequently informed of their child's progress so that problems can be solved and decisions can be made throughout the year in the best interest of the child's progress.</t>
  </si>
  <si>
    <t>We are fortunate to receive plenty of informal updates from our teacher on a regular basis. There's no need for more reporting.</t>
  </si>
  <si>
    <t xml:space="preserve">This is exactly the scale my child's teachers have been using for reporting. Along with personalised comments, it's enough information for me.
</t>
  </si>
  <si>
    <t>We're not there yet, but if it's requirement for post-secondary it makes sense to use this system.</t>
  </si>
  <si>
    <t>More work for teachers seems unnecessary.</t>
  </si>
  <si>
    <t>Students should always be encouraged to self-reflect.</t>
  </si>
  <si>
    <t>But will additional resources be available to teachers to reach these goals?</t>
  </si>
  <si>
    <t>I feel it provides ample information about student progress.  I like that two of the communications are informal.</t>
  </si>
  <si>
    <t>We are already using a proficiency in primary.  I like it!</t>
  </si>
  <si>
    <t>I think it makes sense to use letter grades because they are needed for university applications.</t>
  </si>
  <si>
    <t>This might help students and parents understand more about which each letter grade means.  It might help them see the spectrum as well.</t>
  </si>
  <si>
    <t>I like doing the self-assessments at the end of the year only.  It gives time for students to learn about and understand what the core competencies even are (especially at Kindergarten.) Requiring them to do it earlier in the year would be a major struggle and not authentic.</t>
  </si>
  <si>
    <t>I recognize the value in doing this however it is a major challenge in lower primary where their goals are often very surface level especially at the beginning of the year.  It's difficult to support them with determining a meaningful goal and many of them have goals unrelated to school.</t>
  </si>
  <si>
    <t>Reporting is essential for parents and students to remain informed.  I see no changes, therefore neutral.</t>
  </si>
  <si>
    <t>This kind of grading is acceptable for very young children, but they need to transition earlier into a performance based system.  Percentages and letter grade should be introduced long before grade 8.  Currently we have students entering high school who do not have basic literacy and numeracy.</t>
  </si>
  <si>
    <t>Acceptable for 10-12, but MUST be introduced far sooner than grade 10.  This move away from grading is going to greatly handicap our students as they try to compete on the world stage.  Asian schools are leaving us in the dust.  Please reverse this harmful trend away from standards.</t>
  </si>
  <si>
    <t>Meaningless and useless.  Grades and %.  THOSE are meaningful to the students, parents as well as post-secondary and potential employers.</t>
  </si>
  <si>
    <t>How this is evaluated is very inconsistent across the province.  The assessment must be more clearly defined by the ministry in clear language instead of government-speak.</t>
  </si>
  <si>
    <t>Depending on how it is implemented.  If it becomes a "check box" it is functionally useless (like the current competencies), if implemented in a meaningful way, then it has positive potential.</t>
  </si>
  <si>
    <t>Going forward in the information age, universal standards cannot be undervalued.  This policy smells of "lowering the bar" so everyone can pretend to be "successful".  We should help all students learn, but not pretend that the results are equivalent.</t>
  </si>
  <si>
    <t>Letter grades and universal standards are meaningful and a useful comparison.  Anecdotal reporting is useless in comparing achievement.  Let's not lower the bar, let's raise standards.</t>
  </si>
  <si>
    <t>More descriptive and less comparative is ideal. No need to report on each subject. Students should be part of the assessment process.</t>
  </si>
  <si>
    <t>Those are the most important subjects to report on and students should be part of the assessment process.</t>
  </si>
  <si>
    <t xml:space="preserve">It fits the school year well; report at end of each term; important to have 2 in person meetings to maintain relationships with families </t>
  </si>
  <si>
    <t xml:space="preserve">Emerging doesn’t signify that child is struggling. It’s a nice word that doesn’t signal red flags to parents and future educators. When can we simply be honest and truthful? Students wait till grade 10 before they ever see a 52% failing because until grade 10 they are “emerging” </t>
  </si>
  <si>
    <t>Grades 10-12 must resemble post secondary admission requirements.</t>
  </si>
  <si>
    <t>This just simply means learning plans, IEPs, even though students are still “emerging” without any real educational intervention. ‘Inclusive of all learners’ yet marking everyone on the same scale?? How is that inclusive and responding to the needs of struggling, vulnerable students?</t>
  </si>
  <si>
    <t>What does the scale mean to parents especially parents of struggling learners?</t>
  </si>
  <si>
    <t>Too much reporting</t>
  </si>
  <si>
    <t>In my opinion teachers  basically put all students in the middle of the road unless they are exreme</t>
  </si>
  <si>
    <t>I am not aware of how useful the information is or if it has been used in any particularly useful ways in the past. I hope that the reports provide guidance and direction to our province and country, but have seen no evidence that they are being reviewed or taken under consideration for the future.</t>
  </si>
  <si>
    <t xml:space="preserve">It seems like it is a more helpful way of wording the scale and identifies that skills that are not yet strong are still growing. </t>
  </si>
  <si>
    <t>I feel like this is difficult for young children to understand and leaves a lot of ambiguity for them. Finding ways to communicate these with young children, each in their own understanding, is sure to be a challenge.</t>
  </si>
  <si>
    <t xml:space="preserve">There is an over-abundance of possibilities when it comes to learning, which can lead to overwhelm. There is also an extent to which a child cannot grasp what may or may not be achievable. This seems helpful and yet ambiguous and pressured all at the same time. 
 </t>
  </si>
  <si>
    <t>I think that is wonderful and I sincerely hope the government will put in the necessary training and support systems to make it feasible.</t>
  </si>
  <si>
    <t>This is difficult to answer, as it is boxed in and does not allow for much input or suggestions. It is also difficult to say the difference between theoretical and practical.</t>
  </si>
  <si>
    <t>I think this helps to provide timely and on-going feedback to parents.</t>
  </si>
  <si>
    <t>I like this proficiency scale except for the word “proficient”. I much prefer the word “applying” which I have also seen on the ministry website. “Applying” is more inclusive of various abilities related to meeting learning expectations (has less of a connotation of perfection), and it matches the o</t>
  </si>
  <si>
    <t>I think letter grades are useful at this point to help with post-secondary entrance requirements.
(PS The previous response box cut me off from finishing my thoughts! I was going to add that “applying” also fits better with the other terms which all end in “ing” - more consistent &amp; clear language)</t>
  </si>
  <si>
    <t>This could help parents understand the link between the proficiency scale and letter grades, without creating much more work for teachers.</t>
  </si>
  <si>
    <t>I think that including student self-assessment of core competencies too early in the year for lower grades (in particular K to 2) will make it harder for teachers to have time to adequately teach those concepts and prepare students.Pushing for too early self-assessments may lead to less authenticity</t>
  </si>
  <si>
    <t>Again, this may be great for older grades, but is much more challenging for earlier grades (especially K-1), if we want individualized and authentic responses. There is so much new learning and important life skills addressed in earlier years that we should encourage such practices but not mandate.</t>
  </si>
  <si>
    <t>I think this follows current practices and is in place to address diverse needs of students.</t>
  </si>
  <si>
    <t>See previous responses. This can be a challenging part for teachers of younger grades to do early in the school year (preparing students requires time). Authentic goal setting linked to a mandate task can lead to not really being authentic. I do appreciate the flexibility in formats as this can help</t>
  </si>
  <si>
    <t xml:space="preserve">Status quo, seems to make sense. </t>
  </si>
  <si>
    <t>I love the proficiency scale, but I'm uncomfortable with the Extending.  If a student has all the skills and competencies of the learning standards, can they only be proficient or would they be extending?  Is extending going to be simply working at a higher grade level? We need support and prod to d</t>
  </si>
  <si>
    <t xml:space="preserve">I like the letter grades, but dislike %.  I cannot distinguish between 90% and 92% and, even if I could, it would be slightly different in classrooms around the province.  Post-Secondary should fin their own way of ranking students to the minute level of detail they would like to see. </t>
  </si>
  <si>
    <t xml:space="preserve">Seems unnecessary if we are already giving letter grades and %.  Also, when paired with those, the public would just start equating the proficiency scales at lower grades to letter grades again anyway.  </t>
  </si>
  <si>
    <t xml:space="preserve">Self-assessment is an important skill and step for moving forward.  </t>
  </si>
  <si>
    <t xml:space="preserve">Good idea, but schools will need a lot of in-service to help make this change.  </t>
  </si>
  <si>
    <t>This should be happening already.</t>
  </si>
  <si>
    <t>Percentages are always going to be varied class to class and teacher to teacher.  Using letter grades and proficiency scales with descriptive feedback gives more information than a number ever could.  Ask post-secondary to do their own sorting.</t>
  </si>
  <si>
    <t>If the proposed policy is the same as the current policy, then I find this reasonable.Anything more than this is unrealistic and kills the flow of learning in the home. This would not complement the provincial learning goals such as "big ideas", and ongoing learning.Things become way more mechanical</t>
  </si>
  <si>
    <t>I find this way of grading very frustrating in the older grades.  From Grades k to 6 its fine.  But as the child gets older, percentages make a huge difference in determining what their level of comprehension and/or struggle is.</t>
  </si>
  <si>
    <t>I think in those grades, you only need the percentages.  The proficiency scale makes no difference at that point</t>
  </si>
  <si>
    <t>I agree that a child needs to have a "growth mindset",this is NOT the way to get there.This becomes a stressful administrative hoop for the child, rather than something that promotes ongoing learning as a measurement for success.Kids will learn "growth" if it's delivered as such by the teacher/paren</t>
  </si>
  <si>
    <t>same reason as above for the previous answer. Kids realistically are not going to say: "my goal is to get way better at my multiplication tables." What is the incentive? "Growth" as an incentive is too abstract and not motivating. Growth needs to be taught from teachers/parents</t>
  </si>
  <si>
    <t>Slippery slope. In an effort to levelling the playing field, you would be discouraging those who are highly academic and driven. We have kids with disabilities and without disabilities. It's important that the ones that are academically gifted, receive the incentives needed to maintain motivation</t>
  </si>
  <si>
    <t>I do not need more reporting than what is currently being offered.</t>
  </si>
  <si>
    <t>I think think the wording of these scales is misleading and most parents don't understand the descriptors that go with each.  To many parents the word emerging does not really drive home the significance of the fact that their child is not meeting expectations.   The wording candy coats things.</t>
  </si>
  <si>
    <t>I think kids at this age need letter grades to be able to apply to post secondary educational institutions.</t>
  </si>
  <si>
    <t>I think the proficiency scales mixed in with letter grades is confusing for students and parents.</t>
  </si>
  <si>
    <t>In my experience young students don't get much out of this and it is a waste of teacher time.</t>
  </si>
  <si>
    <t>Same as above.</t>
  </si>
  <si>
    <t>Diverse learners deserve equal treatment.</t>
  </si>
  <si>
    <t>Korean</t>
  </si>
  <si>
    <t>Teachers do not receive enough time to write a report for each and individual student that they teach, and often it is expected to be done on their personal time, working for free.</t>
  </si>
  <si>
    <t>Providing descriptive feedback for 210 students, 5 times in a year? Teachers get one hour assessment (reporting period) for 90 to 120 students = less than 40 seconds per student to collect the data, analyze, evaluate, decide on the four-point scale, along with descriptive feedback, etc.</t>
  </si>
  <si>
    <t>It is the same reporting system as before. But it is still the same. One hour assessment time for 90 to 120 student per reporting period, less than 40 seconds per report - teachers are expected to collect, analyze, assess, evaluate and report. Opening a file sometimes takes more than a minute!</t>
  </si>
  <si>
    <t>Students no longer look at these proficiency scale in their senior year. It is all about numbers for their post secondary admission.</t>
  </si>
  <si>
    <t>It would be useful if there are pre-made, grade specific, subject specific, assessment tools for students to self-assess of their core competencies. If no resources are available, then it is again loaded to teachers to perform the impossible from a nothing.</t>
  </si>
  <si>
    <t xml:space="preserve">Support the idea of students needing to set learning, personal inquiry, and development goals, but this means someone needs to teach and check their ongoing progress. This should be done collectively between home and school, but it feels like it is loading the tasks to school mainly. </t>
  </si>
  <si>
    <t>While I do agree with diversity and inclusion, it is quite challenging task with the current class size and class composition</t>
  </si>
  <si>
    <t>First two-three months is the time period where teachers are collecting data from students of their learning, hard to produce any reports based on a few learned concepts. Mid way reporting and final reporting are appropriate number.</t>
  </si>
  <si>
    <t>This is too much. Twice a year or at most three times.is enough</t>
  </si>
  <si>
    <t>I like this way</t>
  </si>
  <si>
    <t>Makes sense for students going into college etc</t>
  </si>
  <si>
    <t>As a home.learning family there is already too much reporting</t>
  </si>
  <si>
    <t xml:space="preserve">The teachers have too many students to do this effectively.Classes should have a max of maybe 14 kids. The reports are basic and unhelpful and not at all reflective of the student, they provide no ideas for at home enrichment. In 6 years I think we’ve got one that accurately reflected our child. </t>
  </si>
  <si>
    <t xml:space="preserve">Again, it doesn’t natter if you overcrowd classrooms. The information we get is usually irrelevant. This would be helpful if teachers actually had time to spend more time with each child. </t>
  </si>
  <si>
    <t xml:space="preserve">Smaller
Class sizes. </t>
  </si>
  <si>
    <t xml:space="preserve">Look at this language. “Policy” “require” this isn’t learning, this is forcing checkboxes. You need a culture shift more than policy change. What are you really doing here? Until you decrease class sizes all of these becomes a source of stress and does not help anyone. Smaller class sizes. </t>
  </si>
  <si>
    <t xml:space="preserve">Again, are students getting real support with this? I like the idea but you’re dreaming of teachers can pull this off with 28 kids in a class. </t>
  </si>
  <si>
    <t xml:space="preserve">Again, you need more dedicated EAs and  smaller class sizes to make this happen. No way it would worm u see the current structure. It sounds amazing though. </t>
  </si>
  <si>
    <t>The resources to actually pull it all off. How are you involving families in learning? We’re told not to even enter the school and “bother” teachers. Are you going. To drastically cut class sizes?</t>
  </si>
  <si>
    <t>We already do written reports at the end of each semester. Having an end of year report in a semester system makes no sense whatsoever.</t>
  </si>
  <si>
    <t>We already have been using this system in our district. Students are not engaged because 'nothing counts.' They don't try because they 'can't fail.' This has led to apathy and disrespect in the classroom. It's been a huge disaster of an experiment.</t>
  </si>
  <si>
    <t xml:space="preserve">The only problem with this is the lack of provincial exams. Without them, there has been extreme grade inflation, especially in independent schools. </t>
  </si>
  <si>
    <t>It doesn't really make much sense to have two different systems. It confuses parents. Every parent I've talked to hates the proficiency scale. Some have even kept their children from going to school because "nothing counts until grade 10."</t>
  </si>
  <si>
    <t>Self reflection is always a good idea....as long as it doesn't become micro-managed paperwork like a lot of things.</t>
  </si>
  <si>
    <t>Setting goals is a great idea, but having teachers report on the progress of goals students have set for themselves doesn't really make a lot of sense.</t>
  </si>
  <si>
    <t>We already do this. We already report on students with diverse abilities.</t>
  </si>
  <si>
    <t>The proficiency scale has been used in grades 8 and 9 in our district for a number of years, and it's been a disaster, in my opinion. Students don't seem to care about their grades. They know they 'can't fail anyway.' Their attitude has become disrespectful. It doesn't make any sense to parents.</t>
  </si>
  <si>
    <t>It’s enough with the day to day communication with the families when /if needed.</t>
  </si>
  <si>
    <t>The Proficiency scale is very subjective and makes it hard for parents/students and teachers to really communicate in an effective way. The interpretation of the scale forces teachers to defend/define the evaluation made more than necessary.</t>
  </si>
  <si>
    <t>I don’t teach these grades.</t>
  </si>
  <si>
    <t>I think formal self assessment on all core competencies + objectives  is a lot to ask for smaller grade teachers.  I think the formative years should be used to teach how to rather than doing it right away.</t>
  </si>
  <si>
    <t>Yes.</t>
  </si>
  <si>
    <t>The way the scale is made. Especially the chosen words in french.</t>
  </si>
  <si>
    <t>To opened to interpretation.</t>
  </si>
  <si>
    <t>While I am fine with the number of reports throughout the year, I am concerned on what is required for each of the reports and whether it accurately represents and provides feedback to the student's competence in the course content.</t>
  </si>
  <si>
    <t>The problem with the proficiency scale system is that it is less clear to the student on exactly where their understanding of the subject content is. You can have two students who both are labeled proficient, but one is clearly higher than the other. Levels would provide more precise feedback.</t>
  </si>
  <si>
    <t>Percentages is the most universal and precise way to gauge a student's level of understanding in course material. It should never be changed. I would argue percentages should extend to all high school grades (8-12) and letter grades in elementary (4-7)</t>
  </si>
  <si>
    <t>No, and I would argue that the proficiency scale should not be used at all in our school reporting system, especially in high school grades (8-12) as it causes confusion to students and post-secondary institutions as to how competent they are in each subject area.</t>
  </si>
  <si>
    <t>Many students are not as aware of their own performance as their teachers are, let alone, would they understand the language of the core competencies. Assessment should not be a complicated process and complications just fosters frustration on the teachers, students and parents.</t>
  </si>
  <si>
    <t xml:space="preserve">Let the teachers in their own classes decide how their students set goals, don't make it a province wide requirement. </t>
  </si>
  <si>
    <t>We are already doing this with IEPs and modified reporting for students who have exceptionalities.</t>
  </si>
  <si>
    <t>I will continue to say that the proficiency scale system is too broad to precisely measure student success and the best way to measure that success is with precise marks, such as letter grades, levels, and percentages.</t>
  </si>
  <si>
    <t>The other verbal ones are not happening and the written ones don’t tell me much and seem even more subjective than grades</t>
  </si>
  <si>
    <t xml:space="preserve">Again it seems subjective and it doesn’t tell me how my child is doing comparatively. My children also don’t know why they got the mark they did. </t>
  </si>
  <si>
    <t>It’s a system we understand except when the teacher uses descriptors all year then magically transforms them into a letter grade- child has no idea</t>
  </si>
  <si>
    <t>When the scale is used and then magical marks appear at end of year</t>
  </si>
  <si>
    <t>It’s nice to see what children think if they’re given wide open prompts</t>
  </si>
  <si>
    <t xml:space="preserve">Not sure there’s follow thru but it’s a bit of learning self awareness </t>
  </si>
  <si>
    <t>It’s lovely to get feedback but it’s often without context</t>
  </si>
  <si>
    <t xml:space="preserve">It’s not that the proficiency index is bad it’s that it’s not uniform or uniformaly used by teachers. Neither is it understood. Reports have losses value. </t>
  </si>
  <si>
    <t>Report on a monthly basis would be preferred plus the three report cards.</t>
  </si>
  <si>
    <t xml:space="preserve">I prefer the percentage grading from grade 7 onwards as it prepares the kids for the senior level. However, I definitely appreciate de percentage over the four point Cale E, D, P and E </t>
  </si>
  <si>
    <t>The self assessment does not reflect the actual growth of the student. It also undermines the kids who do not value their competencies. Some
consider that they are not good and will express it even if they are managing fine. I consider to be a waste of time. Maybe to onlyimplement for senior level?</t>
  </si>
  <si>
    <t>Kids should be able for exemple to do tests orally if they struggle with writing.</t>
  </si>
  <si>
    <t xml:space="preserve">Post secondary institutions require those letter grades for admission to various programs. However I do believe that universities should be reviewing more than just letter grades. </t>
  </si>
  <si>
    <t xml:space="preserve">My concern is that the the 2 that are not optional are going to transform into a detailed report.  Presently we have ways to share the students learning.  The scale of K to 9 is so vast.  What a K is capable of doing is vastly different from what a grade 9 student can do.  </t>
  </si>
  <si>
    <t xml:space="preserve">Parents do not understand the scale.  This is very evident in ELL parents especially when a student is well below grade level. </t>
  </si>
  <si>
    <t>Letter grades need to be used in all grades, 4 and up.  Students do not understand the grading level and they go to university and can't figure out why they are doing so poorly.  Grades are measurable when used in conjunction with criteria.</t>
  </si>
  <si>
    <t>Presently high school report cards are vague.  They do not provide relevant information as to the why.  Using a proficiency scale will assist parents to understand the grade.</t>
  </si>
  <si>
    <t xml:space="preserve">This is extremely difficult in K and 1.  Add the ELL component and sts do not get it.  It would be best if it continued with competencies at the end of the year.  This is adding more work onto the extremely difficult task of teaching.  </t>
  </si>
  <si>
    <t xml:space="preserve">This takes a lot of time in the classroom, especially in primary classrooms.  Add the ELL component and that just compounds the frustration.   Students don't always know how to set goals or what they are. Time would be better served being able to delve into subject areas.  </t>
  </si>
  <si>
    <t xml:space="preserve">These need to be adapted for the learner. </t>
  </si>
  <si>
    <t>It is time consuming and also not necessarily appropriate for all age groups.  Sadly I know this will all pass and the govt can say they consulted.  Adding more to the workload that is already  strained.</t>
  </si>
  <si>
    <t xml:space="preserve">A lot of work for which there is no time compensation given. I have to use my weekends and evenings to complete student assessments as is. </t>
  </si>
  <si>
    <t xml:space="preserve">Proficiency scales more accurately reflect student learning as opposed to performance scales. </t>
  </si>
  <si>
    <t>I can’t see the value in having both proficiency scales and letter grades. Teachers don’t need the extra work.</t>
  </si>
  <si>
    <t>The core competencies are one of the best parts of our curriculum. It’s too bad they are not as valued at the secondary level.</t>
  </si>
  <si>
    <t xml:space="preserve">This policy would work if the inclusion and ELL programs were fully funded. Our Resource/ELL teachers are overrun with a dramatic increase in student needs, a decrease in funding, and a ridiculous increase in paperwork that takes them away from doing what they want to do: be with the students. </t>
  </si>
  <si>
    <t xml:space="preserve">It would make the workload somewhat more manageable. </t>
  </si>
  <si>
    <t xml:space="preserve">Some of my kids go to a B&amp;M, and they get 3 report cards: Dec, March and June. If they are in the Learning Assistance Program, they also get 2 Interim Report Cards.  My DL kiddo gets 2: January and June, which is fine with me. Don't create more work for teachers. </t>
  </si>
  <si>
    <t>I have not at all been in favour of the Core Competencies.  Students who struggle with self-assessment are keenly aware of it, and it's very obvious when they are expected to come up with something intelligent.  This screen won't let me type a paragraph.  Grrr.</t>
  </si>
  <si>
    <t xml:space="preserve">Again, for whoever developed this, it probably made them feel good.  On a practical level, it's a waste of time. My kids stress about it, and end up writing something fake so that it looks good on paper.  This topic of goal setting is already covered in Career Ed. </t>
  </si>
  <si>
    <t xml:space="preserve">That's all fine and dandy to have this in theory, but without extra funding, this is very difficult to implement. </t>
  </si>
  <si>
    <t>more than one.</t>
  </si>
  <si>
    <t xml:space="preserve">Omit Student Goal setting and Self-Assessment.  Also don't make it mandatory for such frequent reporting - let teachers spend more time teaching, not reporting so often.  </t>
  </si>
  <si>
    <t xml:space="preserve">There is really no change from what we are currently instructed to do, besides the requirement for the first 25% reporting deadline.
</t>
  </si>
  <si>
    <t>Parents need lots of support to understand expectations.  Their school experience is with letter grades and they find it too broad.  Also  language associated with this can be "teacher speak" and we really need to simplify.</t>
  </si>
  <si>
    <t>Needs to be continuity for post secondary expectations..  However, if students have never had letter grades this can be quite an abrupt transition as there is not necessarily a direct correlation between proficient = A, as it can be A, B or C+.  There is learning to develop around that for everyone.</t>
  </si>
  <si>
    <t>Maybe this is better for some students ie/ broad for graduation requirements, but not specific enough for university entrance.  Though some university courses allow students to choose pass/fail grading for some courses rather than with a specific letter grade, so perhaps OK for upper grades too?</t>
  </si>
  <si>
    <t>For many young kids this is super difficult to reflect, as they have not yet hit a developmental stage to be able to be reflective.  It can be too teacher guided.  Often students will moan and complain about doing reflection...so we do not get their best reflection.  Some can be quite inaccurate.</t>
  </si>
  <si>
    <t>Again, this reflection can be quite difficult for many students, very teacher guided.</t>
  </si>
  <si>
    <t>Feels like we will be doing reporting twice - once on AIP/IEP goals and also curricular.  How can these be blended?  Please stop adding more to reporting... I'd rather be teaching!  Inequity in workload if you have many IEP/ELL students in one classroom.</t>
  </si>
  <si>
    <t>Supporting self-assessment (and goal setting) in multiple subject areas uses/takes a disproportionate amount of teaching time to accomplish.  What is the priority in education?  Let's use our valuable time to do that!</t>
  </si>
  <si>
    <t xml:space="preserve">It requires the same amount of work from me in terms of evaluation and reporting.  I wonder if the format of these written reports will be more conducive to parents understanding them.  Long format does not do the job. </t>
  </si>
  <si>
    <t>Descriptive feedback for each area is verbose.  Parents will look at the scale and skip the pretty paragraph. It is only needed for Lang. Arts and Math.</t>
  </si>
  <si>
    <t>My son thought that no letter grade left him open range to do whatever he wanted.  A letter grade in his opinion was the most concise way for him to see where he was at.</t>
  </si>
  <si>
    <t>interesting way to intro everyone to the equivalency between proficiency scale and letter grades.</t>
  </si>
  <si>
    <t>Young students have difficulty knowing what they don't know.  Since core competencies are imbedded in all teaching, this self-reflection is at times redundant.</t>
  </si>
  <si>
    <t>The philosophy behind it is solid; the mechanic of this with young students is more difficult.  They often don't know that they don't know.</t>
  </si>
  <si>
    <t>This is how it should have always been in schools.</t>
  </si>
  <si>
    <t xml:space="preserve">Frequent self-assessment is redundant as the progress is slow and steady.   </t>
  </si>
  <si>
    <t>This is what we do now and it seems to be enough communication with parents, so that development and grades are clearly communicated.</t>
  </si>
  <si>
    <t>It is easier to report using the PS - it avoids mincing minor grade details, such C versus C+. Unfortunately, many students hold the misconception that any mark below Prof is inadequate; when realistically, most are Dev.  The scale does a poor job of representing student growth along Dev. continuum.</t>
  </si>
  <si>
    <t>Letter grades easily demonstrate a students' grasp of knowledge gained or owned.  They are a practical way for students to measure their academic growth and standing and for universities to measure the same.</t>
  </si>
  <si>
    <t xml:space="preserve">It is a great idea to maintain continuity in grading between high school and middle school, additionally to introducing the new letter grade system to high school students.  </t>
  </si>
  <si>
    <t>I find the meaning and relevance is often lost on middle/elementary school children, and the wording needs revamping by teachers, meaning more work for them.</t>
  </si>
  <si>
    <t>Idealistically, setting goals is great.  However, children often enter a school year ignorant of their own goals.  I am not sure that this is wholistic or meaningful for students.  Certainly, is is a poor idea to introducing career (neo-liberal) language to anyone but senior high school students.</t>
  </si>
  <si>
    <t>We always assess all learners. This is nothing new.  We do need more financial and in person support though, to make the time to make assessment more meaningful.</t>
  </si>
  <si>
    <t>This schedule allows sufficient time for meaningful assessment, while still providing opportunities for cooperative engagement and intervention for students who are struggling or at risk. Additionally, there is opportunity for students to receive acknowledgement of improvement and celebrate success.</t>
  </si>
  <si>
    <t xml:space="preserve">As parent and teacher:
-students requests more specific grading - 4 categories is "vague"
-it is difficult for students to gauge small successes
-'extending' feels "out of reach" 
-students have communicated they feel their mark is known by the teacher but being kept "secret" from the student
</t>
  </si>
  <si>
    <t>As parent and teacher
-reality of life for post-secondary
-BC must be in step with rest of country and world 
-gives students agency to set specific, attainable, scaffolded goals</t>
  </si>
  <si>
    <t>-4 large 'umbrella' categories do not serve student progress - small improvements go unacknowledged beyond formative feedback
-'extending' requirements/meaning is vague and to students unattainable
-for students seeking post-secondary - they need to live in the same world as students from elsewhere</t>
  </si>
  <si>
    <t>A good process for students to engage in.
Most effective when it is cross-curricular rather than occurring in all classes at the same time (secondary)
Guardians seem relatively uninterested in my experience and are more interested in teacher feedback</t>
  </si>
  <si>
    <t>This would be most effective in targeted areas. High school classrooms already incorporate an extremely diverse array of elements, and for this to be a meaningful practice, I feel it must be ongoing and cross-curricular - class-specific instructional hours are too few to incorporate well.</t>
  </si>
  <si>
    <t>I am uncertain of what this would look like in class. In theory - I want inclusive learning in every way in the classroom. In practice, teachers cannot design meaningful, individual assessments for each student. While learning for all students must be supported, academic rigour is still essential.</t>
  </si>
  <si>
    <t>I believe this reporting style to be a failure - ineffective, confusing, and not serving students and guardians/families. I recognize the intention is to lead and to encourage intrinsic motivation, but I do not believe this method works. Further, our students are out of step with the rest of Canada</t>
  </si>
  <si>
    <t>Feel there should be more options for oral reporting such as 3-way and student lead to count as formal reports.</t>
  </si>
  <si>
    <t>Been using it for a number of years at my students and it is well accepted by students and parents.</t>
  </si>
  <si>
    <t>Would like to move away from percentages.  My belief is that 10-12 isn't solely a program for post-secondary, the future institutions could come up with their own way of ranking students.</t>
  </si>
  <si>
    <t>Doing both isn't ideal - would just like the proficiency scale.</t>
  </si>
  <si>
    <t>As a parent, don't find it overly informative.</t>
  </si>
  <si>
    <t>As stated before, allowing for 3-way conferences or student-leds to count as a formal report.</t>
  </si>
  <si>
    <t xml:space="preserve">The frequency seems a bit overdone. If there are problems or issues I would like to know so we can build for a better report. I feel bad for teachers having this frequency of redundant reporting for most kids that are doing fine. </t>
  </si>
  <si>
    <t xml:space="preserve">These measures for reporting I find acceptable </t>
  </si>
  <si>
    <t xml:space="preserve">These are fine for upper grades </t>
  </si>
  <si>
    <t>For going onto secondary education I feel this is a sufficient way to measure a students level of proficiency.</t>
  </si>
  <si>
    <t>This is acceptable for those who have some kind of support to explain the competencies and how they pertain to the student.</t>
  </si>
  <si>
    <t>Reiterating this throughout the year and a thorough explanation should be provided.</t>
  </si>
  <si>
    <t>I agree.</t>
  </si>
  <si>
    <t>I think once per term, in depth is sufficient, barring any issues that arise that should be brought to the attention of the parent in that moment.</t>
  </si>
  <si>
    <t>I feel it’s important for parents to have regularly scheduled reports that summarize what was covered in each portion of the school year to allow for growth in the net term.</t>
  </si>
  <si>
    <t>I feel parents need more education about what those scales mean and to adjust their thinking, as well as more student education to get out of the comparison and “grading” mindset. Some students will stop at nothing to achieve “the top” no matter, even if the expectation is unrealistic.</t>
  </si>
  <si>
    <t xml:space="preserve">I don’t teach those grades. </t>
  </si>
  <si>
    <t>I do not teach those grades.</t>
  </si>
  <si>
    <t>A year end summary of learning is not reasonable or necessary for highschool students. We have a huge case load of students, course work is grades with scales, feedback and letter grades. We provide course outlines, parents can view grade books online via myed. I report on 400 plus students too much</t>
  </si>
  <si>
    <t>Do not teach k-9</t>
  </si>
  <si>
    <t>I agree senior course work is used to transition into post secondary. Apprenticeships and work.</t>
  </si>
  <si>
    <t xml:space="preserve">This would be additional work and not provide a lot of meaningful information.  Mark’s with % and proficiently scales to not translate well. With four point scales, 3/4 = 75% 2/4 is 50% parents and students do not understand the combined use. How one student can be in box 3 with 79% and another 84% </t>
  </si>
  <si>
    <t>Self assessment is very important however the logical issues with getting self assessments reported to parents is extremely difficult. These are used in course work and students have copies but to get to parents is extremely difficult with the numbers. All reporting is now online and not in paper</t>
  </si>
  <si>
    <t>Goal setting is very important- again the logistics issues to report to parents is not reasonable for grades 10-12 with 8 teachers and 8 courses. We do not have any way of communicating this directly to parents in an efficient way.</t>
  </si>
  <si>
    <t>Year end summary of learning and reporting of self assessment</t>
  </si>
  <si>
    <t>The amount of work required to do these two things and the fact at high school parents do not seem to read the comments. Just look at the mark and letter grade. Too many students to make workload increase reasonable.</t>
  </si>
  <si>
    <t>Unless more prep time is given to teachers I am not sure how they could do more at this point in time.</t>
  </si>
  <si>
    <t>it's a good idea for there to be consistency in the foundations of reporting. Will teachers and parents be given any support to know how the scale will be applied?</t>
  </si>
  <si>
    <t>While it's good that this will be provided for those students who may wish to go on to post-secondary, it would be better to move post-secondary institutions to a different approach to evaluating and accepting students.</t>
  </si>
  <si>
    <t>same as in previous comment</t>
  </si>
  <si>
    <t>I am in favour of the idea of self-assessment. I have concerns about how students will be supported to engage in this work, what will happen if they refuse, how students who communicate in non-typical ways will be able to engage in self-assessment that is genuine and not teacher/EA provided.</t>
  </si>
  <si>
    <t>Having student goals is excellent. Ensuring they are communicated to parents early so they can support them is critical. Ensuring disabled students are able to genuinely set own goals (with parent support if needed) is also critical.</t>
  </si>
  <si>
    <t>thank you for this - all students need this detailed feedback and this stops the 'othering' of disabled students and the lowered expectations so typical at schools for these kids. Teachers will probalby need support on how to do this effectively and meaningfully.</t>
  </si>
  <si>
    <t>include reporting on  progress of IEP goals</t>
  </si>
  <si>
    <t>Specific reporting on IEP goals, their progress, their success, effective strategies, would help students, teachers, EAs and the family to focus on the specific progress of disabled students, so we know how they are doing before graduation.</t>
  </si>
  <si>
    <t>any more would not be enough time to gather new information so would be redundant.</t>
  </si>
  <si>
    <t xml:space="preserve">Once I got used to the language it was fine.
</t>
  </si>
  <si>
    <t xml:space="preserve">Would likely cause confusion and not necessary
</t>
  </si>
  <si>
    <t xml:space="preserve">Students should be encouraged to set goals, but to report on progress of their goals is up to the individual, not the teacher.  Kids should be taught the skills to monitor their progress, but it's not accurate or reasonable to report on another progress on their personal goals.  </t>
  </si>
  <si>
    <t xml:space="preserve">\What does this even mean?  What does it look like and how can it happen?  Seems that everyone gets a ribbon....how's that working out for employers these days?  </t>
  </si>
  <si>
    <t>Consistent format, impossible to keep up/follow the various things teachers do from year to year!  Points of Progress should be a supplement to the formal report card.  Then the report is a snapshot and the points of progress are more detail.</t>
  </si>
  <si>
    <t>See above comment.  It's so inconsistent from year to year and have to re-learn each teacher's style and we're involved in our children's learning.  Time-consuming &amp; frustrating in already busy lives!  Not looking for easy way out, just consistency in format and timing (province-wide would be nice!)</t>
  </si>
  <si>
    <t xml:space="preserve">As a parent I trust the teachers to make this decission. </t>
  </si>
  <si>
    <t xml:space="preserve">This grading system encourages growth and acknowledges strengths. Those are good things. </t>
  </si>
  <si>
    <t xml:space="preserve">This is in line with what they will see in post secondary ed.  Its good to prepare them for this. </t>
  </si>
  <si>
    <t xml:space="preserve">If teachers think this is good, I stand with that. </t>
  </si>
  <si>
    <t xml:space="preserve">Accountability and planned self growth is a great tool.  I support this. </t>
  </si>
  <si>
    <t xml:space="preserve">My school did a terrable job at encouraging growth.  They were very selective with who they encouraged to be mindful of post secondary goals.  This would make it better for all students to create and acheive personal goals. </t>
  </si>
  <si>
    <t>Im curious how this differs from what is happening now.  I fond this statement to be vague.</t>
  </si>
  <si>
    <t xml:space="preserve">Success later on depends more on goals and education in the post secondary world.  Than getting amazing grades.  Encouraging students to explore their interests and future selves could be very benificial. </t>
  </si>
  <si>
    <t>Though this is the same amount of reports required under the existing policy, the landscape of our school years is no longer the same. In the semester system, the time between reporting periods is considerably shortened. Add to this the ever-ongoing demand of lesson planning and marking, it is alot.</t>
  </si>
  <si>
    <t xml:space="preserve">I have enjoyed the transition to the proficiency scale in the junior years, as it allows for more formative and observational assessments to be included in the summative mark. </t>
  </si>
  <si>
    <t xml:space="preserve">While I recognize it is quite a shift– to move from the gradeless proficiency scale to the strict percentages between Grade 9 &amp; Grade 10– I also recognize that percentages are needed. However, using the two reporting systems simultaneously can get confusing and, at times, frustrating. </t>
  </si>
  <si>
    <t xml:space="preserve">The reason for continuing the language of the scale, I imagine, is so the scale isn't suddenly defunct by the time students move into Grade 10. I enjoy how the language for the scale embraces the growth mindset but, short of this, I do not see the pedagogical benefit of pairing it with numbers. </t>
  </si>
  <si>
    <t xml:space="preserve">In all of these choices, I am mindful of teacher workload. Will there be subject-specific rubrics supplied by the district for teachers to implement student self-assessment easily? Will teachers be given contracted time to provide meaningful, holistic, descriptive feedback for EACH student? </t>
  </si>
  <si>
    <t xml:space="preserve">Again, these are thoughtful additions that I fully support in theory but, when faced with the day-to-day demands of the job, more time will be required for generating comments. </t>
  </si>
  <si>
    <t xml:space="preserve">Well, this is a no-brainer– of course, it should. </t>
  </si>
  <si>
    <t xml:space="preserve">These are admirable changes but we must look at them in the context of what teachers are already doing. Per student, it takes me 5-10 minutes to write one comment using the descriptive model, which usually happens outside of my contract hours. Will we be given more time for meaningful reporting? </t>
  </si>
  <si>
    <t>Frequency ok content not. Get little to no  input or feedback from teachers.</t>
  </si>
  <si>
    <t xml:space="preserve">Should be letters/number grades for all </t>
  </si>
  <si>
    <t>More individual feedback and action plan</t>
  </si>
  <si>
    <t>More focus on individual kids and less political focus.</t>
  </si>
  <si>
    <t>My question is who is the reporting for students or parents?Students are often given immediate feedback on their work. Now you are putting more pressure on both teachers and students to grade everything. our school is grade 8-12 which you do not even have in your survey.</t>
  </si>
  <si>
    <t>Sometimes we are asking to report when we might only see students for 20 classes, like in an elective class. Does not really seem accurate.</t>
  </si>
  <si>
    <t>We are already doing things this way.</t>
  </si>
  <si>
    <t>You are asking teachers to do way too much work on assessment. Are we teaching so students can learn or for them to just be assessed?</t>
  </si>
  <si>
    <t>It is very important for students to learn how to self assess.</t>
  </si>
  <si>
    <t>I would want this to be realistic and not just hoop jumping.</t>
  </si>
  <si>
    <t>Reporting and report cards stress students and teachers out. I personally would prefer to focus on real learning and growth as opposed to constantly having to assess for the sake of the government and parents.</t>
  </si>
  <si>
    <t xml:space="preserve">Seems reasonable </t>
  </si>
  <si>
    <t>These are arbitrary words that mean nothing to students. Students associate each term with a letter grade, why not just stick with ABCD, the students understand that. Or at least don’t use two terms starting with the letter E</t>
  </si>
  <si>
    <t>All the self assessments I’ve seen are very shoddy. Students don’t know how to do them and teachers don’t have time to teach them</t>
  </si>
  <si>
    <t xml:space="preserve">Again, all the ones I’ve seen in elementary are shoddy and teachers don’t have time to teach students how to properly come up with goals. </t>
  </si>
  <si>
    <t>The terms used for reporting mean nothing and use the same letter for Extending and Emerging. It’s confusing and arbitrary and from the outside looks like a make work project that someone got paid a lot of money to come up with and what a waste of money that was!</t>
  </si>
  <si>
    <t>Let teachers focus on instruction instead of writing reports all the time, which takes away from focusing on daily student learning in the classroom.</t>
  </si>
  <si>
    <t>I like the move away from letter grades. Remember, very few parents read the long anecdotal comments in the boxes of the Current MyEd reports cards. Use a checklist system that lists learning outcomes, and a proficiency scale rating beside it. Simplified, easy to read, so parents will read reports.</t>
  </si>
  <si>
    <t>If post-secondary requires. Use it.</t>
  </si>
  <si>
    <t>This doesn't matter for post-secondary. Forget it. For students with IEPs, could be a better way to report.</t>
  </si>
  <si>
    <t>I have had no training on how to assess Core Competencies. If you want this done, send out the trainers to ensure it is done uniformly across the province. You can't add this to teacher's plates without proper training.</t>
  </si>
  <si>
    <t>Too open-ended. This seems like checking a box. Adults know where students need to improve. Kids just go day by day. This will not be meaningful work. The Core Competencies already do this, if there is proper training.</t>
  </si>
  <si>
    <t xml:space="preserve">Students with severe developmental and diverse abilities CANNOT be assessed in the same way as typical learners, nor should they be.  Students who cannot walk, talk, have feeding tubes or other diverse abilities should have their own assessment and evaluation practices specific to their IEPs.
</t>
  </si>
  <si>
    <t>Reporting on student goal-setting is not necessary. We need to assess students knowledge and understanding of the curriculum. Adults know where students need to grown. Leave it to the professionals.</t>
  </si>
  <si>
    <t>L</t>
  </si>
  <si>
    <t xml:space="preserve">Na </t>
  </si>
  <si>
    <t>Na</t>
  </si>
  <si>
    <t>Assessments are helpful for learning and customizing the way we teach our students.</t>
  </si>
  <si>
    <t>I feel there should be more emphasis placed in the descriptive feedback and less on the four point system.</t>
  </si>
  <si>
    <t>Again percentages are only helpful when you assessing one thing. When you are assessing a range of skills and knowledge a percentage system oversimplifies a students abilities.</t>
  </si>
  <si>
    <t>I think it is very important for students to participate in their own learning process. Still I am not sure that giving them this assessment tool will help them take ownership or hinder their sense of agency. I think this depends on the way it is delivered.</t>
  </si>
  <si>
    <t>I definitely think students should be at the Center of creating goals for their education. Again the efficacy of this will depend on the delivery.</t>
  </si>
  <si>
    <t>I hope this is true. It is a difficult task and I worry that our assessment strategies get in the way of a truly inclusive approach to education. Again this depends on the specific strategies in place. Saying that this is a goal is great but I haven’t seen the details so I withhold an opinion.</t>
  </si>
  <si>
    <t xml:space="preserve">Using a reporting platform like Freshgrade, I am constantly reporting on students in detail. At any time, parents can go on and see where their children are at. A whole lot of work goes into this. Having to report now possibly 5 times makes me not want to put as any effort into my FG. </t>
  </si>
  <si>
    <t xml:space="preserve">We already do this on Fresh Grade constantly. Why the need to do it paper form when it's available online at any time for parents to access? </t>
  </si>
  <si>
    <t xml:space="preserve">We already do this throughout the year. No need to have it done in paper form when it's available on Fresh Grade anytime. </t>
  </si>
  <si>
    <t xml:space="preserve">Again, this is already done on Fresh Grade for parents to access at anytime. </t>
  </si>
  <si>
    <t xml:space="preserve">With formative assessment, which has been the push for many years, all of these proposed actions are already being done continuously throughout the year. We're evolving in our practices. Why the push to go backwards to the olden days of reporting? It's ridiculous! </t>
  </si>
  <si>
    <t>N/A</t>
  </si>
  <si>
    <t>3 written reports are valuable ... a "student led" conference (with little to no engagement with the teacher) is not sufficient as one of the 4 learning updates.</t>
  </si>
  <si>
    <t xml:space="preserve">The requirements are so great for a student to achieve "extending" that it leaves you with a 3 point scale.  Emerging should only  be in the first reporting period to show the start of growth, leaving you a 2 point scale for the next reporting periods.  So they are developing or proficient.  </t>
  </si>
  <si>
    <t xml:space="preserve">Students in Kindergarten (and most grade 1's and even some grade 2's) are not capable of authentic self reflection and self assessment of the core competencies.  Many students with Special Needs are not capable of authentic self reflection and self assessment of the core competencies. </t>
  </si>
  <si>
    <t>This is not appropriate at the Kindergarten level.  They are not emotionally or intellectually capable of setting goals related to their learning.</t>
  </si>
  <si>
    <t xml:space="preserve">Reporting that a student with diverse abilities is "emerging" and using comments saying "with support" is often not reflective of student's true abilities.  An education assistant using hand-over-hand to get a desired result is not truly reflective of their abilities.  </t>
  </si>
  <si>
    <t>The students that I teach (early primary) are not capable of authentic self assessment.</t>
  </si>
  <si>
    <t>Learning Update sounds very generalized and does not provide the individualized and targeted reporting that I would expect from a taxpayer-funded system. In an effort to ensure that everyone has an equitable opportunity, outliers are not considered, particularly those of higher academic ability.</t>
  </si>
  <si>
    <t>I am concerned about the lack of definition for the four-point scale as the terms are very generic (I am from a teaching background and find them hard to interpret). The descriptive language being used is formulaic, unclear and does not adequately inform parents of their child(ren)'s progress.</t>
  </si>
  <si>
    <t>Letter grades and percentages are a necessary evil to assist with post-secondary options. I have reservations about letter grades only being used in the later years of schooling as children participate in a "have a go" system for 10 years and then are confronted with the real world of education.</t>
  </si>
  <si>
    <t xml:space="preserve">What is the purpose for continuing the Provincial Proficiency Scale when letter grades/percentages are far more transparent? This is redundant and an unnecessary additional burden on educators (and confusing for parents). Parents understand letter grades, not Provincial Proficiency Scales. </t>
  </si>
  <si>
    <t>Self-assessment is a challenging prospect, particularly for young or struggling students. To be perpetually reminded of what your shortcomings are and how to improve year after year seems counterintuitive to a positive learning model. More celebration, less self-deprecation.</t>
  </si>
  <si>
    <t>I am unclear how this is an effective tool for young children (under 10) who are developmentally not at a stage for the level of high-order thinking required for this process - seems tokenistic. Young children know what they're excited about however need assistance to define the journey.</t>
  </si>
  <si>
    <t>How does a summary for a child with a disability fit into tiny little non-descriptive boxes? This is not an inclusive format as it doesn't allow for that more in-depth dialogue which may or may not be addressed in the IEP process. Increased opportunities for face to face meetings would be inclusive.</t>
  </si>
  <si>
    <t>It is virtually impossible to have a productive conversation about the four point scale and these words mean nothing. I understand distance traveled however there is no indication of the expectations at each point along the scale - at what point does a parent need to worry/be ecstatic? More clarity!</t>
  </si>
  <si>
    <t>Reporting, as in report cards, in general is written in a way that many layperson don't know what is being said. 5 times is plenty 4 could work too.</t>
  </si>
  <si>
    <t>If using a proficiency scale means students won't be graded with percentages or letters that is good. It is better to have a conversation about student learning rather than being graded. However if the proficiency scale is going to be used as A for extending and  B for proficient what's the point?</t>
  </si>
  <si>
    <t>I wonder if using a pass/fail strength focused system is better than percentages. Post secondary could consider moving in this direction as well.</t>
  </si>
  <si>
    <t xml:space="preserve">I think that would help people who became used to the proficiency scale but worry that it wiil equat A with extending abs B with proficent sort of thinking </t>
  </si>
  <si>
    <t>Students are capable of assessing their core competencies.</t>
  </si>
  <si>
    <t xml:space="preserve">If using proficiency scales don't equate them to percentages and letter grades. </t>
  </si>
  <si>
    <t>There is no way for me as a teacher to identify if a child is not meeting the requirements. There is no space for marks below 50%. Everything is designed for 50% and above. Unfortunately, not every student is always at a 50%+ level. The Emerging is for 50% to 60%, Developing is for 60% to 70%.</t>
  </si>
  <si>
    <t>A child cannot receive a grade below 50%.</t>
  </si>
  <si>
    <t>Letters and number grades make sense, esp at the secondary level. They should be mandatory from Gr 7-12.</t>
  </si>
  <si>
    <t>My kids are finished school, so I am not really concerned about this.</t>
  </si>
  <si>
    <t>What is the purpose of these? A child can see him/herself as being brilliant in any competency, when their teachers see them as otherwise. But this will not be documented anywhere. It is a "make me feel great" project for students.</t>
  </si>
  <si>
    <t>The idea behind this is great. How students evaluate themselves is often not accurate.</t>
  </si>
  <si>
    <t>The idea of this is necessary in today's society.</t>
  </si>
  <si>
    <t>Teachers like me need to be able to tell the truth about a child's academic ability in any given area. At present, we cannot. This will also help for getting psych-ed testing done if we suspect a child has an LD. Right now, it looks like ever kid is always at grade level, which is 150% untrue.</t>
  </si>
  <si>
    <t>With the semester system, that would be FIVE for semester one and FIVE for semester two.  That is a total of TEN!  TEN!</t>
  </si>
  <si>
    <t xml:space="preserve">Does no one remember the "year 2000" and how that did not work well. When they reach gr 10, they will be shocked by a mark because we are just trying to move the kids along in 8/9 when they DO NOT have the skills necessary to actually pass. I don't want my surgeon to be in the developing phase. 
</t>
  </si>
  <si>
    <t>Exactly as stated - univ/colleges require ACTUAL MARKS.  If they translate BDAE in their own way, may not be same as teachers, and each teacher has different system</t>
  </si>
  <si>
    <t>They are still going to get graded in college/uni...I don't want the surgeon that got a developing proficiency nor an accountant that received developing.  What does that really mean??  Parents are confused too!</t>
  </si>
  <si>
    <t>and now the teacher is responsible for more reporting?</t>
  </si>
  <si>
    <t>This is being done but certainly not a policy</t>
  </si>
  <si>
    <t>With the inclusion on the report that there was modified materials when they are necessary.  And the admin/counsellor cannot change a mark that a teacher has assigned after working with the student for a semester or a year, just because they want to pass the kid.</t>
  </si>
  <si>
    <t>Students need a realistic idea of what percentage they are at before going to university. University and Secondary school should have similar grading practices and ways of informing families where their student is at academically.</t>
  </si>
  <si>
    <t xml:space="preserve">Secondary school teachers already spend hundreds of hours completing report cards that have comments and letter grade and work ethic. Adding more to thier workload is not acceptable. In addition, this scale does not match up with what is happening at the post secondary institutions.  </t>
  </si>
  <si>
    <t xml:space="preserve">Students do not take these  self -assessments seriously. They already know what is expected of them as far as what answer is "required". They are not authentic, true reflections of student progress. Also, completing these assessments  take away from instructional time. </t>
  </si>
  <si>
    <t xml:space="preserve">We already have enough to do just teaching our course content. Adding this at school is not the education system's responsibility.  This personal development should be a home based type, family based type of learning, not school based. </t>
  </si>
  <si>
    <t xml:space="preserve">All we need on a seccondary report card is percentage and a comment. That is all the post secondary institutions look at anyway. </t>
  </si>
  <si>
    <t>Teachers don't t have admin assistance.or someone to plan and teach their classes while they are doing these formal reports.</t>
  </si>
  <si>
    <t>It is very subjective
For example, reading levels in French immersion are not defined across BC</t>
  </si>
  <si>
    <t xml:space="preserve">I feel like this is too late in a student career to be getting grades or percentages. </t>
  </si>
  <si>
    <t>Unless proficiencies are in correlation to percentages but then might as well just use percentages</t>
  </si>
  <si>
    <t>I do not see value in this being in their files. Besides it is self-assessment therefore it is private.</t>
  </si>
  <si>
    <t>Goal setting is important but not in reporting for personal growth</t>
  </si>
  <si>
    <t>I believe in this but there are not the resources nor staff to implement</t>
  </si>
  <si>
    <t>As we keep rolling students forward into the next grade or adapting for proficiency a comment based report card with strengths and areas of growth would be more beneficial.</t>
  </si>
  <si>
    <t>It hits a sweet spot of gathering information without having it be non stop</t>
  </si>
  <si>
    <t>It is too broad and poorly defined to allow for a true picture of what the child is doing, have been told teachers won’t ever put extending at the start even if the student is very strong because it leaves no where to do go, kids are almost always in the middle two regardless of their skills</t>
  </si>
  <si>
    <t xml:space="preserve">Very important for graduating students to be able to communicate with post secondary in and beyond BC for admissions purposes </t>
  </si>
  <si>
    <t xml:space="preserve">Don’t need both </t>
  </si>
  <si>
    <t>It’s always good to be mindful of your learning but making it an official self assessment takes away from true self awareness</t>
  </si>
  <si>
    <t>Concerns about how this is implemented, could go either way</t>
  </si>
  <si>
    <t>Unsure how this actually looks</t>
  </si>
  <si>
    <t>Am unsure how many of the other changes would actually look</t>
  </si>
  <si>
    <t xml:space="preserve">The first formal report is too soon - especially in Kindergarten (gradual entry). We barely know the children and spend much of the first few months establishing routines and expectations. </t>
  </si>
  <si>
    <t xml:space="preserve">I like the terms and their descriptions but think that parents see it as a grading replacement. I completely agree with no grades in primary. Developmentally inappropriate.  </t>
  </si>
  <si>
    <t xml:space="preserve">Seems like an unnecessary addition. Redundant.  </t>
  </si>
  <si>
    <t xml:space="preserve">I am not convinced that this is representative of the student. I have read many self-assessments that just spout what the student thinks the teacher wants to hear. </t>
  </si>
  <si>
    <t xml:space="preserve">The goals are contrived or irrelevant. I have had students say they want to get better at monkey bars. Or colouring. My students are too young and have too little English for this to be a worthwhile activity, much less part of a formal report. </t>
  </si>
  <si>
    <t xml:space="preserve">I think this is better answered by skill development teachers. </t>
  </si>
  <si>
    <t xml:space="preserve">I think assessment and reporting should be a checklist and a conversation with the families in the primary years. </t>
  </si>
  <si>
    <t xml:space="preserve">Young children should not be assessed on ability. </t>
  </si>
  <si>
    <t xml:space="preserve">We only received solicited feedback, at best. Many teachers are failing to provide constructive insights for parents to wholly support their children’s learning and there is zero performance management with teaching staff. Quality teachers are few and far between. </t>
  </si>
  <si>
    <t xml:space="preserve">This new system gives nothing for children to strive for and defeats their confidence when they continuing emerging and developing. This doesn’t mean much to kids. We need to set a higher bar for our children to achieve. </t>
  </si>
  <si>
    <t xml:space="preserve">This data is needed to help students measure progress. </t>
  </si>
  <si>
    <t xml:space="preserve">Provided letter grades and percentages remain, this works. </t>
  </si>
  <si>
    <t>Yes!!!!! The ability to self reflect and assess is critical to personal development.</t>
  </si>
  <si>
    <t xml:space="preserve">Yes!   Another critical skill development. </t>
  </si>
  <si>
    <t xml:space="preserve">Yes, but how will this be achieved? As is, all we receive are generic responses. In fact, I have compared my children’s report cards with other kids and, verbatim, comments were the same. </t>
  </si>
  <si>
    <t xml:space="preserve">I struggle to understand how this will be monitored and implemented. </t>
  </si>
  <si>
    <t>Specific assessment of young children requires a lot of 1:1 time and takes a significant amount of teaching/learning time away from them. If the province wants the trend toward ongoing electronic portfolios to continue or increase, then reporting expectations need t o be simplified.</t>
  </si>
  <si>
    <t>Very difficult to apply to skills that grow along a continuum. Children born with a December birthday may never receive proficiency on the scale not because they aren't capable but because they need the more time. A progress report should measure progress.</t>
  </si>
  <si>
    <t>Until the BC govt. and higher ed institutions learn to value all learners regardless of grades and bank accounts, letter grades are here to stay. Higher ed should be free and available for anyone who wants in.</t>
  </si>
  <si>
    <t>I doubt anyone would care about the proficiency scale if the grades are there because that's what most people remember from their own school. Fish or cut bait.</t>
  </si>
  <si>
    <t>Primary learners don't really understand what this is about.  Just another time-sucking device to make people in an office feel like they're doing something important. Start in grade 4.</t>
  </si>
  <si>
    <t>Nothin wrong with goal setting. I had a student who wanted to be a shark when he grew up.</t>
  </si>
  <si>
    <t>Then assessment and evaluation needs to be based on the amount of progress, not on the skills attained.</t>
  </si>
  <si>
    <t>Proficiency scale is unnecessary, superficial and not inclusive.</t>
  </si>
  <si>
    <t xml:space="preserve">I liked the previous reporting system where there were three written reports, one for each term.  Parents were satisfied with the communication from teachers.  Teachers held open houses, science fairs, and numerous in-class projects where parents were invited to attend.  </t>
  </si>
  <si>
    <t xml:space="preserve">Currently the scale is :  Beginning, Developing, Applying and Extending.  This scale allows for ALL learners including ELL. LAC, special needs, etc.  Changing Applying to Proficient eliminates many students.  A student may be applying, but not necessarily proficient.  </t>
  </si>
  <si>
    <t xml:space="preserve">I believe letter grades should be introduced prior to grade 10.  Students need an accurate report of their percentage and letter grades.  There is no sound educational reason for not doing so.  </t>
  </si>
  <si>
    <t>Reporting takes many evenings, weekends and weeks of a teacher's own personal time.  Teachers do NOT get paid for this time.   Teachers do NOT need additional work added to the already difficult task of completing descriptive, accurate reports for each student.</t>
  </si>
  <si>
    <t>This is a great idea if students were fluent in English and capable of expressive language.  It is EXTREMELY difficult with ELL, LAC, and special needs students.  It is an extra burden and challenge getting every student to complete a Core Competency.  Parents have stated it is NOT important to them</t>
  </si>
  <si>
    <t>Goal setting should be for gr 5-12.  Again, it is extremely difficult for K-4 children to determine goals without feeding them ideas and answers especially for ELL, LAC and Special Needs students.  This is NOT inclusive of all children.  It is NOT 'real' goal setting when it is guided by the teacher</t>
  </si>
  <si>
    <t>Teachers are in communication with parents frequently and regularly.  We does  NOT need to be mandated by the Ministry.</t>
  </si>
  <si>
    <t>An adequate number of reports. I like that the format of the 2 learning updates is still up to the teacher (like our current informal reports)</t>
  </si>
  <si>
    <t>As an intermediate grades teacher, I was very happy to move away from letter grades as I found them abstract and demoralizing for young students. Glad to see the continued focus on the proficiency scale.</t>
  </si>
  <si>
    <t>Continuity for students</t>
  </si>
  <si>
    <t xml:space="preserve">It's a time-consuming progress in an already very full curriculum - moving from once per year to three times per year will take more time. </t>
  </si>
  <si>
    <t>IE Requirements</t>
  </si>
  <si>
    <t xml:space="preserve">Implies unrealistic expectation on teachers to 'catch-up' newly arrived students or those who CHOOSE to go on extended holidays (holidays of 1-3 months are common in my school community). Absence due to illness is a different matter &amp; supports should be available. </t>
  </si>
  <si>
    <t>Does not provide parents with enough information</t>
  </si>
  <si>
    <t xml:space="preserve">clear and consistent </t>
  </si>
  <si>
    <t>As a high school teacher who sees students for twenty weeks, on going descriptive feedback is sufficient for student summary of learning. An additional expectation of me writing these final reports is redundant if report card comments are done correctly and time consuming for my 100+ students</t>
  </si>
  <si>
    <t xml:space="preserve">The proficiency scale is an excellent tool and idea if it is consistent in its meaning and application. The ministry must provide clear rubrics and exemplars for high school ELA teachers to make consistency province wide as we had with previous performance standards </t>
  </si>
  <si>
    <t xml:space="preserve">What about universities? Consider myed isn’t equipped to do this and the labour put onto teachers to try to make it perform in this way. It’s already ridiculous to have juniors in HS and have them on a different reporting system than the 10-12. If we want grade less, we need supports in place first </t>
  </si>
  <si>
    <t xml:space="preserve">It’s a great idea if there are ministry provided tools to do so. Right now there is very little support for this and it feels like hoop jumping rather than meaningful reflection. Design the rubrics and assessments first </t>
  </si>
  <si>
    <t>Requiring students to do this means making it meaningful rather than mandatoryConsider careers 8. Grade 8s are asked to think about jobs and career goals when they are kids. Make the reflections meaningful to where they are actually at and remove careers 8 /9 in favour of reflections of learning goa</t>
  </si>
  <si>
    <t xml:space="preserve">It sounds great, but how is it supported? Will there be more EAs? </t>
  </si>
  <si>
    <t>we’d need less formal reporting if we could use Jupiter Ed over MYed. It doesn’t align with the idea of proficiencies, parents can’t use it and it’s not functional for teachers. Any change to reporting needs to change that system too. It’s garbage. Also supports and standards need creation 1st</t>
  </si>
  <si>
    <t>It is too much. It is a big waste of time and takes away from everyone's actual learning.</t>
  </si>
  <si>
    <t>I do prefer this to grades</t>
  </si>
  <si>
    <t>This is confusing and unnecessary. Self evaluation can be done in much more effective ways.</t>
  </si>
  <si>
    <t>Goal setting and student ownership are good</t>
  </si>
  <si>
    <t xml:space="preserve">Assessment definitely has a long way to go in being more helpful for students with learning disabilities. </t>
  </si>
  <si>
    <t>We will be writing and preparing reports more than teaching under this model.  In elementary school, preparing a report of any kind in October means losing the "getting to know you" period, and puts student's noses to the grindstone that much earlier.  And the FSA's are in that time block too</t>
  </si>
  <si>
    <t>Garbage...  Students and parents are able enough to deal with a letter grade.  We are dumbing down education and pandering to professional bafflegab when we just use the descriptors provided.   Descriptors are too ambiguous and will vary from teacher to teacher.</t>
  </si>
  <si>
    <t>The rest of the world uses letter grades - so should we - from intermediate grades and up.  Otherwise we look like an educational laughing stock.</t>
  </si>
  <si>
    <t>This may help for some students</t>
  </si>
  <si>
    <t>Kids already blow these off when we do them in the spring.  Doing it more often?  More ridiculous answers, less respect for the process - why bother?!!  Yes, goal setting is VERY important, but elementary aged students don't really get it</t>
  </si>
  <si>
    <t>Ugh - see comments above.  Not meaningful to students.  They parrot words back to teachers to make them happy.</t>
  </si>
  <si>
    <t>A little more flexible here...</t>
  </si>
  <si>
    <t>These proficiency scales are too nebulous and will be look upon with ridicule by parents and students alike.  The rest of the world uses letter grades.  Our students can handle it - they aren't so delicate that they can't handle them</t>
  </si>
  <si>
    <t>I personally feel that it is too much reporting for teachers within a single school year.  The amount of work that goes into inputting the data into myed is ridiculously tedious and time consuming (THERE MUST BE A BETTER WAY).  Additionally, the reports themselves communicate little to parents.</t>
  </si>
  <si>
    <t>I think letter grades for K-8 are unnecessary and do more harm than good.  If descriptive feedback on a students progress is given, then there is no need for a letter grade.  It is time for a change!</t>
  </si>
  <si>
    <t>Until post-secondary institutions change the way they accept students (ie it is no longer based on percentages and grade point averages) then unfortunately I think letter grades and percentages should remain for highschool education.</t>
  </si>
  <si>
    <t xml:space="preserve">Why do both?  One or the other is sufficient.  </t>
  </si>
  <si>
    <t xml:space="preserve">Self assessment is a very rich and valuable part of reporting.  That being said, students are not able to just do it well the first time they attempt it.  Self assessment skills must be taught, therefore infrastructure and training needs to be in place for teachers. </t>
  </si>
  <si>
    <t xml:space="preserve">Having done the teacher-student-parent goals the past several years, I personally didn't find them very valuable because there is no accountability or follow up for them.  </t>
  </si>
  <si>
    <t>A more worthwhile endeavour than reporting is sitting down with students and their families and looking over work while talking about things.  An entire report card can be communicated in a 15-20 minute meeting.  Rather than spending 50+ hours inputting data, lets connect in person.</t>
  </si>
  <si>
    <t>I was involved in rolling out a proficiency scale at the elementary level a few years ago. It was a disaster because there was no clear provincial- or district-level direction that described clearly how each term should be used.  Mass confusion among teachers, parents, students</t>
  </si>
  <si>
    <t>I see the potential for a minority of students, but as a teacher I have found these to be pretty useless as students tend not to put much thought or effort into these beyond elementary school.</t>
  </si>
  <si>
    <t>Teachers should already be doing this anyways.  It shouldn't matter what practice is used.</t>
  </si>
  <si>
    <t>For some students, Emerging is not an accurate descriptor of their progress and Developing is too vague.</t>
  </si>
  <si>
    <t>Younger students are either too generous or too hard on themselves.</t>
  </si>
  <si>
    <t>Younger students are not adept at setting goals and it is very teacher intensive, esp in French Immersion</t>
  </si>
  <si>
    <t>It's not a matter of how many reports. It should be about the quality of the report and information.</t>
  </si>
  <si>
    <t>We had this for last year and it was ridiculous. You get this circled document and a time blurb below. The ones received for our home were always extending with a few proficient but that doesn't really tell you much when the teaching model is geared towards the lowest dominator in class.</t>
  </si>
  <si>
    <t xml:space="preserve">It's a messed up system to begin with so sure letter and % why not. </t>
  </si>
  <si>
    <t>It will change a million times before I have to deal directly so I'm neutral</t>
  </si>
  <si>
    <t xml:space="preserve">Have the kids tell you how they think they are doing? Sure let's cause more anxiety and stress within the school system. Can we find more ways to tell our kids they aren't good enough? </t>
  </si>
  <si>
    <t>Depending on the grade setting goals can be difficult. Kids are forced into a one sized fits all school system so they aren't free to learn and explore their interests.... How can a child set academic goals or achieve life goals when it has to fit into this box that they may not fit into.</t>
  </si>
  <si>
    <t xml:space="preserve">Words are great but actions show more. The system doesn't support students now and has been getting progressively worse. </t>
  </si>
  <si>
    <t>The entire system needs to be reconstructed. There is not one thing. It's the whole thing.</t>
  </si>
  <si>
    <t>Everything previously stated</t>
  </si>
  <si>
    <t xml:space="preserve">Writing written reports for all subjects three times during the year is not really necessary for some...Language Arts and Math, yes.  But to report on PE three times a year with written feedback is not really necessary in elementary.  Same with art or music.  Twice a year would be sufficient. </t>
  </si>
  <si>
    <t>I think using the performance standards is fine, but the new ones are not as good as minimally meeting, fully meeting, and exceeding expectations.  Proficient gives the impression that the work is perfect.  But it is not.  Fully meeting meant that all criteria were met...then the kids could exceed.</t>
  </si>
  <si>
    <t>I don't want to comment on a grade level that I do not teach.</t>
  </si>
  <si>
    <t>Grade 10 to 12 teachers should respond to this question.</t>
  </si>
  <si>
    <t>The core competencies are more intrinsic.  We have always focused on students growing socially, with critical thinking, etc.  Now to attach language and have students rate themselves seems unnecessary.  I'm not sure as adults we would be able to judge our level of social development.</t>
  </si>
  <si>
    <t>Students can make goals and judge for themselves whether they are attaining these goals.  There should be a lot of examples of what kind of goals would be appropriate.  Younger students (primary) would need a lot of help doing this.  It would be okay for grade 4 students and above.</t>
  </si>
  <si>
    <t xml:space="preserve">All students can be assessed.  But students with disabilities and diverse needs are not funded appropriately and they do not receive the support they need.  Schools have to piggy-back students into classes with EA support...but many students fall through the cracks. </t>
  </si>
  <si>
    <t>I think parents are concerned whether their children can read, write and do math.  I think the focus should be on those subjects throughout the year...with some mention of the other subjects throughout the year.  But there is no need to have all subjects reported twice a year and then a summary.</t>
  </si>
  <si>
    <t>- too many "learning updates" - 3 written reports and 2 conferences, plus regular communication with parents? Conferences should be considered as an acceptable alternative to written reports or, better yet, the portfolio can take place of everything except a mid-year and end of year report.</t>
  </si>
  <si>
    <t>- letter grades or the 4 point scale are exactly the same - better communication should be provided to parents to explain that letter grades at the elementary level does not represent a percentage or number but the equivalent of the proficiency scale.</t>
  </si>
  <si>
    <t>- universities use letter grades/percentages to indicate achievement. It's better to align with them at that level of high school.</t>
  </si>
  <si>
    <t>It's important for students and parents to receive detailed feedback on achievement.</t>
  </si>
  <si>
    <t>Students have a voice in their learning and can reflect on their own achievement from their perspective. They then have the opportunity to express this to their teacher and their parents.</t>
  </si>
  <si>
    <t>Students should be exposed to more goal-setting in order to allow them to personalize their own learning experience.</t>
  </si>
  <si>
    <t>Not all students fit the stereotypical idea of what a good student is with the straight A report card. Others will excel in the ability to demonstrate their learning in other ways and to have that reflected in a more diverse way of reporting.</t>
  </si>
  <si>
    <t>By specifying that 3/5 reports must be written reports, I feel like nothing has changed from the traditional model of 3 written reports and 2 conferences that most schools follow.</t>
  </si>
  <si>
    <t xml:space="preserve">We need to go back to a three-term year. Three terms means that parents can count on receiving written reports for each term. Even by insisting that teachers send something home in the first quarter, there will still be teachers who then send nothing until close to the end of the year. </t>
  </si>
  <si>
    <t>Thinking that you have revolutionized things by using words (like we did with Report Writer) instead of percents or letter grades really changes little, as all three of these types of scales are still ranking and measurement devices.</t>
  </si>
  <si>
    <t>Um, yes. How else are universities and colleges supposed to admit students? In most cases, they have neither the money nor the staff to interview students or review portfolios. We are doing our students a disservice if we do not allow them to excel.</t>
  </si>
  <si>
    <t>It's fine to continue using a word scale, but it's the grades that matter at this age.</t>
  </si>
  <si>
    <t>It is developmentally inappropriate to have primary students doing self-assessments, apart from saying what they did well, or what they are proud of. Also, there are some students of any age who are incapable of seeing what they are missing, or of recognizing what they do not know. So it's a tool.</t>
  </si>
  <si>
    <t>Again, expecting primary students to set real goals is ridiculous. Let them learn! Let them grow! Most intermediate students forget their goals and often do not care if they me their goals, even when we review them in January. Like self-assessments, this is a tool which is useful in some circumstanc</t>
  </si>
  <si>
    <t>Not sure what this means. We do the best we can, often with little support. We evaluate what we can; what the student is able to do.</t>
  </si>
  <si>
    <t xml:space="preserve">We need to go back to a three term year with a written report in each term so that parents can count on reporting times. </t>
  </si>
  <si>
    <t xml:space="preserve">Parents are extremely busy, and expecting them to keep up with all kinds of individual pdfs and documents coming home willy nilly (from some teachers) is simply unmanageable. With three clear terms teachers could send work and assessments home to accompany the online report for each term. Simple. </t>
  </si>
  <si>
    <t>As a high school teacher, giving quality descriptive feedback to 120 different students five times per year is highly taxing.  If the frequency of reporting and the quality of reporting is expected to remain high, more prep time and in-lieu time ought to be offered to teachers.</t>
  </si>
  <si>
    <t>continued from above: Any other form of grading or marking cheapens the experience grades and causes students to "learn" to chase a number rather than a learning experience. Please review current research before plowing ahead with a less than adequate rating system. How does one measure "performance</t>
  </si>
  <si>
    <t>Yes, continuity would be achieved, but those averaged numbers would not mean anything- grading is still wholly subjective and in the larger scope of a students' learning and their subsequent adult life, are meaningless. "Performance" is tied more to work habit than it is true learning.</t>
  </si>
  <si>
    <t xml:space="preserve">Students should be giving and receiving feedback continually. I fear that "self-assessment" administered by schools would become a hoop for students to jump if it is not made authentic to each individual instructor and their course. </t>
  </si>
  <si>
    <t>This isn't realistic for high school-aged students. Have you talked with any teenagers recently? In fact, is this survey offered to students? It should be. Students at the centre (OECD Principles of learning) mean that they should also have a voice in this discussion.</t>
  </si>
  <si>
    <t>Any good institution or teacher is already doing this.</t>
  </si>
  <si>
    <t>Quality gradeless assessment. Proper proficiency scale. 4-point scale is not inclusive.</t>
  </si>
  <si>
    <t xml:space="preserve">A 4 point scale does not account for the many learners who fall between a developing and proficient understanding and exhibition of skills. A refining needs to be added in order to qualify those students who are still "refining" their skills before becoming proficient. </t>
  </si>
  <si>
    <t>I find the language and specifics of the draft not specific enough, ie, which subject areas require that amount of reporting, or is it up to the teacher to decide which area to report on. Also, we have to do 8 OCSLs a year plus 2 reports, draft says 4 communications and 1 report or two? Not the same</t>
  </si>
  <si>
    <t>Clear language, consistency, ability to slide in between four levels</t>
  </si>
  <si>
    <t>Many progressive universities are not giving letter grades but pass/fail, as an opportunity for students to take learning risks and to not create rifts of differentiation between students abilities. Why isn’t MOE considering this with gr 10-12 as well?</t>
  </si>
  <si>
    <t>extremely hard for early primary students and teachers to do, and for itinerant teachers with 400 students to do. limited resources to help teachers facilitate these types of assessments and goal setting sessions in a timely fashion. Unsustainable for teachers with 200+ students to do</t>
  </si>
  <si>
    <t>Yes this is valuable, for students who are able to do this realistically. Not great for students with exceptionalities or for early primary kids who aren’t developmentally able to successfully do this, extremely time consuming in an environment where there’s already not enough time to get it all don</t>
  </si>
  <si>
    <t>See comment above</t>
  </si>
  <si>
    <t>Consider developmental abilities of all learners and # of students some teachers have (like itinerants), unsustainable for early primary</t>
  </si>
  <si>
    <t>The summary of learning is not useful as the final written report in June is sufficient. Added work for teachers.</t>
  </si>
  <si>
    <t xml:space="preserve">I like the idea of more informal reporting that is ongoing and timely. </t>
  </si>
  <si>
    <t>consistency across the board.  Teachers need training in how to properly apply the levels though.
focus is then on growth and goals rather than a letter/number.</t>
  </si>
  <si>
    <t>appropriate as students prepare to enter university</t>
  </si>
  <si>
    <t>not meaningful to students - students don't get it</t>
  </si>
  <si>
    <t>core comp</t>
  </si>
  <si>
    <t xml:space="preserve">As a K/1 teacher, I don't think this is very realistic for Kindergarten/grade one, especially for the first half of the school year.  I could see having a self-assessment later on in the year, but if it is done first term, it will be rushed and not very meaningful for the younger children.  </t>
  </si>
  <si>
    <t xml:space="preserve">It's not realistic for young kids.  Students often can't write so this puts a lot of extra pressure on the teacher who will need to find time to help students one on one (which will take away time for other important things).  Teachers already do goal setting, doesn't need to be formal evaluation.  </t>
  </si>
  <si>
    <t>Meh, this seems to work I guess. Since I am a parent with children in online schools, reports are kind of meaningless to me as I am the person delivering and marking my children's course materials.</t>
  </si>
  <si>
    <t>This doesn't work as we the parents struggle to know what these actually mean, therefore these terms are ridiculously meaningless. The old way of reporting progess was easier to understand.</t>
  </si>
  <si>
    <t>Don't change this. If post secondary require letter grades and percent then provide that on the reports and transcripts!</t>
  </si>
  <si>
    <t>This seems redundant.</t>
  </si>
  <si>
    <t xml:space="preserve">Core competencies are a joke and a waste of time. Again, just another usless, waste of time. </t>
  </si>
  <si>
    <t xml:space="preserve">Why?? This sounds like more work for everyone. I'm sorry, it sounds nice in theory but a total waste of time. </t>
  </si>
  <si>
    <t>This sounds great but totally unrealistic.  My diverse learner needs equine therapy to support it ability to navigate his classes and learning. Will public school be able to meet his need? They can't now, and yet the MoE is dismantling the only method of education that actually works.</t>
  </si>
  <si>
    <t>The current reporting for k-9 is inaccurate and meaningless. 
Emerging, Developing, Proficient, and Extending. WHAT DO ANY OF THESE ACTUALLY MEAN! extending is that 100%??? Proficient is that 80%?? Emerging???  MEANINGLESS!!!</t>
  </si>
  <si>
    <t xml:space="preserve">Written reports are very subjective and using a proficiency scale for a whole subject area is disingenuous. There should be a list of skills that the teacher selects an option (emerging, developing, proficient or not observed). Extending is a confusing category. Stop at proficient. </t>
  </si>
  <si>
    <t>Proficient should be the last category. Extending suggests that people “should” be learning outside of the learning standards, and amounts in parents’ minds to an A+ which is problematic. Also, to accept a sports scholarship to the US, students need letter grades in grade 9. How are these created?</t>
  </si>
  <si>
    <t>If students want to go to school elsewhere in the world, percentages and letter grades are necessary.</t>
  </si>
  <si>
    <t>As an option in informal assessment this would be okay, like on an assignment, but how much are we asking our teachers to produce? I would rather know the percent and how far in the course and leave the assessment for learning to be between my kids and their teachers.</t>
  </si>
  <si>
    <t>Self assessment should be encouraged, but kids usually think they are either way better or way worse at doing things than they are. I can talk to my kids about how they are doing. I don’t need teachers to collect this and report it to me.</t>
  </si>
  <si>
    <t>Goal setting is an important skill, but ultimately I want my kids to learn all of the essential skills. I don’t think it needs to be part of the teacher’s report to me. Maybe better to be a skill in the curriculum?</t>
  </si>
  <si>
    <t>I don’t know enough about this to competently answer, but I worry that the new models of “inclusion” that remove advanced studies ignore the needs of learners who need more or less than an age-based class can allow. Maybe if class sizes were 12 the teacher could manage. With 30? Not likely!</t>
  </si>
  <si>
    <t>There are more than one. Self assessment, proficiency and inclusion.</t>
  </si>
  <si>
    <t>Previously stated</t>
  </si>
  <si>
    <t>It provides good balance between keeping parents informed and effort required to report student progress to parents.</t>
  </si>
  <si>
    <t>It helps students and parents focus on learning instead of grades. Feedback about proficiency levels is better received and utilized by students to guide their learning.</t>
  </si>
  <si>
    <t>The focus on percentages detracts from student learning and creates more stress for students. Students tend to enroll only in particular courses to get higher grades. It discourages risk taking, so students may avoid courses that reduce their opportunities for university.</t>
  </si>
  <si>
    <t>Moving away from scoring to proficiency scales allows students to better focus on their learning. Students become more focused on improving their learning.</t>
  </si>
  <si>
    <t>It allows students to reflect on important skills that underlay all competencies. It needs to be better structured for students to better understand their value.</t>
  </si>
  <si>
    <t xml:space="preserve">Students that engage in goal setting tend to improve steadily each year by allowing them to become better aware of their own learning. </t>
  </si>
  <si>
    <t>It is important for all teachers to understand that students in a class arrive with different preparedness for learning. Greater patience and support by teachers increases likelihood that all students will reach their potential and fully contribute to society.</t>
  </si>
  <si>
    <t>Students need to focus more on their own learning rather than a percentage.</t>
  </si>
  <si>
    <t>More reports than this will overwhelm teachers but it is enough for parents to have an idea of their child’s educational situation. Online learning management systems are the most helpful as the parent can track missing work and struggling grades and intervene in a timely manner.</t>
  </si>
  <si>
    <t>The goal of the curriculum is to master skills so proficiency is a better scale than letter grades or numbers.</t>
  </si>
  <si>
    <t>There is a challenge when converting proficiency to a percentage and letter grade. Some courses really do not work well with percentages such as Career-Life Connections.</t>
  </si>
  <si>
    <t>It will be a real struggle to find a universal and fair way to convert this scale to percentages and will cause a lot of confusion.</t>
  </si>
  <si>
    <t>The ideal would be continual self assessment in these areas but having a teacher report on such self-assessment will lead to a sense of being judged or graded on one’s self assessment which will defeat the positive/celebrate success philosophy behind these.</t>
  </si>
  <si>
    <t>A great idea in theory but will be very challenging to implement in practice. Again, I do not think that teachers should be reporting on the progress as these goals should be personal.</t>
  </si>
  <si>
    <t>I thought that they already were. Not sure what this means.</t>
  </si>
  <si>
    <t>I really have three things, Proficiency Scale for 10-12, goal setting, and student self-assessment as I think this will be very problematic for universal and non-judgmental application by teachers.</t>
  </si>
  <si>
    <t>Your proposal doesn't clearly outline what the five reporting events will be.</t>
  </si>
  <si>
    <t xml:space="preserve">I like the rationale for a sliding scale, however, on the online system used for reporting in the district where I live, there is only the option to put children directly in one of the four categories, or directly in the middle of a category, so how is this different than giving a letter grades? </t>
  </si>
  <si>
    <t>In the past, the core competencies have not proven to be a useful exercise for my child.  It would be great to have this as an ongoing process throughout the year, but I think the format needs to be different so that it is more meaningful to students, and not just a worksheet at year end</t>
  </si>
  <si>
    <t xml:space="preserve">Having children with diverse abilities would like ongoing regular communication. Also IEP process needs to be completed prior to school year starting… October is too late for students who are already lost by this point. Need continuity of education year yo year </t>
  </si>
  <si>
    <t xml:space="preserve">Need to understand clearly what these categories refer to and how measured. </t>
  </si>
  <si>
    <t>Grades 11/12 are important. Kids need exposure to letter grades and percentages prior to this time so they gain an understanding of expectations and how to earn grades</t>
  </si>
  <si>
    <t>Needs room for neurodiverse students with a variety of goals and abilities to be measured</t>
  </si>
  <si>
    <t xml:space="preserve">Teachers need more education and training in learning disabilities and schools need funding for kids with learning disabilities, adhd etc. Students Setting goals without the appropriate supports in place to achieve them is disheartening and setting kids up for failure </t>
  </si>
  <si>
    <t xml:space="preserve">It takes a lot of time to teach kids to self report and a certain level of maturity which young elementary students don’t have. </t>
  </si>
  <si>
    <t>This requires a lot more work by teachers</t>
  </si>
  <si>
    <t>This should be more emphasized and valued among students and teachers.</t>
  </si>
  <si>
    <t>This empowers students. Teachers will need to be trained to better support this system.</t>
  </si>
  <si>
    <t>More should be done in this regard with mentors that aren't only teachers.</t>
  </si>
  <si>
    <t>I submit weekly to the school and they write the report.</t>
  </si>
  <si>
    <t xml:space="preserve">My sons are not a check marks to be tallied up to compare to. I don't need your system telling me that if my sons don't meet YOUR standards then they are not good enough or something is wrong with them or they need to try harder if that where true they would be in a brick &amp; mortar school. </t>
  </si>
  <si>
    <t xml:space="preserve">You don’t actually acknowledge what the kids say about themselves. </t>
  </si>
  <si>
    <t>This is a good skill to learn</t>
  </si>
  <si>
    <t>The new changes are taking the choice away from my child</t>
  </si>
  <si>
    <t>What is your point in this scale to tell me my child is not at your standards so there must be something wrong?</t>
  </si>
  <si>
    <t xml:space="preserve">I feel this is enough reporting to get a good idea of learning throughout the year. </t>
  </si>
  <si>
    <t xml:space="preserve">I have not found this to be super helpful as a parent to get a good idea of my child’s abilities compared to grade level. However I don’t really have an alternative suggestion. </t>
  </si>
  <si>
    <t xml:space="preserve">I think it makes sense to report the same as other schools in late high school years. </t>
  </si>
  <si>
    <t xml:space="preserve">I don’t really understand what this is. </t>
  </si>
  <si>
    <t xml:space="preserve">I think this would be beneficial for some students, but would be difficult and perhaps quite painful for students with emotional or other difficulties. </t>
  </si>
  <si>
    <t xml:space="preserve">Way too many formal reporting periods!! Every formal reporting period takes hours of time at home that means less planning time to create interesting, hands on learning activities for students. Plus, the intensity of writing reports means there is little energy left to devote to student needs. </t>
  </si>
  <si>
    <t xml:space="preserve">I much prefer using a proficiency scale over a "grade" for intermediate students. Students then focus more on their strengths and challenges rather than their overall grade. </t>
  </si>
  <si>
    <t>It makes sense for students in grades 10-12 to receive letter grades as many will be applying to universities that still use this system.</t>
  </si>
  <si>
    <t xml:space="preserve">Seems redundant. </t>
  </si>
  <si>
    <t>Students are not very adept at recognizing their strengths and weaknesses at a young age. It takes a lot of time to teach them to assess themselves properly. There is often not enough time in the day as is to teach core concepts and competencies, leaving many students unprepared for future learning.</t>
  </si>
  <si>
    <t>There is only so much that can be done in a day. Learning to set goals, etc. is important and teachers do discuss goals, but formalizing this process means that teachers again will loose a lot of time to teach core competencies and content. Many students have huge gaps in literacy and numeracy.</t>
  </si>
  <si>
    <t xml:space="preserve">Currently, for students on an IEP, I simply include descriptive comments. Giving them a "grade" on the competency scale can be very upsetting for these students, often making them feel discouraged and stupid. </t>
  </si>
  <si>
    <t xml:space="preserve">There is too much attention being spent on assessment. Marking and reporting takes hours of time, time that could be better spent on student learning. In all my years of teaching, I have never had a parent complain that their child should have been assessed more frequently.  </t>
  </si>
  <si>
    <t>Depends on what the 3 other reports look like</t>
  </si>
  <si>
    <t>Student progress needs to be specific in terms of feedback</t>
  </si>
  <si>
    <t>Would this be extra work for the teacher?</t>
  </si>
  <si>
    <t>The competencies are too vague for students and not taken seriously.  Need to be presented in a different way to show usefulness to students</t>
  </si>
  <si>
    <t>Students need scaffolding support to set realistic goals as well as ideas.  How is this different from students that have an IEP?  Why are all students not provided with individualized education?</t>
  </si>
  <si>
    <t>Core competencies</t>
  </si>
  <si>
    <t>Students need more support with this</t>
  </si>
  <si>
    <t>It seems like enough</t>
  </si>
  <si>
    <t>Like that it removes the idea of being graded on work and emphasizes that it’s a process</t>
  </si>
  <si>
    <t>No children there yet</t>
  </si>
  <si>
    <t>If we have  agreed to use FreshGrade as an ongoing , current, timely  and accurate, year long reporting tool, it is unacceptable to mandate 2 formal reports, on top of this program. If that is now the expectation why would l bother with FreshGrade?</t>
  </si>
  <si>
    <t>It just feels like a  play  on words.</t>
  </si>
  <si>
    <t>It is very challenging to have the youngest  student fully  grasp why they are doing this.</t>
  </si>
  <si>
    <t>Again  super difficult for the youngest  students to completely understand why they are making goals.</t>
  </si>
  <si>
    <t xml:space="preserve">Clarity  and consideration for digital reporting which includes written information about student progress and suggestions for parent support </t>
  </si>
  <si>
    <t xml:space="preserve">I like the multiple reporting contacts and the narrative approach with families and students. I like the freedom to have in person or phone.The longer written reports and proficiency scale scores are very time consuming for educators, I question how useful they are for families and young students. </t>
  </si>
  <si>
    <t>I have a hard time with using proficiency scales for kindergarten. Some of the children are just so young it does not feel right to give proficiency score based on the grade and not more in line with their developmental age, I do not agree with the kindergarten age cut off at Dec 31st, too young.</t>
  </si>
  <si>
    <t xml:space="preserve">I think proficiency scales are more informative and useful than letter grades. </t>
  </si>
  <si>
    <t>I encourage and support student self-ssessement at all grades especially as they get older. It is important to self reflect and are aware of the core competencies and how they can guide learning, they are the ultimate goals of the BC curriculum and are designed to develop life long learners.</t>
  </si>
  <si>
    <t xml:space="preserve">I think this is a wonderful step in terms of assessment, shifting from teacher led to student led and centered . Maybe a bit challenging for kindergarten age but I strongly support for older learners!! It will be more meaningful for learners and their families. Student ownership is empowering. </t>
  </si>
  <si>
    <t>I would like to know more about how this will be done? I feel uncomfortable using the current proficiency scale with my students with disabilities. It feels unfair to judge them against a standardized scale for all learners. It does not highlight their strengths.</t>
  </si>
  <si>
    <t>we need to have options for differentiated assessment which more clearly showstrenths as well as areas to work on. I am in more support of anecdotal assessment, portfolios vs grades or proficiency scales</t>
  </si>
  <si>
    <t>Students in the primary years have little understanding of the core competencies and it takes time to learn. Reporting on them once at the end of the year is sufficient</t>
  </si>
  <si>
    <t>Again primary students have little understanding of realistic goals and to have to require them every reporting period is ridiculous.</t>
  </si>
  <si>
    <t>Not needed every report</t>
  </si>
  <si>
    <t>I understand the scale as an educator, but it doesn't make much sense as a parent. Report cards don't give any valuable information on your child's performance. The domains are so broad that it is impossible to know if your child needs extra support in a specific are (reading vs writing vs speaking)</t>
  </si>
  <si>
    <t>At this point, students need to have a real idea on how they perform at school to better prepare to post-secondary education</t>
  </si>
  <si>
    <t>I like the idea of using both systems (letters and proficiency grade). Why not use it for K-9 also? If not, please make domains more specific (eg. reading, writing, oral communication, etc.) rather than too broad and nondescriptive. It's frustrating for parents.</t>
  </si>
  <si>
    <t>I have been reporting under this order for a few years (pilot district). It is more work, less meaningful to parents as each OCSL is a snapshot only on one piece of work and a limited number of competencies. Increased workload for teachers should be discussed at the Bargaining Table: more prep time.</t>
  </si>
  <si>
    <t xml:space="preserve">The emerging level criteria make it difficult for any student to fail. The bar is too low. There should be a minimum attendance requirement in place to guarantee participation. It also impinges on teacher autonomy. I spend more time evaluating than teaching than before. </t>
  </si>
  <si>
    <t>Biggest concern has been grade inflation. Too much pressure on everyone to get and to give high grades that haven't been earned. We need a return to Provincial Exams to ensure more consistency against a common assessment. Students can't handle the stress of an honest test anymore.</t>
  </si>
  <si>
    <t>More and more teachers are confused when they transfer a 4-point scale to percentage, thinking an EMG is 60% (C), DEV is 70% (C+), PRF is 80% (B), and EXT is 90%+ (A). Whereas I think Proficient could be high B or A. Extending should not be a category since we do not evaluate beyond the curriculum.</t>
  </si>
  <si>
    <t>Students over-rate their performance in most cases. While self-reflection is a great exercise, most students are too generous with their self-assessment and their peer assessments. While I support awareness of the core competencies, I do not support self-assessment of them.</t>
  </si>
  <si>
    <t>In high school, students move from class to class, being asked to set goals in each subject. It gets to be a bit much for them and it feels repetitive. Many stop taking it seriously. Too much of a good thing is a bad thing. A different model is needed to encourage goal setting, but not so much of it</t>
  </si>
  <si>
    <t>This positive theory doesn't match with the reality of the classroom. Full inclusion only works when properly supported. Current supports are not sufficient for either students or teachers. More prep time is needed for high school teachers to meet the additional workloads. (1 FTE = 6 courses!)</t>
  </si>
  <si>
    <t>Why limit me to one choice? I don't like several things. Where is the minimum attendance requirement to ensure student participation? And I absolutely hate the "Incomplete" requirement and the proposed "IE". It just creates more work for the teacher rather than the student. I am saddened.</t>
  </si>
  <si>
    <t>I HATE this four-point scale. It should be a FIVE point scale. Students who are higher than developing but not quite proficient (which is a HUGE range) usually end up with PROFICIENT. This is not really valid or 'accurate'. It does a disservice to those who truly are at a PROFICIENT level.</t>
  </si>
  <si>
    <t>I believe in numbers and wish that percentages and letter grades would be used again in intermediate grades (4-7), or at least grades 6 &amp; 7.</t>
  </si>
  <si>
    <t>Many students just fill in 'whatever' because they are required to complete it. Therefore they aren't really that valid.</t>
  </si>
  <si>
    <t xml:space="preserve">Most teachers already do something like this. Again, a lot of students don't really take this seriously. It really shouldn't be part of the reporting. </t>
  </si>
  <si>
    <t xml:space="preserve">This seems to already be going on. Someone who is not at 'grade' level and is just 'moved on' to the next grade should not be getting the same grading as the others. </t>
  </si>
  <si>
    <t>The proficiency scale is too broad and does not really tell what is going on. Letter grades were much more informative.</t>
  </si>
  <si>
    <t xml:space="preserve">5x is tough of a requirement </t>
  </si>
  <si>
    <t xml:space="preserve">Easy for parents to understand </t>
  </si>
  <si>
    <t>Reflects what the students are developing cross-curricular</t>
  </si>
  <si>
    <t>This is Not the same number of reports as currently required. This is more work for teachers and what benefits are there to students for more frequent report cards? Most assessment should be formative; making formal report cards emphasizes summative reporting. Do teachers get more time for more work</t>
  </si>
  <si>
    <t>Standard Bases Assessment SBA emphasizes growth and grades/percentages cannot be reconciled with SBA; percentages are anti-growth mindset b/c they’re a fixed and single point judgment that frightens students from learning.</t>
  </si>
  <si>
    <t>Universities generated the research that shows % are counterproductive and anti-growth mindset and they know that SBA is better for learning outcomes yet they require secondary schools provide them a single percentage indicator!? Universities should have own entrance exams to get that data!</t>
  </si>
  <si>
    <t>Proficiency scales INSTEAD OF percentages! Do secondary schools exist to support student learning or as the minions of the universities gathering the data they want?! Universities need to create their own entrance exams to get a percentage grade; not all students will even go to university.</t>
  </si>
  <si>
    <t>Excellent for students to be engaged in core competencies self-reflection BUT if it creates more paperwork for teachers gathering and formatting responses, we need to be given paid time for this extra work or a position created to do it school-wide.</t>
  </si>
  <si>
    <t>Excellent idea and I do this already, BUT it is a lot more work and very time consuming copy-pasting comments into MyEd. I don’t always have time. Please create an online form for students to directly input their self-reporting that will merge with teacher’s report automatically.</t>
  </si>
  <si>
    <t>Excellent BUT what does this mean? Teachers will need clearer explanation, exemplars/language and possibly training  for this. Will the Ministry give us this?</t>
  </si>
  <si>
    <t xml:space="preserve">More reporting out ok if given more time to do And remove percentages </t>
  </si>
  <si>
    <t>Percentages are not compatible with SBA! Students need more time learning and having formative assessment, NOT more report cards, which they will experience as summative judgments of them, and teachers are overworked and not likely to be given time for the extra work. We work weekends/evenings alrea</t>
  </si>
  <si>
    <t>It’s not that different from the current model and three written reports seems about right.</t>
  </si>
  <si>
    <t>The 4-point scale fails to communicate clear and useful information to parents. Classic letter grades and their associations (“excellent,” “very good,” etc.) are much clearer. As a former high school teacher, too many parents were blind-sided by their child’s letter grades.</t>
  </si>
  <si>
    <t>Letter grades and percentages are far superior to the four-point scale in communicating progress and results to parents and students.</t>
  </si>
  <si>
    <t>Give continuity in the form of letter grades and percents  (i.e. comprehensible information) instead of the vague and often incomprehensible proficiency scale.</t>
  </si>
  <si>
    <t>The idea of formalizing self assessment in this way is ridiculous. A student needs to demonstrate understanding at grade level, not the ability to assess at their own grade level. It’s an impossible task, and it undermines both the expertise of teachers and the complexity of the learning outcomes.</t>
  </si>
  <si>
    <t>These goals are great for all the reasons given, but they have no place in formal assessment and reporting. Students should not be burdened with any of the responsibilities of determining their educational direction. There are tens of thousands of adults who are incalculably better placed to do so.</t>
  </si>
  <si>
    <t>I fully agree with what is written, but I do not trust the system to implement such policies without creating unfair practices. Too often such policies disrespect students with diverse needs by demanding to little of them and depriving them of opportunities while claiming to do the opposite.</t>
  </si>
  <si>
    <t>It was a very difficult decision because I think almost every aspect of the policy is another step in precisely the wrong direction. The proficiency scale is probably the worst offence, because it is vague and therefore impedes transparent communication. I know teachers who don’t understand it.</t>
  </si>
  <si>
    <t xml:space="preserve">For primary students, it is not meaningful as they don’t quite understand it yet. </t>
  </si>
  <si>
    <t>The idea is nice; however, writing more comments takes a lot of time and if we have 120 students that makes it a longer. We are not provided any time to write report cards in most school district. Also, the program we have does not offer the options of choosing learning outcomes, need to write them.</t>
  </si>
  <si>
    <t>The scale needs to be converted to a number for teachers. Extending means that very few students are in this category, even students who are above 90% do not necessary fit the extending description. Many good students are not provided extending on their report cards. A descriptor is subjectif.</t>
  </si>
  <si>
    <t xml:space="preserve">A descriptor is subjective, a number is based on data. </t>
  </si>
  <si>
    <t xml:space="preserve">Students need to understand this before they go to postsecondary studies. </t>
  </si>
  <si>
    <t>Are you providing the paper for self-assessment? Students need options on what to write. Those that write, write what they think we want to hear. If the assessment would be uniform for all students, electronically and provided many options on how to write their goals then it might be useful.</t>
  </si>
  <si>
    <t xml:space="preserve">Again, students are writing what they think we want to hear. </t>
  </si>
  <si>
    <t>? Where we not doing that before? Will you provide more prep time for us to create better evaluation for those students ? Will you provide more time for us to review at the start of the year IEP plans with school based teams so that we are better informed on how to assess them?</t>
  </si>
  <si>
    <t xml:space="preserve">Keep it simple/easy </t>
  </si>
  <si>
    <t xml:space="preserve">Need something that parents will actually take the time to READ. They don't like too much text. They like it simple. 20 years ago we had report cards formats that were way easier for teachers and parents. You had a 3 scale. Learning outcomes and comments could be chosen, no written. Keep it simple! </t>
  </si>
  <si>
    <t xml:space="preserve">Letter grades are fine, but the percentages used in BC are outdated. Why is there a 14 point spread for an A, 12 points for a B and 3 levels of C making up 27 points total? If post secondary institutions want percents, they can have students write entrance exams. </t>
  </si>
  <si>
    <t>Je ne comprends pas que je devrai faire 5 communications en plus de 4 bulletins!? C’est épouvantable! Est-ce que c’est moi qui a mal compris!?</t>
  </si>
  <si>
    <t>It’s ok….. every scales are the same… And I’m glad that there’s no change for a bit!</t>
  </si>
  <si>
    <t>Too many reports to do again.</t>
  </si>
  <si>
    <t>I question the format of the written. A conference model at the Kindergarten level is better than a written academic report. It better informs the parents.</t>
  </si>
  <si>
    <t>Proficient - complex language 
I worry about second language parents whether they would understand these terms. Children may not understand them either. Independent may be a clearer term.</t>
  </si>
  <si>
    <t>There is little value assigning letter grades especially at a Kindergarten level. It may do more harm than good.</t>
  </si>
  <si>
    <t>I know it is an important step in growth. I find that at a Kindergarten level this is VERY difficult for them.</t>
  </si>
  <si>
    <t>Again at a Kindergarten level this becomes more top down rather than student generated.</t>
  </si>
  <si>
    <t>I think 4 is sufficient.</t>
  </si>
  <si>
    <t xml:space="preserve">This is an appropriate amount of reports AS LONG AS teachers are provided with time to complete these Summary-of-Learning assessments. </t>
  </si>
  <si>
    <t>This scale reflects the progression of dynamic nature of student learning and competency as opposed to offering a static snapshot of content knowledge. We should be more concerned with students' ability to think, reason, and problem solve rather than regurgitate memorized content.</t>
  </si>
  <si>
    <t xml:space="preserve">Letter grades and percentages are contradictory to the fundamental core of Standards-based Grading practices. Either commit to finalizing and supporting our transition to the proficiency scales (which match 21st Century Learning and assessment standards) or drop the entire pedagogy. </t>
  </si>
  <si>
    <t xml:space="preserve">We can only meaningful assess through one paradigm at a time: content-focus OR competency-focus. To ask Gr.10-12 teachers to do both is inequitable and would require more time than we have energy and mental well-being to provide. </t>
  </si>
  <si>
    <t>There are other ways universities can run their admissions - we should NOT be making provincial-scale education decisions based on universities refusing to adapt to 21st century learning assessments and reporting. Do what is best for our students and teachers!</t>
  </si>
  <si>
    <t xml:space="preserve">It would be fantastic if  all school would be reporting with the same platform.  Something easy to use and convivial. Reporting is a lot of work and Freshgrade is not easy to use and teachers should be protected from adding pictures and videos on a platform.  I am referring to the School Act. 
</t>
  </si>
  <si>
    <t>It is descriptive and easy to understand for teacher and parents.</t>
  </si>
  <si>
    <t xml:space="preserve">It is very hard and frustrating for students to do a self assessment about core competencies.  The contents is complicated and too complex.  </t>
  </si>
  <si>
    <t xml:space="preserve">Again it is a complex task for young students.  </t>
  </si>
  <si>
    <t>We don't have the human resources to achieved the task and the support for the individuals with special needs.</t>
  </si>
  <si>
    <t>This is what I already use and feel all educators K-12 should be shifting towards. I know university proffessors that have also switch to assessing on BC's proficiency scale.</t>
  </si>
  <si>
    <t>What is proposed for K-9 should be implemented in grades 10-12</t>
  </si>
  <si>
    <t>Get rid of letter grades please</t>
  </si>
  <si>
    <t>Again, something that I already do and think all students K-12 should be doing.</t>
  </si>
  <si>
    <t>10-12 should move away from letter grades</t>
  </si>
  <si>
    <t>Our school board decided to send the written reports via My Ed BC, they are not mailed home anymore. I have a very hard time accessing the information on that website (login expires too often, difficult UI) so I don't receive ANY written report at all during the year.</t>
  </si>
  <si>
    <t>I like having a four-level scale, but my kid's teacher don't use it the same way. A few say that Extending is like having 100%, and other say that Proficient is 100% (and Extending is more than 100% understanding). It's confusing to know where my child stands.</t>
  </si>
  <si>
    <t xml:space="preserve">I'm worried about the switch from 4-level scale to 5-letter scale because I don't feel it's clear what level goes with each letter. Can my child have an A even though she is only Proficient or does we have to work harder to bring her up to Extending? </t>
  </si>
  <si>
    <t>That's a good idea on paper, but it might get confusing. My kid's teacher don't use the scale the same way. A few say that Extending is like having 100%, and other say that Proficient is 100% (and Extending is more than 100% understanding).</t>
  </si>
  <si>
    <t xml:space="preserve">My child has been doing these self-assessment the last few years and she tells me it's getting repetitive. If it's repetitive at once a year, how bad will it feel for her if it's multiple times a year! </t>
  </si>
  <si>
    <t>Another idea that looks good on paper, but doesn't work in real life, especially in high school. Would they have to do this for every subject? That would be too repetitive. And most of all, it would take time away from the subject.</t>
  </si>
  <si>
    <t>I see the necessity for this, but my kid has been waiting to be assessed by the school board for so many years now. In the meantime, she hasn't been able to receive extra help or official adaptations because there is not enough money to hire paras. You can't have this policy without sending money.</t>
  </si>
  <si>
    <t xml:space="preserve">I can see why the big heads at the Ministry might think it's a good idea, but I want my kid to use math time to learn math!! I can't do science at home, but her coach and I can help her set goals, </t>
  </si>
  <si>
    <t>The number of communications seems excessive, since parents and students already have access to the My Education BC website, where teachers enter marks and comments. This is available 24/7 to families, and I would prefer to see more emphasis towards parental involvement in following their child.</t>
  </si>
  <si>
    <t>As a teacher, I find that putting a number on learning standards (which are very vague in most courses, these days) very difficult and subjective. In order to put a meaningful number on curriculum competencies, there needs to be a province-wide establishment of specifiec criteria (what is 90%)?</t>
  </si>
  <si>
    <t>The solution is not to always add more on teacher's plate, we have more than enough already. We now enter all our marks and comments on My Education BC, why not require PARENTS to go have a regular look on there, so they know where their child is heading and what they must work on?</t>
  </si>
  <si>
    <t>I would hope this would not be done in each individual subject classes. Perhaps a planned meeting with a special education teacher or orientation counsellor, three times per year, for ALL subjects at once (or else it becomes too time-consuming in each class and annoying for the kids).</t>
  </si>
  <si>
    <t>This should be done and followed by a special education teacher or counsellor, to avoid repeating the exercise in each subject class and taking time from each. I would suggest a ONE-time meeting early in the year, another mid-year and one at the end. But not at the expense of instruction time.</t>
  </si>
  <si>
    <t>I find the options given very positively oriented (slightly, very or extremely?)  Really?  How about a little more "not so satisfied" options? Not a all satisfied, not satisfied, somewhat satisfied, satisfied, very satisfied.</t>
  </si>
  <si>
    <t>Parents must become more responsible and accountable (myEducationBC)</t>
  </si>
  <si>
    <t>I really think that parents are expecting too much of us. Marks are available to them 24/7, they should be made accountable for keeping an eye on their child's learning, and they should be required to have a regular look at what is happening, without always expecting teachers to do it.</t>
  </si>
  <si>
    <t>I think that 2 conferences that we do with families are really important, we have 30 min conferences with portfolio sharing.  We do this for term one and two. Final term is a written summary. Plus two interims.</t>
  </si>
  <si>
    <t>I do not like extending, as many families think that the goal is for students to be at extending instead of proficient. And that many students and parents are disappointed with proficient.</t>
  </si>
  <si>
    <t>As I work in primary it fits well within our reporting.  I feel that other higher grades it feels a bit of an add on, additional work.</t>
  </si>
  <si>
    <t>Meaningful goal setting is really hard for lower primary.  I think that expectations need to be greatly reduced and age appropriate.</t>
  </si>
  <si>
    <t>I want to learn more about the logistics of how it would actually work.  Working with a number of students each with IEPs &amp; exceptionalities, I want to make sure that assessment is inclusive but also inline with their abilities and strengths.  I would not want students to hold to unattainable level.</t>
  </si>
  <si>
    <t>I think self-assessment is really difficult for Ks.  I would like  greater information on what it will actually look like.</t>
  </si>
  <si>
    <t xml:space="preserve">don't happen, made up after the fact and never shared with family, delays in reporting periods (never get them only when convenient to school staff), not accountability, no privacy (shared with others) need defined reporting periods- five events per year - this is not clear, learning updates do not </t>
  </si>
  <si>
    <t xml:space="preserve">staff bias, no accurate grading provided, no examples, lack of communication </t>
  </si>
  <si>
    <t>accountability, and consistency</t>
  </si>
  <si>
    <t>The method of reporting should provide option of current progress as well as summary of learning.</t>
  </si>
  <si>
    <t xml:space="preserve">This system is not standardized throughout the province as rubrics are being developed on a class by class basis.  An assessment in one class can be totally different from another class.  </t>
  </si>
  <si>
    <t>This system is standardized as an assessment in one class is very similar to another class.  Post secondary institutions are still using this system for entrance and evaluation.  Students and parents have not complained about this assessment system.</t>
  </si>
  <si>
    <t xml:space="preserve">The method of reporting should provide option current reporting procedures as well as summaries of learning. </t>
  </si>
  <si>
    <t xml:space="preserve">Not standardized province wide. Rubrics are being developed on a class by class basis. An Assessment in one class could different from another. This makes this non-standardized assessment meaningless </t>
  </si>
  <si>
    <t xml:space="preserve">This is standardized as an assessment in one class is very similar to another. Post Secondary institutions are still using this system for entrance and evaluation. Students and Parents have not complained about this assessment process, but they have complained about the proficiency scale  </t>
  </si>
  <si>
    <t>We presently use a better system that allows students and parents to check their progress at their convenience, at any time. I update my grades daily and regular progress reports can be sent to parents with a click of the button. This is a more efficient model for both parents and teachers.</t>
  </si>
  <si>
    <t>More meaningful standardized testing results compared to age-equivalent stats would give a more meaningful picture of progress.</t>
  </si>
  <si>
    <t>To ensure standards of teaching/learning, all Grade 12 academic subjects should have required provincial examinations. Grade inflation and lack of consistency across the province does not allow an accurate assessment of learning.</t>
  </si>
  <si>
    <t>Proficiency scales on certain competencies may be appropriate, but heavy content-specific courses should not be forced to additionally track proficiencies in addition to percentages.</t>
  </si>
  <si>
    <t>Goal setting is important, but this should not be a teacher responsibility.</t>
  </si>
  <si>
    <t>Our procedures already consider diversity and inclusion. However, if this means individualized education plans for each student in each course, the work load will be excessive.</t>
  </si>
  <si>
    <t>standardize reporting minimums for all students</t>
  </si>
  <si>
    <t xml:space="preserve">Written reports require time, and as a high school teacher, I have 7 times the students that an elementary school teacher has.  Formally reporting unique paragraphs for 210 students over and above the written feedback I provide on each student's assignments is not feasible.  </t>
  </si>
  <si>
    <t>A four point scale is too broad to accurately indicate student progress.  6 points is an ideal number.  The language of the current scale contains a parallelism error; "emerging", "developing", "extending" are all gerunds and "proficient" is not.  "Proficient" should be "Applying"</t>
  </si>
  <si>
    <t>I am fine with both formats (anecdotal reporting vs. quantitative reporting) but converting one to the other at reporting time completely negates the spirit of each method, creates confusion for students/parents, and doubles the workload for teachers.  8-12 should be percentages/letter grades.</t>
  </si>
  <si>
    <t>Pick one.  Don't double teachers' workloads or confuse students.</t>
  </si>
  <si>
    <t>I do this with my students anyhow.  I would like a platform on myEd where students could enter this information on their own and submit it to their own report cards.</t>
  </si>
  <si>
    <t>I do this with students also.  There needs to be a link in myEd for students to directly enter this information to their own report cards.</t>
  </si>
  <si>
    <t>Within reason, yes.  Students with diverse abilities/disabilities who cannot produce or participate at grade level pose a problem at the high school level.  At what point do we stop socially passing them and focus on remaining at a grade level that reflects their skill development?</t>
  </si>
  <si>
    <t>Grouping grade 8 and 9 with elementary</t>
  </si>
  <si>
    <t>Grades 8 and 9 in this province are usually high school, not middle school or elementary, for which the teacher workloads differ greatly.  An anecdotal reporting process at these grades neither prepares students for grades 10-12 letter grades, nor respects the number of students teachers have.</t>
  </si>
  <si>
    <t>I think it's really important to have specific language as to what "Emerging, Developing, Proficient, and Extending" mean for each subject area. I find that the new curriculum (music) can be quite nebulous.</t>
  </si>
  <si>
    <t>I understand that gr. 10-12 need some form of letter grade in order to get into post secondary but this simply exposes the issue of grading and what a successful post secondary candidate looks like.</t>
  </si>
  <si>
    <t xml:space="preserve">I am satisfied, however, there needs to be training and context for both teachers and students to know what the purpose of self-assessment is like. A culture of self-assessment and growth mindset needs to be fostered in order for this to be beneficial. </t>
  </si>
  <si>
    <t xml:space="preserve">I only chose slightly satisfied. I value this a lot! However, it places an incredible amount of pressure and work on individual teachers to be diversifying their lessons and resources. I do not believe that teachers currently have the support (through prep time and education) to do this effectively </t>
  </si>
  <si>
    <t>Get rid of proficiency scale</t>
  </si>
  <si>
    <t>Should go back to percentage grade reporting</t>
  </si>
  <si>
    <t>More opportunities for kids and parents to receive feedback is appreciated and makes sure kids don't fall behind</t>
  </si>
  <si>
    <t xml:space="preserve">I find these 4 categories don't tell us enough. Proficient has always been the most widely give and seems to encompass everything from a C to A- </t>
  </si>
  <si>
    <t>This provides more defined information for kids to know where they are strongest and is much more clear</t>
  </si>
  <si>
    <t>a proficiency scale isn't enough for any grade</t>
  </si>
  <si>
    <t>to date I've found these self assessments of limited use and it seems like they are regurgitating what they've been told they should know</t>
  </si>
  <si>
    <t>goals are important to work towards</t>
  </si>
  <si>
    <t xml:space="preserve">I have no opinion on this </t>
  </si>
  <si>
    <t xml:space="preserve">The proficiency scale doesn't tell us enough. </t>
  </si>
  <si>
    <t>I feel that three written reports during the school year takes away from the learning in the classroom because of the time it takes to prepare the documents.  More frequent but smaller and more flexible reporting formats allow for greater student involvement and more timely reporting.</t>
  </si>
  <si>
    <t xml:space="preserve">There is not enough time to report 5 times on a child's progress. One has to stop teaching each time they're assessing a student. Report cards are time consuming. Teachers are NOT given any time to work on report cards during their work day. Reporting 3 times a year is more than enough. </t>
  </si>
  <si>
    <t>The ministry keeps on changing the performance descriptors! The parents are confused every time we have to introduce new terms!</t>
  </si>
  <si>
    <t>Secondary teachers have TOO many students to report on! One only has so much time in their day to do this! No school time is given for it!</t>
  </si>
  <si>
    <t>The core competencies have always been ingrained in the curriculum/learning. There is NO need to self assess on them for the students. It means absolutely nothing to them, especially to K-3 aged students. Too time consuming!</t>
  </si>
  <si>
    <t>We already do a goal setting with the students and their parents. The parents take NO ownership over it and nor do the students!</t>
  </si>
  <si>
    <t>It is very hard for some students to self evaluate. The teacher ends up choosing for the students. They already have IEP's that lay out their goals...</t>
  </si>
  <si>
    <t>There is NOT enough time to report 5 times a year. We ALWAYS have to do everything on our OWN time. Too much reporting will further confuse the parents. Most of our parents DO NOT read or look at their child's report card. Very little follow through at home by parents.</t>
  </si>
  <si>
    <t xml:space="preserve">Makes sense in elementary years, but we are not given enough prep time to communicate to so many families with this frequency in secondary.  </t>
  </si>
  <si>
    <t xml:space="preserve">If secondary marks are towards university entrance, then keeping percents and letter grades are appropriate.  If secondary marks are not used for university entrance, then proficiency standards could be more suitable.  </t>
  </si>
  <si>
    <t>Why proficiency index if percents are required for report cards?</t>
  </si>
  <si>
    <t>Not enough prep time.  Especially with semester schedule</t>
  </si>
  <si>
    <t xml:space="preserve">There is not enough communication.  One of the reports are student led which we have found useless as the teacher does not give any feedback.  We need to have 3 written reports to get a better idea of how our students are doing. </t>
  </si>
  <si>
    <t xml:space="preserve">It serves its purpose but it’s very objective.  If a student has a better impression on a teacher it will lead to a better evaluation.  </t>
  </si>
  <si>
    <t xml:space="preserve">Students need to know how they are doing and they need to get used to seeing letter grades and percentages Universities do not sheiks their students from letter grades and percentages. </t>
  </si>
  <si>
    <t xml:space="preserve">Not useful at all as students will always say they are doing great.  What’s the purpose?  Who would actually say they aren’t doing ok? </t>
  </si>
  <si>
    <t xml:space="preserve">There needs to be a program to keep advanced kids challenged.  Possibly a resource teacher or librarian who can work with these kids a couple times a week.  Similar to how a resource teacher works with kids who need extra help. </t>
  </si>
  <si>
    <t xml:space="preserve">It depends on how you define reporting </t>
  </si>
  <si>
    <t xml:space="preserve">Teacher primary. Not familiar with secondary.  </t>
  </si>
  <si>
    <t xml:space="preserve">Very time consuming for K - 2 teachers.  Students do not understand the concepts.  Ideas have to be scribed.  Takes upwards of 3 days to complete in classroom.  </t>
  </si>
  <si>
    <t xml:space="preserve">See above.  Same reasoning.  Goal setting for 5,6 years old is teacher led and guided.  </t>
  </si>
  <si>
    <t xml:space="preserve">Teachers do this already.  </t>
  </si>
  <si>
    <t>As long a feedback is being adequately given and in a timely manner so children understand the levels and how to improve.</t>
  </si>
  <si>
    <t>I think this is often done as an after thought and not as part of children's daily learning.</t>
  </si>
  <si>
    <t xml:space="preserve">It's the same as it was before. </t>
  </si>
  <si>
    <t>As a parent and a teacher I prefer to have basic, easy to understand percentages/letter grades and to have proficiencies referred to in comments.  The VAST majority of the parents of my students do not want to see percentages/letter grades removed.</t>
  </si>
  <si>
    <t>It makes sense.</t>
  </si>
  <si>
    <t>It's what we've always done.</t>
  </si>
  <si>
    <t xml:space="preserve">We don't need it.  </t>
  </si>
  <si>
    <t xml:space="preserve">I am not yet convinced that a proficiency rating would provide enough information to university enrolment staff and unless the universities plan on changing how they assess, then I'm not sure that it will be helpful to students in the years leading up to university. </t>
  </si>
  <si>
    <t>How does this look in the high school setting where students are moving from teacher to teacher?</t>
  </si>
  <si>
    <t>I would need to know more. Yes, I believe our practices should be inclusive of all learners, but I'm not sure of the intent here when it comes to reporting?</t>
  </si>
  <si>
    <t>I am concerned about the variety of understandings of what Emerging looks like. What about students that haven't found a way to emerge? Will the expectation be to have just a single proficiency per subject? If not this, then how many areas should be reported on? How will this impact teacher workload</t>
  </si>
  <si>
    <t xml:space="preserve">I think it is reasonable for parents/guardians to get regular progress reports on students and for teachers to accurately determine the proficiency of all students in meeting BC Ministry of Education guidelines so that concerns can be addressed adequately and in a timely manner.   </t>
  </si>
  <si>
    <t xml:space="preserve">It allows for accurate feedback without using numbers or grades.  This acknowledges that students learn at different rates and with different interest levels in different subjects.  </t>
  </si>
  <si>
    <t xml:space="preserve">Transitioning from the Provincial Proficiency Scale to percentages and letter grades in grade 10-12 provides meaningful scores for students entering post-secondary institutions and prepares them for this kind of reporting in their future.  Sports is full of statistics and performance evaluations.  </t>
  </si>
  <si>
    <t xml:space="preserve">For students with disabilities or challenges in learning, this allows for a measurement of growth within the context of the student's goals and objectives.  </t>
  </si>
  <si>
    <t>I have really appreciated the vision of the Core Competencies.  Some teachers do this only at the end of the year to fulfill the requirement of final reporting.  I think it is an important part of a student's overall education for life-long learning and successful participating in society.</t>
  </si>
  <si>
    <t xml:space="preserve">I think this is an important part of learning - learning how to learn and how to direct and achieve ones learning.  </t>
  </si>
  <si>
    <t>Inclusive means inclusive and so we must walk that talk!!!</t>
  </si>
  <si>
    <t xml:space="preserve">I think that the new policy is clear and objective in meeting the goals of educating students in BC.  </t>
  </si>
  <si>
    <t xml:space="preserve">I don't see anything wrong with the current reporting policies and timeframe. I feel it sufficiently provides students and parents with progress on how they are doing in school. </t>
  </si>
  <si>
    <t xml:space="preserve">As long as it is understood by parents and students that the proficiency scale is subjective and dependent on the individual student's situation then I think the proficiency scale is fine. </t>
  </si>
  <si>
    <t>As long as post-secondarys are requiring percentages for admissions than we need to continue to provide this information to students/parents.</t>
  </si>
  <si>
    <t xml:space="preserve">Teachers already give feedback to students on a regular basis whether written or verbally. To ask that they include on reports where the student is on the proficiency scale in addition to percentages is extra work and redundant. </t>
  </si>
  <si>
    <t xml:space="preserve">There should be policies in place that self-assessment of core-competencies is down on a regular basis throughout the year. As of right now only some teachers do this, often times it's once at the end of the year. </t>
  </si>
  <si>
    <t xml:space="preserve">I like this idea but it needs to be integrated in all subject areas and all teachers should be required to do this with students otherwise only some will and many won't. </t>
  </si>
  <si>
    <t xml:space="preserve">I don't see the point of requiring reports to include percentages, letter grades AND proficiency scale. Teachers do this already in their classes and provide students with regular feedback. A percent should suffice. </t>
  </si>
  <si>
    <t>I am not sure that two extra "learning updates" are really going to give parents much to go on if they aren't actually written reports. I would question why the desire for change.</t>
  </si>
  <si>
    <t>The proficiency scale is sufficient for K-4 but there after I feel there is more nuance needed in explaining learning outcomes and letter grades allow for this nuance.</t>
  </si>
  <si>
    <t>no children in this age range, yet</t>
  </si>
  <si>
    <t>I do think students should do self assessments more frequently throughout the year, and the response should be communicated to parents.</t>
  </si>
  <si>
    <t>You are asking student's to know a lot about the curriculum; student's may have ownership over learning but it greatly depends on the teacher teaching the material as to how successful they are.</t>
  </si>
  <si>
    <t>I would include letter grades for lower grades as well.</t>
  </si>
  <si>
    <t xml:space="preserve">It is two report cards in the VSB (January and June) and 3 other communications. It's enough like this. </t>
  </si>
  <si>
    <t xml:space="preserve">Starting Grade 5 or 6 it should be letters / Grades. The 4 point scale is sometimes too fluffy and not clear enough for parents. Also, a lot of them tend to "translate" the scale Extendin=A, etc. </t>
  </si>
  <si>
    <t xml:space="preserve">Universities are using Grades, so students have to be used to it. </t>
  </si>
  <si>
    <t>Universities are using Grades, so students have to be used to it. Teachers should not be doing the work twice!</t>
  </si>
  <si>
    <t xml:space="preserve">It is important to explain to students that they not only learn academics. </t>
  </si>
  <si>
    <t xml:space="preserve">Two goals (academic, non-academic) seem more realistic. 
"learning, personal inquiry and development goals" is too specific and not enough at the same time. Students are kids, not employees with ProD plans and so on. </t>
  </si>
  <si>
    <t xml:space="preserve">Make it clear, but not too specific. </t>
  </si>
  <si>
    <t>This isn't the same as the current model. This proposes that grade 8-12 teachers must write an additional report. With 90-120 students per SEMESTER it's unrealistic to expect secondary teachers to write a "summary of learning" for each student at the end of the year. With what time will this happen?</t>
  </si>
  <si>
    <t>A 4 point scale is FAR TOO restrictive. There is far too big a range of skill in just 4 "levels" There needs to be opportunity for in between. EX: Proficient + or -.</t>
  </si>
  <si>
    <t xml:space="preserve">I understand the need when heading to post-secondary, but requiring %, contradicts the direction the BC is going with meaningful, competency-based assessment. </t>
  </si>
  <si>
    <t>Using the proficiency scale is the way we SHOULD be assessing. But it is disingenuous to convert a proficiency to a %. MYEDBC does not support proficiency-based reporting for Gr 10-12. This would need to be addressed.</t>
  </si>
  <si>
    <t>Student self-assessment is often not taken seriously by students. It does not accurately reflect ownership.</t>
  </si>
  <si>
    <t>This is an impossible task when you take into consideration the competencies students must master. It would be impossible to tailor 120 different learning opportunities by ONE teacher.</t>
  </si>
  <si>
    <t>There is not enough support in schools to adequately support all diverse needs in a classroom.</t>
  </si>
  <si>
    <t>All of it needs work.</t>
  </si>
  <si>
    <t>No section of the proposed plan is good, as is. Time do this? System that supports it?(MYEDBC does not) Universities to accept it? Support for students?</t>
  </si>
  <si>
    <t>It is the same number of reports that currently exist, and I think this is adequate (as teachers are always free to engage in more frequent contact with parents when necessary).</t>
  </si>
  <si>
    <t>Descriptive feedback can be subjective and may not clearly "catch" students whonmay require additional support as they enter their "graduating years" and may need to make determinations about graduation programs, post-secondary goals, etc.</t>
  </si>
  <si>
    <t>It's the same we have right now, and it "works," but more studies in the field are suggesting that "going gradeless" results in higher student engagement and a better quality of their assessment of learning.</t>
  </si>
  <si>
    <t>How well to parents/students understand the proficiency scale and what it means in relation to student learning? I mean, report cards will always need comments, so this framework is as good as any, but will these reports communicate student learning in a way that is clear for students/parents?</t>
  </si>
  <si>
    <t>I like having the students self assess the CC. Having them do this more frequently is a good thing.</t>
  </si>
  <si>
    <t>Who helps students keep track of the goals and/or monitor progress in achieving them? Is this one goal for each class? Each term/semester? Need more info.</t>
  </si>
  <si>
    <t>Inclusion is always good. :)</t>
  </si>
  <si>
    <t>Qualitative reports for 8/9s may present challenges when it comes to identifying students who may need support in 10-12.</t>
  </si>
  <si>
    <t>There are too many. Teachers don't have time to write them and parents don't have time to read them. Progress is reported online on MyEd at all times, so this many reports are not needed.</t>
  </si>
  <si>
    <t>Parents do not understand it and don't like it. Kids know they can't fail so many just don't care. There should be letter grades from grades 4-12.</t>
  </si>
  <si>
    <t>Kids and parents like knowing where they're at. They like seeing grades.</t>
  </si>
  <si>
    <t>The proficiency scale is not useful for high school students and just creates more work than necessary.</t>
  </si>
  <si>
    <t>Again, it's just not necessary. Students will treat it as a joke no matter how hard teachers try. Parents won't even read it.</t>
  </si>
  <si>
    <t>Could be a good idea depending on what it looks like.</t>
  </si>
  <si>
    <t>We already do this as teachers. This is nothing new.</t>
  </si>
  <si>
    <t>Just go back to the way it was when students got grades.</t>
  </si>
  <si>
    <t xml:space="preserve">Just go back to the way it was when students got marks. This new reporting system isn't changing anything other than making kids lazy, parents frustrated and teachers stressed about the extra work load. There's no need to be innovation just for the sake of being innovative. </t>
  </si>
  <si>
    <t>Insufficient release time to work on assessment and reporting</t>
  </si>
  <si>
    <t>So many students are sent on to the next grade with “emerging skills”. I am not saying they should be held back but there needs to be much more ELL and other intervention supports to ensure success for these children.</t>
  </si>
  <si>
    <t>Universities need to catch up I suppose, but until then we could be developing portfolio based assessment as well as offering more trades, entrepreneurship, and stress/financial/time management type classes instead of the same old academic busy work that isn’t leading to any jobs.</t>
  </si>
  <si>
    <t xml:space="preserve">I honestly don’t care about the scale as a parent. I focus on the comments from the teachers. Grades seem fairly arbitrary. I think we have more important matters to focus on like upgrading some of the required curriculum to be more inline with what they need to succeed. </t>
  </si>
  <si>
    <t>It seems like we have more than enough of that already- ad nauseam level. As a parent, I’ve noticed my high school kids have self-assessment fatigue. They hate it now and don’t take it seriously.  Great concept but the pendulum has swung too far.</t>
  </si>
  <si>
    <t>Same comment as above. Too much of a good thing- thinking of high school with several worksheets on goal setting from each class they take. Then they have to do the entire thing again each time they take their required “career planning” class. Again. They hate it now. Too repetitive.</t>
  </si>
  <si>
    <t xml:space="preserve">Inclusive? There isn’t close to enough support given by the government for the huge influx of behavioural and ELL students we have in our classrooms to call our system inclusive. Not to mention the enormous literacy and mathematics gaps created by the pandemic. </t>
  </si>
  <si>
    <t xml:space="preserve">Also less frequent </t>
  </si>
  <si>
    <t>See comments above.</t>
  </si>
  <si>
    <t xml:space="preserve">We just switched to 2 reports and it works well because you actually know the kids by the time the first report come out. </t>
  </si>
  <si>
    <t xml:space="preserve">The continuum of proficiency is way more accurate than a letter grade style report. </t>
  </si>
  <si>
    <t xml:space="preserve">The core competency goals are a lot already.  Adding more seems unrealistic. </t>
  </si>
  <si>
    <t xml:space="preserve">The amount of time that this is asking for is totally unrealistic. If teachers write the summary of learning for every curriculum area the student learned through the entire year this will take hours per child. Where will the time come from for this added work load? Teachers personal time. </t>
  </si>
  <si>
    <t>There needs to be something between developing and practicing. My Family of schools has used this scale for at least 3 years and it is missing a piece between dev and pract</t>
  </si>
  <si>
    <t xml:space="preserve">I have been doing this for the past 2 years and what I have found is that students aren’t able to use this information to help them learn. It’s just another task to complete for the govt, but it isn’t a meaningful activity. </t>
  </si>
  <si>
    <t xml:space="preserve">This is a good way to start the year with students using goals and to work on them. However it requires the teacher to do a lot more than just report on the growth because  if we don’t constantly refer to it, and add to the goal the students forget what the goal was and it isn’t meaningful. </t>
  </si>
  <si>
    <t xml:space="preserve">If this means that the FSA testing is done away with then I agree. It doesn’t account for diverse learners, and diverse backgrounds. </t>
  </si>
  <si>
    <t xml:space="preserve">The increase amount of work for teachers means that we will spend more time reporting to parents and less time teaching the children. Report cards are already written on teachers private time outside of school. Adding more to our job and not giving significant time to do it won’t work. </t>
  </si>
  <si>
    <t>These are the ones mandates, but I know I’m able to reach out to my child’s teacher at any point to find out where they are at.  Also loving the use of FreshGrade for my youngest, and learning profile google site being used by my oldest to sharing learning</t>
  </si>
  <si>
    <t>The language used in proficiency scales are more subjective - great for the primary/intermediate elementary students but grade 7 and up should have letter grades</t>
  </si>
  <si>
    <t>They already are like that, and should include grades 7 and up</t>
  </si>
  <si>
    <t>If they do that, it should also be done for grades 7 and up too.</t>
  </si>
  <si>
    <t>K-6 proficiency scales and then 7-12 letter grades and proficiency scales</t>
  </si>
  <si>
    <t>It is what we do already.</t>
  </si>
  <si>
    <t>We’re already using this proficiency scale in my school district.</t>
  </si>
  <si>
    <t>It’s important Grade 10-12 students get grades if it’s a requirement to apply to university.</t>
  </si>
  <si>
    <t xml:space="preserve">It sounds like a lot of extra work for high school teachers. And I believe students/parents won’t care much about the proficiency scale if there are grades and percentages, as this is what matters for university. </t>
  </si>
  <si>
    <t>I have already been doing it for a couple of years, so nothing new for me.</t>
  </si>
  <si>
    <t>What does it mean concretely?</t>
  </si>
  <si>
    <t>I think it’s not needed.</t>
  </si>
  <si>
    <t xml:space="preserve">Too much emphasis is placed on the written report. Parents see this as the real report and the other two as not important </t>
  </si>
  <si>
    <t xml:space="preserve">Better than percentages and letter grade which cause much stress for parents and students </t>
  </si>
  <si>
    <t>Why use two systems? Pick one and stick with it</t>
  </si>
  <si>
    <t>Parents don’t seem to understand nor value the core competencies and the self-assessment. I have many self assessments that have never been viewed or opened by my student’s parents</t>
  </si>
  <si>
    <t xml:space="preserve">Students in the younger grades have difficulties creating meaningful goals and only want goals that are easy to achieve </t>
  </si>
  <si>
    <t xml:space="preserve">Does this include the FSAs? </t>
  </si>
  <si>
    <t>It seems similar to the current reporting but with different words</t>
  </si>
  <si>
    <t>it is often a requirement for post-secondary and is the traditional way of reporting grades</t>
  </si>
  <si>
    <t xml:space="preserve">Parents do not understand the competency based reporting at all.  The language is too dense and they don't even read it any more.  </t>
  </si>
  <si>
    <t xml:space="preserve">The amount of time it takes for small children to do this is unbelievable.  It takes away from instruction and serves zero purpose.  Parents don't care and kids don't either.  Start this in intermediate grades when kids can actually write their thoughts themselves.  </t>
  </si>
  <si>
    <t>Kindergarten and grade one can't even tie their own shoes.  This will end up being totally teacher driven and not authentic at all.  Such a waste of learning time!</t>
  </si>
  <si>
    <t xml:space="preserve">Our teachers are stretched thin as it is! Enough is enough. Go back to regular report cards with letter grades by Gr 4 and 3 a year.
</t>
  </si>
  <si>
    <t>Kids need letter grades! By Grade 10 they may think they are an A student, but in reality could be a C. By grade 10 it's too late to find out! This system is ridiculous and stinks of "everyone get a purple participation ribbon". I want to know where my children are and help where needed.</t>
  </si>
  <si>
    <t>This is needed Gr 4-12. Kids and parents need to know the truth of how they are doing. Where their strengths are and where they need assistance. It's part of life.</t>
  </si>
  <si>
    <t xml:space="preserve">I am fine with self assessment, but that doesn't always reflect what is actually happening. </t>
  </si>
  <si>
    <t>Every child is different. With mental health, physical differences etc, goals can make some children worry. If it's kept to realistic goals, then fine.</t>
  </si>
  <si>
    <t xml:space="preserve">We need more understanding of those with mental heath issues. </t>
  </si>
  <si>
    <t>Need a new plan</t>
  </si>
  <si>
    <t xml:space="preserve">A 4-point scale does not offer enough specifics to truly understand how a child is doing in school. Percentages are a far better indicator. </t>
  </si>
  <si>
    <t xml:space="preserve">Self-reporting by younger students is not meaningful. My own daughter couldn’t tell me the context or meaning of the self-assessments she’s been doing. </t>
  </si>
  <si>
    <t xml:space="preserve">Kids need to focus on learning how to read and write. Forget the lofty goals and focus on the basics. </t>
  </si>
  <si>
    <t xml:space="preserve">I don’t agree with a 4-point scale for K-9 students. It doesn’t offer parents sufficient information. Description of learning is repetitive and useless. Teachers copy and paste comments that mean nothing to me as a parent. I’d rather have a percentage grade. </t>
  </si>
  <si>
    <t xml:space="preserve">A 4-point scale is not sufficient to describe learning. Six, at minimum, would  be better. </t>
  </si>
  <si>
    <t xml:space="preserve">The proposed 4-point scale is not descriptive enough. </t>
  </si>
  <si>
    <t xml:space="preserve">Students in younger grades aren’t thinking about these lofty ideas. They just need to learn to read, write and do math. Increasingly, I see students coming through the school system with subpar skills. Focus on what’s important. Besides, teachers have been including core competencies forever. </t>
  </si>
  <si>
    <t>I get the most valuable information about my children from speaking with their teachers. No report or report card has ever provided the rich information of a 5 minute conversation with the teacher.</t>
  </si>
  <si>
    <t xml:space="preserve">Most parents do not know what this scale means. My district has used this for at least a couple of years already. There needs to be a SERIOUS education campaign to sell this.
People want lettergrades. An A is still extending, or it better be if your child has a solid teacher. </t>
  </si>
  <si>
    <t>I specifically chose to give K-9 feedback. This question should not appear.</t>
  </si>
  <si>
    <t>As above.</t>
  </si>
  <si>
    <t xml:space="preserve">The core competencies are garbage. My children have had no clue what they mean or what they are truly assessing in their self assessments. We have talked about the "assessments" included with report cards. Clearly not a well understood concept. </t>
  </si>
  <si>
    <t>Who is going to assess how well a child meets their own goal? Who decides if it is realistic? Useful? Are we going to have a bunch of grade 6 students wanting to become better Youtubers?</t>
  </si>
  <si>
    <t xml:space="preserve">Students on individualized programs have that, do they not? IEPs? Are you quietly doin away with those too? </t>
  </si>
  <si>
    <t xml:space="preserve">Your "diversity and inclusion" approach appears the most cunning out of all of the above. It almost appears as if all of this gets downloaded into the classroom teacher, and I assure you, my children's teachers have enough on their plates with all the UNSUPPORTED needs of students in their classes. </t>
  </si>
  <si>
    <t xml:space="preserve">The reports don't tell anything they just use floofy language- they are just useless. </t>
  </si>
  <si>
    <t>They don't work for parents with ELL just garbage</t>
  </si>
  <si>
    <t>Letters grades should be grade 4-12</t>
  </si>
  <si>
    <t>Letter grades should be 4-12</t>
  </si>
  <si>
    <t>Total garbage</t>
  </si>
  <si>
    <t>Garbage</t>
  </si>
  <si>
    <t xml:space="preserve">Your language based reports aren't inclusive as they make it difficult for ELL parents and parents with low literacy to understand. </t>
  </si>
  <si>
    <t>Letter grades 4-12</t>
  </si>
  <si>
    <t xml:space="preserve">I find this sliding scale has made students less motivated </t>
  </si>
  <si>
    <t xml:space="preserve">I want letter grades for grade 6 and up </t>
  </si>
  <si>
    <t>The frequency of reporting is sufficient to understand how my child is progressing.</t>
  </si>
  <si>
    <t xml:space="preserve">The old reporting process had better feedback to the specifics on how my child was developing. The new 4 point scale is too vague and the detail at the elementary level is lacking. 
ALL of high school (8-12) should have letter grades to access progress. This gives parents a better understanding of </t>
  </si>
  <si>
    <t xml:space="preserve">Grades, percentages and comments are more than sufficient. </t>
  </si>
  <si>
    <t>Goal setting is an important skill to learn</t>
  </si>
  <si>
    <t>This already happens in schools. You don’t need a “new” policy for this.</t>
  </si>
  <si>
    <t>All of high school Grade 8-12 should have letter grades. Students need to understand this method of reporting starting at the high school level. There are ZERO post secondary schools using a “Proficiency Scale” for final marks. STOP dumbing down our education system!</t>
  </si>
  <si>
    <t xml:space="preserve">It will not make my work easier or harder. </t>
  </si>
  <si>
    <t xml:space="preserve">First, the words used are very abstract and parents whose first language is not English are likely to be lost in their subtlety. 
Second, the word "emergent" for ALL children "not yet meting expectations", hints that the child has SOME grasp of the concept, even when they may have none. </t>
  </si>
  <si>
    <t xml:space="preserve">Letter grades are required for applying to post-secondary programs. </t>
  </si>
  <si>
    <t xml:space="preserve">There are tasks / courses that would be assessed well with a four point scale. </t>
  </si>
  <si>
    <t xml:space="preserve">At the primary level, the exercise of writing it down (to put in the report card) is almost futile as the children only copy what the teacher tells them to write, especially in a second language classroom. Self-Assessment orally: certainly. But not making it a mandatory addition to the report card. </t>
  </si>
  <si>
    <t xml:space="preserve">At the primary level, the exercise of writing it down (to put in the report card) is almost futile as the children only copy what the teacher tells them to write, especially in a second language classroom. Goal setting orally: certainly. But not making it a mandatory addition to the report card. </t>
  </si>
  <si>
    <t xml:space="preserve">Responding fully to individual needs is an admirable goal. There is no way one teacher can create TRULY inclusive assessment practices for ALL the 20 to 29 students under her care. </t>
  </si>
  <si>
    <t xml:space="preserve">Using widely different assessment practices for all students is not humanly feasible for one teacher alone. Also, the results are no longer meaningful without a standard frame of reference. </t>
  </si>
  <si>
    <t xml:space="preserve">Way too many reports. 
2 well done per year + portfolio on a continuing base </t>
  </si>
  <si>
    <t xml:space="preserve">This scale doesn’t clearly talk to parents and students. We need to be clear. Achieved/ not achieved </t>
  </si>
  <si>
    <t>Should be the same for the other levels</t>
  </si>
  <si>
    <t xml:space="preserve">We should simplify the evaluations and make it easy to understand and to make for the teachers. Teachers are leaving the profession for good reasons and evaluations is one of them. </t>
  </si>
  <si>
    <t xml:space="preserve">We should work on those abilities but adding this evaluation is taking more learning time. </t>
  </si>
  <si>
    <t xml:space="preserve">Grade 4-5 students could start to give themselves goals but it’s a learning process that should not be asked before that grade.  
It is incluses on the program, why adding it in an other evaluation process. </t>
  </si>
  <si>
    <t xml:space="preserve">Teachers need to teach and evaluating is getting less clear and longer to do. Having less buy more clear is the way to go. </t>
  </si>
  <si>
    <t>I seems to work</t>
  </si>
  <si>
    <t>Scale is simple and parents will understand</t>
  </si>
  <si>
    <t>Don’t teach 10-12</t>
  </si>
  <si>
    <t>Self assessments are hard with young kids and take a longe time</t>
  </si>
  <si>
    <t xml:space="preserve">Students need to take ownership of their learning </t>
  </si>
  <si>
    <t>Need to know more</t>
  </si>
  <si>
    <t xml:space="preserve">Report cards take a long time to write </t>
  </si>
  <si>
    <t>With the pandemic and the new curriculum, students and teachers need to spend more time doing SEL activities. The terms goes by so quickly that you are limited with the amount of time that you have to teach the curricular content in each subject area before another reporting period starts.</t>
  </si>
  <si>
    <t>It is a clear picture to families if their child is meeting expectations or not.</t>
  </si>
  <si>
    <t>Students that would like to go to college and university need time to adapt to grades and levels expected to complete a post-secondary degree.</t>
  </si>
  <si>
    <t>Some students have difficulty accurately assessing themselves and it is very different from the report from the teacher.</t>
  </si>
  <si>
    <t>Goal setting is included in our curriculum and we can be creative with how we complete this topic in our own classrooms.</t>
  </si>
  <si>
    <t>This should be common practice.</t>
  </si>
  <si>
    <t>Good teaching practice includes parent communication so formal reports could be less frequent to allow us to focus on the learning process with our students. Parents want to know how their child is doing and how they can support them. This can be done with fewer formal reports throughout the year.</t>
  </si>
  <si>
    <t>Dutch</t>
  </si>
  <si>
    <t>There should be no minimum reporting requirements... let that be negotiated begween each LC and their student/parent</t>
  </si>
  <si>
    <t>The entire reason for chooseing DL is to be free of these norms and standards and to allow for individualized learning to take place freely. No need for this</t>
  </si>
  <si>
    <t>Should not be a requirment, at most an offer for those interested in doing such self assessments</t>
  </si>
  <si>
    <t>Again, too much reporting tht is required</t>
  </si>
  <si>
    <t>The non written learning updates are often junk. Meet the teacher style show off some artwork and assignments and out the door as the next parent/student is waiting.</t>
  </si>
  <si>
    <t>It’s gobbledegook to most parents. The word choice is exceptionally poor in helping identify whether there is any concern or extra effort needed. Is “emerging” OK it’s new material or hardly grasping concept/struggling?</t>
  </si>
  <si>
    <t>Absolutely necessary for post secondary training and employment.</t>
  </si>
  <si>
    <t xml:space="preserve">For consistency it could be added but not emphasized </t>
  </si>
  <si>
    <t>Should not be emphasized. While it may create some reflection/ownership of learning it is less motivating than a “gold star” /external recognition for most children</t>
  </si>
  <si>
    <t>Children should be given a list of measurable goals to choose from that relate to curriculum/skill development that WILL be covered/supported through the year. 
ie) Learn division/A new song on instrument/read all of a book series etc. V make a new friend, feel better about my printing etc</t>
  </si>
  <si>
    <t xml:space="preserve">Children with IEP’s should receive reports based on their IEP. A “regular” report card can also be included. Changes geared at full inclusion may very likely be detrimental to the majority and system </t>
  </si>
  <si>
    <t>Scale is useless for parents trying to understand and support real academic struggles.
*Add “Recommendations/Action suggestions” from teachers on each area of the PP Scale of the reports!!!
*Parents also want to know where their child is on the bell curve of average for age/grade</t>
  </si>
  <si>
    <t xml:space="preserve">Will teachers be given extra time/prep to write these reports? Seems like too much work for too little </t>
  </si>
  <si>
    <t>Those scales are so subjective.  What does it even mean or look like? Have teachers been given any support in how to decipher what they mean?</t>
  </si>
  <si>
    <t>What’s the point of the scale when you already have the percentages? Extra work?</t>
  </si>
  <si>
    <t xml:space="preserve">How can students in k-7 self reflect when most adults don’t even have these meta cognitive skills? </t>
  </si>
  <si>
    <t>How can a K-6 student set such lofty goals? Seriously?</t>
  </si>
  <si>
    <t>Students worth learning needs dont even get the support they need unless they are a risk to themselves or others, even then schools are short staffed.  Please visit schools, talk to teachers and parents and listen and learn.</t>
  </si>
  <si>
    <t xml:space="preserve">Four reports is much ado about nothing when what students actually need is more support in class and funds for learning materials.  More paper pushing them actual teaching or learning, watch quality of education go down and retention go up </t>
  </si>
  <si>
    <t>I like the current reports with letter grades and written.  Although some teacher written reports give little feedback due to being copy and pasted to multiple students.    Also some have had spelling mistakes over the years, which devalues the teacher and principal, who are supposed to review.</t>
  </si>
  <si>
    <t xml:space="preserve">I dislike the idea of no letter grades.  I have 2 older children who went through school with grades.  My grade 6 students has found keeping the teacher happy, equals sufficient report cards.  While my other kids, tried to surpass their last mark, whether their grades were a C or A.  </t>
  </si>
  <si>
    <t>Unfortunately kids will soon be scoring lower or have severe anxiety because most kids know grades matter for post secondary.  Without understanding an C- or A, could bring uncertainty to a child.</t>
  </si>
  <si>
    <t>I think your asking a lot of already stressed secondary teachers.   We seen during covid online, how much our teachers don't want to adjust and go above and beyond.  Writing for each student may be too tedious.</t>
  </si>
  <si>
    <t>All children should know their value and if they can't write about it, we should know that and support them.  Even a struggling child is a gift and they should know this and we should remind them of this.  It let's teacher, parent and students know what is needed for personal growth.</t>
  </si>
  <si>
    <t xml:space="preserve">No matter what the age, we need goals.  Everyone sets out to accomplish a goal, whether they know it or not.  </t>
  </si>
  <si>
    <t xml:space="preserve">I agree with it but at the same time I disagree.  You need children to feel like they are successful but you also need to prepare them for the real world.    Adults fail and that is okay.  We learned failure and coping mechanism through out school.  </t>
  </si>
  <si>
    <t>Some teachers go above and beyond, while others have become complacent.   Having written reports full of good information becomes difficult the older the kids get and the larger the classes.</t>
  </si>
  <si>
    <t>5 reports are more than enough for my child's teacher to provide me with information, most of the information for assessment of my child I know from their abilities and daily conversation with them</t>
  </si>
  <si>
    <t>pointless and all it is doing is replacing a letter grade system with another system.  Parents and students will assume an A is extending and B proficient etc</t>
  </si>
  <si>
    <t>Most adults and students have no idea what this is and it is a waste of time.</t>
  </si>
  <si>
    <t>Again a waste of time and utterly pointless.</t>
  </si>
  <si>
    <t>How can you asses individuals differently and yet still maintain a standardized system, example like the FSA tests.  This also means that we lower or raise the bar based on the abilities of a child which means children are not being compared to each other and or a comparable system</t>
  </si>
  <si>
    <t>Making it less frequent.   Reduce the number of reports sent home as they don't say anything and are pointless</t>
  </si>
  <si>
    <t>Too many reports &amp; too long.  Divide the school year into half, provide an interim and written scale/letter grade for each half.  I don’t understand the purpose of the summary report - aren’t they all summaries? Too many formal long reports is cumbersome and becomes ineffective - keep short &amp; sweet.</t>
  </si>
  <si>
    <t>Letter grades definitely do not belong in elementary grades (k-7). The scale is a bit limited - (not sure extending is useful) and proficient is a large category.  Your comment box character allowance does not let me write everything I would like to say about this.</t>
  </si>
  <si>
    <t xml:space="preserve">Why change 5 minutes before post secondary?  Children are evaluated 1 way and then it suddenly changes in the years that count towards entrance to post secondary- they think they’re  “proficient” (scale) and in reality they are at a “C”  letter grade level. Start letter grades earlier like gr. 8 </t>
  </si>
  <si>
    <t>Not necessary. Pick one and be clear!</t>
  </si>
  <si>
    <t>Self assessment is fine but why just on core competencies? This just becomes yet another subject.</t>
  </si>
  <si>
    <t>There is so much being asked to be part of these reports that they becomes just onerous documents.</t>
  </si>
  <si>
    <t xml:space="preserve">What does this mean?? Of course some kids’ needs are so great and their individualized learning plans so different- they won’t even be able to participate in some parts of this reporting platform.  </t>
  </si>
  <si>
    <t>There really is no change except delaying letter grades until grade 10 which I think is a mistake. Too many reports with too much informatio Make reporting les</t>
  </si>
  <si>
    <t>Too difficult to understand. I think a 4 point scale would be better</t>
  </si>
  <si>
    <t xml:space="preserve">Kids struggle to do this and it's a make work project for the teachers </t>
  </si>
  <si>
    <t>Lack of support in schools is horrific. If schools want to be inclusive. Staff them properly. Teachers are struggling to meet needs of too many students.</t>
  </si>
  <si>
    <t>I think the frequency of reporting is just fine.</t>
  </si>
  <si>
    <t>Kids cannot wait until Gr 10 to find out how they're doing on a letter grade scale. It's too late - Gr 10 starts counting toward university entrance, and there's so much international competition. Our kids almost have no idea whether they're a C+ or an A+ at the top of the scale, and that matters.</t>
  </si>
  <si>
    <t xml:space="preserve">Kids need to know where they measure up on a scale that is used to judge people in post-secondary institutions. You can't coddle kids too much, or they'll have no resiliency as adults in the real world. A letter grade/percentage system is the most tangible way to show them how they're doing. </t>
  </si>
  <si>
    <t>Ridiculous. The world will pass our kids by. They'll blame us in adulthood for blunting all the sharp edges for them as they grew, so that they when they went into the world, it felt like they were being impaled, instead of facing regular pressures that everyone faces, ie judgment of performance.</t>
  </si>
  <si>
    <t>My kids find this extremely uncomfortable and pointless. I don't personally think it's that bad an idea, and I see where the intention is coming from, but the kids are the ones doing it, and they really hate it - maybe because people are more likely to be too hard on themselves and assume they suck.</t>
  </si>
  <si>
    <t>Possibly good; however, most kids, until maybe Gr 11, have no idea what to do, or what they want. In that context, being assessed on non-existent academic and life plans can be terrifying and make them feel way behind. They might then be forced to make up things and hope a teacher likes them...</t>
  </si>
  <si>
    <t>Nice intention. Both of my kids have IEPs, but what university prof or employer cares if my kids had a tailored standard, if they don't get the job done? These kids will just fail/get fired, and feel worse than if they had gotten used to a general standard from the beginning. Real life just is.</t>
  </si>
  <si>
    <t>A ridiculous idea. Not feasible. The scale of "meets expectations" to "exceeds expectations" basically runs from C+ to A+, and kids need to know exactly where they are so they can aim for exactly where they need to be to achieve their post-secondary goals. Letter grades should start in Jr high.</t>
  </si>
  <si>
    <t xml:space="preserve">This is still too vague. It needs to specify what those ‘learning updates’ look like. Is it a descriptive post on a digital portfolio shared with students and parents or is it a formal paper that goes home? </t>
  </si>
  <si>
    <t xml:space="preserve">A 4 point scale is difficult to grade on, there are so many students that lie between levels. </t>
  </si>
  <si>
    <t>Changing the grading scale part way through their education is not only difficult for teachers who teach multiple grades but also sends a message that we are not unified in our way of doing things. We either need to adjust to what the universities want and need K-12 or they need to adjust to us.</t>
  </si>
  <si>
    <t xml:space="preserve">You are creating double the work for teachers and making it more confusing for all involved: parents, students and teachers. </t>
  </si>
  <si>
    <t xml:space="preserve">This is already happening, it’s not new. </t>
  </si>
  <si>
    <t xml:space="preserve">It is a good idea for students to take ownership over their learning in the form of goals. I do worry about the difficulty of extracting viable goals from lower primary grades though. </t>
  </si>
  <si>
    <t xml:space="preserve">Yes, this needs to continue, but IEPs and AIPs must also evolve along side any new reporting standards so that la Guyane assessment tools/ scales match. </t>
  </si>
  <si>
    <t xml:space="preserve">As mentioned above, there are many students who sit between levels, a sliding scale would be more nuanced and accurate. </t>
  </si>
  <si>
    <t xml:space="preserve">"Reporting events" need to include concrete performance feedback from the teacher to the parent, not just a summary of activities.  The first needs to occur earlier in the year, as end of January is too late to catch and work on problems.                             </t>
  </si>
  <si>
    <t>As long as descriptive feedback is included, this reporting scale communicates what it needs to for parents.</t>
  </si>
  <si>
    <t>This is a good system which has worked well for most families for many years.  No need to change it.</t>
  </si>
  <si>
    <t>This seems like unnecessary extra work for teachers.</t>
  </si>
  <si>
    <t>Fine as long as it doesn't take the place of concrete direct feedback from teachers to parents.</t>
  </si>
  <si>
    <t>Becomes more useful as children get older.  Fine, as long as it doesn't take the place of concrete direct feedback from teacher to parent.</t>
  </si>
  <si>
    <t>Need direct teacher to parent feedback earlier in the school year.  End of January is too late to catch and work on problems.  A first teacher to parent written report should happen in Late November.</t>
  </si>
  <si>
    <t>Your feedback form is very glitchy. Your response boxes are too small. I spent 1/2 hour writing responses &amp; couldn’t give my actual feedback because limited by space.  Provide other ways for meaningful feedback.</t>
  </si>
  <si>
    <t xml:space="preserve">The number of written reporting requirements is too many.  These reports take days to write, all of which comes out of teachers personal time.  Given the limited time that parents actually spend reading these reports (if they read them at all), 2 written reports would be more than sufficient.   </t>
  </si>
  <si>
    <t>We use the words “Beginning, Developing, Applying, and Extending” which I like better as they relate to how well students apply the skills they are using.  I do not like the word “proficient”.</t>
  </si>
  <si>
    <t xml:space="preserve">We currently only need to include this on the final report for the school year.  Please do not add more work onto an already heavy workload.  </t>
  </si>
  <si>
    <t xml:space="preserve">This is not realistic for Kindergarten aged children. Please consider the ages of the children this would apply to and whether or not this is developmentally appropriate for them.  </t>
  </si>
  <si>
    <t xml:space="preserve">There are too many reporting requirements which take up too much of our personal time.  I often spend multiple weekends writing reports each term and this is too much.  I have a family and a life outside of the long hours I already work, and this needs to be reduced in some way.  </t>
  </si>
  <si>
    <t>A secondary school teacher has 120 students in one semester and 90 in the next. Having to provide detailed, written reports for all those students will take enormous amounts of time when existing time is insufficient to support all that is needed for universal designs for learning (UDL).</t>
  </si>
  <si>
    <t>Unless extra time is given to provide these written reports for between 90 - 120 students each semester, this is an enormous extra burden placed on secondary teachers.</t>
  </si>
  <si>
    <t xml:space="preserve">Until universities change their entrance requirements, we will need to continue using the letter grades and percentages for  Grades 10 - 12 </t>
  </si>
  <si>
    <t xml:space="preserve">As long as this is not mandatory. </t>
  </si>
  <si>
    <t>The concept of "core" competencies is ridiculous.  Someone is either competent or not. Adopting OECD terminology without interrogation of those terms is unfortunate.
Students tend to inflate or deflate their competencies unless there is ongoing integration of the terminology in daily lessons.</t>
  </si>
  <si>
    <t>Students will always set "A" as their goal because that's what they've been socialized to believe is the "best" and then will inevitably be left discouraged because the system is set up so that only a few can achieve "A".</t>
  </si>
  <si>
    <t>This would be more meaningful if there were actually good supports for all learners but underfunding has decimated those supports and so some students always enormous hurdles to overcome. Acknowledging those hurdles without actually funding supports for them is callous and cruel.</t>
  </si>
  <si>
    <t>To upend a system of reporting in this way without increasing supports for learning classrooms is just window dressing. Teachers know how to assess and communicate student learning but they don't get enough time to do so and don't have enough resources to support the needs of all learners.</t>
  </si>
  <si>
    <t>Lack of percentages and letter grades makes reports less informative. Why are you doing away with letter grades and percentages (k-9 now, and we know you’ll sneak it in for 10-12 in a year or two) when universities and higher education still use them? Now MORE kids will be pushed through the system.</t>
  </si>
  <si>
    <t>This makes sense. It’s important to make the education system similar to the higher level above it. Using the proficiency scale up to grade 9 is like dumbing down the system. All for the sake of trying to get more people through the system. Despite not being prepared or ready.</t>
  </si>
  <si>
    <t>There is so much assessment and reporting. Let teachers and students teach and learn.</t>
  </si>
  <si>
    <t>Good luck with this. Students have been coaxed, coddled so much in their younger years and pushed through the system, they don’t know how to fairly self evaluate. Most kids have an over inflated sense of self value and what theyre entitled to. Why? Because we’ve been empowering them too much.</t>
  </si>
  <si>
    <t>Have you considered the process that would have to be gone through to accomplish this? Teachers will need to be out of the class, unavailable to help students just so they could complete this monstrous task. Unless you expect them to give up MORE of their unpaid time off at home and on weekends.</t>
  </si>
  <si>
    <t xml:space="preserve">Middle school already looks more like K and Gr1 when it should look more like high school. Now you’re wanting to make HS look more like middle school (and thus gr1/k) when it should resemble more post secondary institutions. Education is going backwards. </t>
  </si>
  <si>
    <t>Too much writing. Reports take too long as it is.</t>
  </si>
  <si>
    <t>It’s the same as a letter grade. Just a 4 point scale. Numbers are easier.</t>
  </si>
  <si>
    <t>Takes too long to find the info you’re looking for. Reading an essay to find strengths and weaknesses for 30 students is a time consuming cumbersome process. Numbers speak volumes.</t>
  </si>
  <si>
    <t>Reporting is a time consuming cumbersome process. Anything that decreases efficiency (like writing anecdotal reports) makes the job harder and is not that useful.</t>
  </si>
  <si>
    <t>Self assessment for immature kids is a cumbersome and anxiety producing process. It should be introduced carefully and minimally. Later grades would definitely be better.</t>
  </si>
  <si>
    <t>Goal setting is a decent idea but in between goal setting, self assessment, FSAs, fire drills, earthquake drills, hold and secure drills, holidays, special presentations about internet safety, mental health, and most importantly indigenous awareness, can we just teach?</t>
  </si>
  <si>
    <t>Obviously. But you can’t do this with class size and composition the way it is. Fully find public education, provide the necessary external supports for inclusivity and then we’ll talk.</t>
  </si>
  <si>
    <t>Assessment and reporting is a cumbersome process. It takes hours to compile the data  and write little essays for each kid.</t>
  </si>
  <si>
    <t xml:space="preserve">10-12 are mostly semestered. A summary of learning at the end of the year seems redundant. Shouldn’t there be a summary of learning at the end of each semester? Perhaps a self reflection of core competencies shared home would be good at the end of the year. </t>
  </si>
  <si>
    <t>I like using the scale for my 9’s. However, many are still grade obsessed and there will need to be a supported cultural shift for students and parents.</t>
  </si>
  <si>
    <t>I would to shift away from percentages, but know that is not possible due to university requirements. My students are starting to use the proficiency scales and we are talking more about thinking than grades, which is great.</t>
  </si>
  <si>
    <t xml:space="preserve">I can only see this working if students have a teacher advisor program. Otherwise, doing this in each class would be redundant and they would not take it seriously. </t>
  </si>
  <si>
    <t>The conditions in our classrooms make this impossible. Nearly every class at my school has 30+ students and teachers work one semester without a prep at all. If you really value education and want to support individualized education, teachers need a prep each semester and class sizes need to shrink.</t>
  </si>
  <si>
    <t xml:space="preserve">I am not against diversity and inclusion, but if we really value education in this province and want to support proper assessment, teachers need time </t>
  </si>
  <si>
    <t xml:space="preserve">This is too much. Teachers do not have enough time to do this and implementing this will cause stress and more teachers leaving the profession due to unreasonable demands. I already work every evening and on the weekend. I have no more time left. </t>
  </si>
  <si>
    <t xml:space="preserve">I like the proficiency scale but it should not be linear. This implies that Extending is the end goal, when learning is a cycle or a continuum. </t>
  </si>
  <si>
    <t>If you want to move to proficiency scales, everyone needs to. Universities will adapt if everyone does. We spend 10 years convincing parents and students that grades aren’t important only to stick them back in at the end!</t>
  </si>
  <si>
    <t xml:space="preserve">Either do or do not. There is no try. </t>
  </si>
  <si>
    <t xml:space="preserve">I think it is more meaningful go have reporting as the need arises for different projects and units. The reporting structure is a lot of work for teachers, and is sometimes a lot of information for parents to respond to and doesn’t include meaningful information. </t>
  </si>
  <si>
    <t xml:space="preserve">The scale is still a form of ranking that kids will see as grades. Grading schemes place the emphasis on the evaluative marker rather than the learning. I prefer an approach that assessed how independently a child can do the work without support - independent, some support, or direct support. </t>
  </si>
  <si>
    <t xml:space="preserve">The MoE should work with BC universities to change this. It’s so out dated and harmful to learning to use these types of scales. </t>
  </si>
  <si>
    <t>It’s a cop out to not address the structural problem with evaluations by letter grades and is more work for teachers. Are you going to pay them more?</t>
  </si>
  <si>
    <t xml:space="preserve">I think it’s helpful but I wish students could decide what they want to report on rather than have the adults decide what is important for kids to report on. </t>
  </si>
  <si>
    <t xml:space="preserve">The cookie cutter approach - I want to have diversity of choice </t>
  </si>
  <si>
    <t xml:space="preserve">Universal anything does is not child centred and will not work for all children. That goes beyond simply diversity and inclusion - having a choice for reporting and evaluation matters for every kid. You’re pushing people into the private school system with top-down model. </t>
  </si>
  <si>
    <t>Our district requires us to written reports 3 times per year with 2 informal connections with parents.  A conversation first term and checklist reports with written report on social responsibility for terms 2 &amp; 3.</t>
  </si>
  <si>
    <t>Rubrics need to be supplied to help guide teachers and decrease the range in subjectivity that can differ greatly between same grade teachers.</t>
  </si>
  <si>
    <t>Just grade 11 &amp; 12 need grades /percentages for post-secondary</t>
  </si>
  <si>
    <t xml:space="preserve">This is not necessary </t>
  </si>
  <si>
    <t>Self assessment for report cards is not necessary for young students.  It is too obscure for them to come up with a personal example and when you give them examples to prompt an answer, they just copy what you say.</t>
  </si>
  <si>
    <t xml:space="preserve">Does not need to be included in reporting for young students.  </t>
  </si>
  <si>
    <t>We do that already with IEP’s</t>
  </si>
  <si>
    <t>Young students do not need three report cards.  Parent/teacher interviews suffice for first term (report card is redundant).  Second and third reports can be a checklist with comments on social responsibility.</t>
  </si>
  <si>
    <t>High school in our district is grade 8-12. The same reporting process should be in place for all grades at high school.</t>
  </si>
  <si>
    <t xml:space="preserve">Should align with post secondaries </t>
  </si>
  <si>
    <t>Not aligned with post secondaries</t>
  </si>
  <si>
    <t xml:space="preserve">Self assessment is not accurate assessment is student abilities </t>
  </si>
  <si>
    <t>Ambiguous… what does this mean?</t>
  </si>
  <si>
    <t>Letter grades and percentages 8-12</t>
  </si>
  <si>
    <t>Doing this in elementary was exhausting, and the requirements were less, and only 30 students. Secondary, with 120 students, this will be impossible without time and supports. It’s already difficult to complete the current requirements well, and teach, and stay healthy. You WILL have sick teachers.</t>
  </si>
  <si>
    <t>Many parents want letter grades… kind of works, can be related to specific grades. Unfortunately, without lettergrades in the middle years, it sets up an “I don’t need to… “ for many 10-12 students. Still have to give them grades. Until post-sec. changes, are doing many students a disservice to not.</t>
  </si>
  <si>
    <t>Grades relate to proficiency scale. Students and parents understand, when explained. Use brief comments at reporting and longer conversations, when needed, this is reasonable with # of students at 10-12. Evergreen students: why are marks required when an comment would be better for whole child?</t>
  </si>
  <si>
    <t>Proficiency scales and rubrics can be related to letter grades. Students understand this in 10-12, when it is explained. To give a grade and a proficiency scale mark is excessive, especially excessive if there will be 10 points to consider for 120 students as in elementary.</t>
  </si>
  <si>
    <t>Great for some students, infrastructure/ resources to complete this volume of work is excessive w/120 students. Students already self-assess as part of their learning. Many students, often the ones that need this most, will not understand and/or not take this seriously. More paperwork=lost learning.</t>
  </si>
  <si>
    <t>If this is included in the CLE and CLC, then it is good use of that curriculum. If formally expected across all curriculums, then more paperwork will mean loss of time to actually cover curriculum, the learning.</t>
  </si>
  <si>
    <t>Not sure what this means. I struggle when I’m told to give a failing mark for a student on Evergreen when comment is better. I’m told to fail those when family or cultural structure doesn’t meet your guidelines. Given that I cannot pass a student if they do not demonstrate a certain proficiency.</t>
  </si>
  <si>
    <t>Increased volume of written feedback expected if the already expected 5 reporting periods ( keep as is)</t>
  </si>
  <si>
    <t>To expect teachers in10-12 to complete 5 formal reporting periods, with large volume of written data, is unrealistic of teachers with 120 students. In some cases, at some schools that are semester, the volume could be translated to 8 reporting periods over on 210 students.</t>
  </si>
  <si>
    <t>This makes sense for elementary, but doesn't work as well for high schools as 4 or 6 would make more sense given most school on semester systems.</t>
  </si>
  <si>
    <t xml:space="preserve">Clarity is required. When having grade 9s in a high school, nobody from my school or district knows if emerging and developing mean students are ready to move to grade 10 courses or not. Also, this method when writing 120+ reports a reporting period impossible without extra time being provided. </t>
  </si>
  <si>
    <t>Again, clarity is required. When having grade 9s in a high school, nobody from my school or district knows if emerging and developing mean students are ready to move to grade 10 courses or not. Also, this method when writing 120+ reports a reporting period impossible without extra time</t>
  </si>
  <si>
    <t xml:space="preserve">This sounds like a huge undertaking, especially if extra time is not provided. </t>
  </si>
  <si>
    <t xml:space="preserve">We do some of this already, but it is quite challenging at high schools. Most students but A for academics, but acheive As which actually decreases motivation. We have to be mindful that goal setting can be toxic if not done properly. Guidance and examples required. </t>
  </si>
  <si>
    <t>We are doing this already</t>
  </si>
  <si>
    <t>I understand the reasoning behind the program, this scale gives little concrete, actionable wording for parents to base decision making. I have several Gr. 6 students who cannot read or write, and saying their skills are 'emerging', does not relate the urgent need for action. Text box limit ?????</t>
  </si>
  <si>
    <t>There needs to be two formal reports. One in January and one in June. The second semester in elementary ends up being two months long. With informal reports or making parent teacher interviews an option as a way to report to parents would be more meaningful.</t>
  </si>
  <si>
    <t xml:space="preserve">I already use this language and would love to get rid of letter grades. HOWEVER, we need release time for this writing and our schools in the North need technology to allow the students to self report as well. </t>
  </si>
  <si>
    <t>Until universities are aligned with any change that would come from the 10-12 reporting it has to stay with letter grades.</t>
  </si>
  <si>
    <t>Students are not honest when self reporting . They’re terrified of writing the truth because their parents will get mad so they inflate their abilities. Also, students don’t pay attention to their growth. You’re asking a 10 year old to truly understand adult content.</t>
  </si>
  <si>
    <t xml:space="preserve">You’re adding to the curriculum and creating huge time restraints on learning time. Many teachers, including myself, have them set smart goals, however, it is for one or two goals. </t>
  </si>
  <si>
    <t>True inclusion will not happen until the proper supports are in place for students with extra needs. It is appalling to see how short we are for properly trained EAs and youth care workers. They make just an over the poverty line annually and are abused everyday.</t>
  </si>
  <si>
    <t xml:space="preserve">I like the proficiency scale, however, the way we report, the amount of written reports need to change. Two formal with three informal would be more meaningful. And with this reporting, you need to provide teachers paid days to do this extra work. </t>
  </si>
  <si>
    <t>First of all this is too much for the teachers. So instead of teaching, she/he had to write 30 reports 5 times a year. That doesn’t make sense. Even for the children  is so dissatisfying to see reports that doesn’t make sense to them.</t>
  </si>
  <si>
    <t>As an educated parent, I don’t even read the report cards anymore as it is bizarre  that it doesn’t show my son’s through knowledge.He is in 2 math classes outside of the school with very high grades but at school he never gets extending. And I don’t see any grades to see his true knowledge.</t>
  </si>
  <si>
    <t>It has to be be from Grade 4 to 12. 
This system doesn’t make sense for a lot parents like me.</t>
  </si>
  <si>
    <t>These reports are very time consuming for the teachers so they will have less time at the classroom for teaching our kids.</t>
  </si>
  <si>
    <t>Do you really think the teenagers would do write correctly and they even care. 
Why are we making everything so complicated. Do the people that write  these things have teenagers at all?</t>
  </si>
  <si>
    <t>Yes I love the idea to asking the kids about their goals</t>
  </si>
  <si>
    <t>I have an18 years old that got educated with learning disability. But I still think this is not right as it wouldn’t be all right as he would think he would get to university and would be the same there.</t>
  </si>
  <si>
    <t>This is not a good idea, please don’t do this to our kids. At least come and talk to the kids and even ask them hiw they would feel about it.</t>
  </si>
  <si>
    <t>There isn't enough prep time to do this during the day. It is inevitably done after hours and on weekends.</t>
  </si>
  <si>
    <t>Working with a variety of students, there are contexts in which they demonstrate proficiency, but not always. Whether or not they can generally do the work and with what degree of assistance is most informative for me.</t>
  </si>
  <si>
    <t>Doesn't apply to my situation.</t>
  </si>
  <si>
    <t>I have yet to see an elementary student mature enough to accurately self-assess.</t>
  </si>
  <si>
    <t>This will work, if teachers are given the prep time needed to create materials and supports for a variety of students.</t>
  </si>
  <si>
    <t>Elementary students do not yet have the higher level thinking skills required to set meaningful goals. This will just become a teacher directed activity that has little meaning to the individual.</t>
  </si>
  <si>
    <t xml:space="preserve">Thenlack of clarity by what is meant reports. Currently reports take hours. This feels as though the workload is going to substantial increase especially for those teaching high school grades.
</t>
  </si>
  <si>
    <t xml:space="preserve">How do parents understand the nuances of these terms. Where English is not a first language for parents. Using eduspeak is not helpful </t>
  </si>
  <si>
    <t>Letter grades are a requirement for post secondary education. With up to 120 students this goes to address workload. It continues with what parents understand.</t>
  </si>
  <si>
    <t>This only works if a student can be truly reflective and objective.  Otherwise it is a feel good activity</t>
  </si>
  <si>
    <t xml:space="preserve">Once again only works if students have self awareness.  </t>
  </si>
  <si>
    <t xml:space="preserve">Teachers already talk to parents.  Make the reporting simple but able to convey data concisley and accurately without eduspeak. Parents dont want to read pages.  </t>
  </si>
  <si>
    <t xml:space="preserve">C’est l’occasion de changer les choses. Les documents écrits sont extrêmement longs à faire et les rétroactions directes en classe sont démontrées bcp plus efficaces. Les enseignants sont déjà surchargés et ces rapports sont trop nombreux. Nous devrions enfin changer à 2 rapports par année. </t>
  </si>
  <si>
    <t>Nous avons déjà essayé cette grille… elle ne fonctionne pas. Elle est bcp trop floue. De plus, démontrer une progression devient difficile lorsqu’on désire varier ses enseignements et adapter nos enseignements selon les besoins.</t>
  </si>
  <si>
    <t>Je suggère fortement de prendre quelque chose comme notions acquise et non acquise. Les notes avaient l’avantage d’être fabuleuses et claires… notre système veut inclure tout le monde et faire plaisir à tout le monde, mais il de Kent de moins en moins clair et il tire vers le bas</t>
  </si>
  <si>
    <t>Arrêtons d’en ajouter sur le dos des enseignants… pourquoi avoir recours à 2 échelles…</t>
  </si>
  <si>
    <t xml:space="preserve">L’enseignement des compétences essentielles est important. L’évaluation et surtout l’auto évaluation obligatoire ajoute encore aux multiples tâches. Pourquoi ne pas simplement enseigner et arrêter de toujours évaluer ou auto évaluer ?
</t>
  </si>
  <si>
    <t xml:space="preserve">On le fait déjà pour éducation à la carrière. Pourquoi ajouter cette obligation? Ce n’est rien de nouveau, à moins qu’on doive maintenant l’ajouter à nos rapports. Et je vois mal les élèves du primaire (m-3) bien faire par écrit ce type de travail. </t>
  </si>
  <si>
    <t xml:space="preserve">On s’adapte à tout le monde et j’ai vraiment hâte de voir quand est-ce qu’on adaptera la tâche de l’enseignant aux enseignants… ils sont tous en train de quitter le monde de l”enseignement par épuisement…  </t>
  </si>
  <si>
    <t xml:space="preserve">J’ajouterais aussi l’aspect d’inclusion et de diversité </t>
  </si>
  <si>
    <t>I find that many parents do not engage in learning updates in the traditional written report card or parent-teacher interview.  Digital portfolios are much more powerful and should be required for documenting learning.</t>
  </si>
  <si>
    <t>Parents do not have any buy-in for core competencies un primary grades.  They don’t understand the meaning of them and creating a self-assessment to “check a box” for parents is a waste of everyone’s time as majority of teachers don’t talk about them until June.</t>
  </si>
  <si>
    <t>You cannot expect early primary students to do this.  A requirement for k-9 is not acceptable or inclusive to early primary.  This will put way too much work on early primary teachers.</t>
  </si>
  <si>
    <t>While I think it’s a great idea to move away from letter grades, if they’re going to be used in grades 10-12, grade 10 should not be the first time students receive them.</t>
  </si>
  <si>
    <t>Wouldn’t it be great if we could get away from letter grades and percentages for post secondary entrance?</t>
  </si>
  <si>
    <t xml:space="preserve">There’s no need to use both scales. </t>
  </si>
  <si>
    <t>Students are terrible at self assessment. It’s a useless exercise.</t>
  </si>
  <si>
    <t>Students will each set their own goals and teachers are expected to comment on goal progress AND provide content related comments. Do I have that right?? Seems like you’re just heaping the work onto teachers without taking any away. Also, what supports will be made available to students?</t>
  </si>
  <si>
    <t xml:space="preserve">Without supports to respond to individual needs, this is just words, no action. I can’t assess 30 students in individually responsive ways with current resources </t>
  </si>
  <si>
    <t xml:space="preserve">I would give teachers the resources needed to fulfill these new requirements </t>
  </si>
  <si>
    <t>I would like to receive any and all data on my child’s reports. Not selective info</t>
  </si>
  <si>
    <t>Letter grades and percentages are needed</t>
  </si>
  <si>
    <t>Same as first answer, any and all info to be reported to me in percentages and letter grades</t>
  </si>
  <si>
    <t>Students owning their learning is a good idea</t>
  </si>
  <si>
    <t>Had bad experience last year with teachers not keeping me up to date of my child</t>
  </si>
  <si>
    <t>My son has an IEP so he tends to be excluded from the challenging work</t>
  </si>
  <si>
    <t xml:space="preserve">From grades k-7 that was the normal. The child understands these terms. However if they change for gradev10 it will be confusing. Since most cities in bc do not have a middle school. I thin all secondary schools should have the same letter grading </t>
  </si>
  <si>
    <t>For students moving to other places this would make it difficult. These are reasons parents send children to private school or the usa</t>
  </si>
  <si>
    <t>I think that is more work for the teachers. Right now they are doing colours? We need to allow for understanding of grades across all procinces territories to be the same.</t>
  </si>
  <si>
    <t xml:space="preserve">It's good to keep the children involved </t>
  </si>
  <si>
    <t>I think that many students just don't understand all the grading and need to understand how school is going to teach real work stuff</t>
  </si>
  <si>
    <t>Big problems as it's inclusive but also not. Schools are requesting money for special needs and pushing children to take medication to be inclusive and then we expect them to grow up and they use drugs in thier real life.</t>
  </si>
  <si>
    <t>I think letter grades and numbers should start in all secondary schools no matter the grade.</t>
  </si>
  <si>
    <t>I have fluid conversations with my kids teachers so I know where they’re at. Some also use FreshGrade so I can look in at any time</t>
  </si>
  <si>
    <t xml:space="preserve">I feel for some learners that their best is 50%. So they’re working at their A level. And seeing the c- can really be discouraging </t>
  </si>
  <si>
    <t xml:space="preserve">I think it’s hard for some teens to think about this stuff. Their brains aren’t even finished developing for some of these more complex thoughts. Add neurodiverse learners in there. And it’s stress inducing. </t>
  </si>
  <si>
    <t xml:space="preserve">If there is any language left up to interpretation. It will become damaging to students. It needs to be clear. Black and white. No grey areas </t>
  </si>
  <si>
    <t>My understanding is that the province is thinking of moving toward anecdotal report cards (ie. report cards with a LOT of specific and detailed feedback.  How would the government suggest that high school teachers accomplish this for 120 students per semester?!?  Way too much work!!</t>
  </si>
  <si>
    <t xml:space="preserve">See above.  Again, how would high school teachers find the time to write out personalized, detailed comments for 210 or so students per year?  I understand that elementary teachers have been doing this for years but they teach, at most, 30 kids per year. </t>
  </si>
  <si>
    <t>I don’t see why having to attach a letter to the numerical grade would make any difference to anyone.  The kids already know what percentages are defined for what letter grade.</t>
  </si>
  <si>
    <t>If optional now, it’s a slippery slope and I suspect eventually there is a danger in this being forced on Gr 10-12 teachers/students.  I teach chemistry and since it is a math based course, its best to use percentages to assess whether they know how to do the work in chemistry or not.</t>
  </si>
  <si>
    <t>Might be helpful for parents to see what their goals are that their kids are setting but I don’t know why it would need to be included on their official record.  Parents and kids might not want that being included on an official school document.  You should ask them.</t>
  </si>
  <si>
    <t xml:space="preserve">We always do this anyway - it’s how teachers always operate. </t>
  </si>
  <si>
    <t>See all my answers above.  I don’t think high school teachers should be expected to give potentially around 200 detailed report cards for kids in Gr 8 and 9.  Please seriously examine why you want to do this because to me it doesn’t make sense that high school kids are treated as elementary kids.</t>
  </si>
  <si>
    <t>Too subjective, can be manipulated to provide a ‘better’ or ‘worse’ report depending on what is being reported or how. No clear, specific, consistent agreed upon definition or description of what is emerging, developing, proficient, or extending for any given curricular outcome.</t>
  </si>
  <si>
    <t>Provides no continuity or consistency across grades. As it stands, one teacher or parents idea of what is proficient can be completely different than another’s and there is nothing for comparison.</t>
  </si>
  <si>
    <t>Many students are unaware of their own growth and over state their own abilities or actions others are very hard on themselves and underestimate. Asking them to rate themselves is especially ridiculous in kindergarten where children think they always do everything the best.</t>
  </si>
  <si>
    <t>There is no funding or time to allow this to happen. Younger grades need the foundational skills before they can even contemplate being able to set, develop, or progress on individual goals. It makes it very difficult to run a class if one teacher is running 30 different programs daily to meet needs</t>
  </si>
  <si>
    <t>While it is very idealized that we meet all needs of all students it is not possible in the current funding format. Some students require much more teacher or support time and when there is only one person in the room, the inevitable result is that someone is doing without. We need more!</t>
  </si>
  <si>
    <t>Funding for support</t>
  </si>
  <si>
    <t>It is not possible to be inclusive, create individual learning opportunities, make every child heard and feel special as one person in a class. In 360 minutes a day,even with only 20 kindergartens, that is only 18 minutes of individual time per day, and it is not possible to do it all for everyone.</t>
  </si>
  <si>
    <t>The status quo seems to fit the requirements for post secondary entrance, and keeping parents aware of their children's progress. Covid stresses have put an additional  stress on classroom teachers' time, that has not been addressed in a meaningful way.</t>
  </si>
  <si>
    <t>Evaluating student progress without the needed supports for learning is a rather meaningless exercise.</t>
  </si>
  <si>
    <t>There should have been a "satisfied" option.</t>
  </si>
  <si>
    <t>Additional reporting takes time, adding to teachers' load without providing any support to those teachers for reporting, or supporting learning for their students, especially those with special needs.</t>
  </si>
  <si>
    <t>I do not see any reasoning that makes this a desired improvement.</t>
  </si>
  <si>
    <t>In the real world of work, these goal setting exercises are usually without merit. Instead, I would like to see reasonable learning supports for students who need mentoring and supporting in pursuing their educational outcomes.</t>
  </si>
  <si>
    <t>Again, the classroom teachers' load is being added to, without proper support.</t>
  </si>
  <si>
    <t xml:space="preserve">I really do not know enough about the reasons for the current assessment system, not about the proposals.
Overall my impression is that this will put added stress and strain on teachers to provide more reporting with time that is already inadequate to provide for all the students in their classes. 
</t>
  </si>
  <si>
    <t xml:space="preserve">Teachers are not given the time to write these reports. High school teachers have up to 120 students at a time in their class. There needs to be an acknowledgement of the time needed to deal with the ever changing policies. </t>
  </si>
  <si>
    <t xml:space="preserve">I don't feel like this actually tells the parent or other staff much. A four point scale is insufficient to indicated a student's progress. Continuing with the A, B C+ system gives a far more detailed understanding on where a student is. </t>
  </si>
  <si>
    <t xml:space="preserve">It is easily understood by parents and caregivers, because it typically is the system they used in school. Continuously changing the reporting system confuses people outside the system, because they don't always understand the intricacies involved. </t>
  </si>
  <si>
    <t>I don't know what this is.</t>
  </si>
  <si>
    <t xml:space="preserve">I find that the students I work with don't always have a great self-awareness to personally reflect on their abilities. </t>
  </si>
  <si>
    <t>In a high school with 120 students per semester, I'm not sure when this would happen. Would this take away from class time when the curriculum is being taught? There are already so many disruptions. Time is always a factor. Some would benefit from it, but most would see it as another hoop to jump.</t>
  </si>
  <si>
    <t>That should already be happening.</t>
  </si>
  <si>
    <t xml:space="preserve">Constant change without adequate funding and time is unsustainable. </t>
  </si>
  <si>
    <t xml:space="preserve">Saw good results </t>
  </si>
  <si>
    <t xml:space="preserve">At secondary, you should just call is a course end summary of learning and announce that it is simply a change of wording. 
In my elementary we do 2 summaries of learning each year. These are written reports (Feb and June). With e portfolios this should be enough. </t>
  </si>
  <si>
    <t xml:space="preserve">No letter grades. </t>
  </si>
  <si>
    <t xml:space="preserve">We need to push post secondary institutions away from percentages. Letter grades are fine. Really, they are no different than a proficiency scale.  Ditch the percentages. They are not useful. </t>
  </si>
  <si>
    <t>This is adding a level of confusion to parents, teachers and students. If you are looking for a change over time, slow is not the way to do it. Many teacher have turned the proficient scale into a 5 or 6 point scale by adding columns such as progressing and applying to match the letter grade system)</t>
  </si>
  <si>
    <t>We already do this at elementary. It’s easy when you have a class with you all year. 
This will be a nightmare in secondary. It will require systemic change to now they do things or else it will add to teachers’ workload in a negative way. Students are. It likely to take this seriously in seconda</t>
  </si>
  <si>
    <t>Don’t require this. Many teachers do it anyway. It’s not needed in the policy. Just let us do our job</t>
  </si>
  <si>
    <t>Do we not do this already?  What’s the change?</t>
  </si>
  <si>
    <t>It’s not needed. I almost put percentages in 10-12</t>
  </si>
  <si>
    <t>Very difficult for K students to meaningfully reflect on learning, and understand the “goals” for improvement. It does not take into account children with special needs who are NOT designated. Many K parents feel K is “just” for play. The fall report is WAY TOO EARLY for Ks.</t>
  </si>
  <si>
    <t>I wish it had a highlighted background that showed the where your child is in relation to the widely held expectations.
Some criteria is too vague, eg “knows some letters”. Under this standard the students could be meeting expectations before they even begin!</t>
  </si>
  <si>
    <t>Letter grades can be curved and arbitrary. Actual feedback is so much better.</t>
  </si>
  <si>
    <t>More accurate than a precise grade. What is the different between 84 and 86% over 5 months? Way too much at stake for students and can not be that precise.</t>
  </si>
  <si>
    <t>A bit ridiculous for K’s. They all think they are good communicators, etc.</t>
  </si>
  <si>
    <t xml:space="preserve">Seriously for K’s? No student ever said “ I am going to remember to use an upper case letter for my first letter (in my name) only.”
Requiring this for Ks is not authentic. </t>
  </si>
  <si>
    <t>What about my Cat A students? If they have NO educational goals, how can I assess? I am not responsible for anything on the IEP because the student seizes daily, is blind and paralyzed, and does not communicate due to significantly reduced brain function. Inclusion is fine in theory, but this is not</t>
  </si>
  <si>
    <t xml:space="preserve">I would also eliminate goal setting and self assessment in K. I would remove the October requirement and move it to December. Then I would have a formative assessment in Dec, March, and a a final in June. </t>
  </si>
  <si>
    <t xml:space="preserve">Changing timetables but no flexibility in reporting schedules? No good! For policies to be effective they should be set by teams of ACTUAL WORKING PROFESSIONALS with current front-line experience. That is not what we're seeing with current curriculum design and process design. </t>
  </si>
  <si>
    <t>This change fixes none of the problems experienced by school staff and creates new ones. In the current situation we have a terrible curriculum, designed by senior bureaucrats ideologically opposed to public education. It was implemented without reporting or assessment strategies.</t>
  </si>
  <si>
    <t xml:space="preserve">(Your response spaces are too short. Continuing from above.) There needs to be a new and realistic curriculum design, beginning with the design of reporting processes that will allow coordination with employers, parents, and post-sec institutions, and be efficient for school staff to implement. </t>
  </si>
  <si>
    <t xml:space="preserve">So let's use 2 systems on a report? To add to the current parental confusion? No way  (Continued from above: One must design reporting first, then assessment, then curriculum. Otherwise you end up constantly patching a leaky boat, which is what this current effort and survey seem to be attempting. </t>
  </si>
  <si>
    <t>The current curriculum and its Core Competency - heavy design were intended to stray our focus away from actual competence, and ignores almost every principle of child development and psychology. Children will not magically have the capability of reflecting on the design and success (continued...)</t>
  </si>
  <si>
    <t>... cont.) of their own educational program. THey cannot, with the wave of a bureaucratic hand, become reflective, self-regulated and wise; they frontal cortex of the brain needs to be in place. Many are concrete, immediate, reactive, and the thinking behind core competencies does (...)</t>
  </si>
  <si>
    <t>... nothing to help them GROW OUT OF THAT MODE; it just confuses them with a bunch of language and posters. TEACHERS ALREADY know how to help children develop, so get the hell out of the way! Make sure education programs at university include lots of child development content, methods courses, ...</t>
  </si>
  <si>
    <t xml:space="preserve">See comments </t>
  </si>
  <si>
    <t xml:space="preserve">... and then let them do their jobs without so much evangelical imposed pro-d and micro-management. Let us respond to the kids in front of us, their needs. In response to your last question: I am in favor of student goal setting and self assessment and inclusion - but NOT AS PROVINCIAL POLICY!... </t>
  </si>
  <si>
    <t>Certain times of the year allow for more assessments than others. It wouldn't be equally weighted. It would feel we were constantly aiming for reporting instead of working to properly teach concepts.</t>
  </si>
  <si>
    <t>In middle years students respond to percentages amd letter grades. This scale would be hard for them to see movement if they were improving or not doing as well.</t>
  </si>
  <si>
    <t xml:space="preserve">Needed for university students. </t>
  </si>
  <si>
    <t xml:space="preserve">Grades along with feedback would be appreciated by students as it gives more background information on where they are at as students. </t>
  </si>
  <si>
    <t>Helps students understand their learning and their motivations.</t>
  </si>
  <si>
    <t>Makes students self aware.</t>
  </si>
  <si>
    <t>Especially younger students are not self aware of others differences. Having regular dialogue in class allows them to understand. For example skin coloir is not just peach colour.</t>
  </si>
  <si>
    <t>Current lack of emphasis or acknowledgment of how minority students are taught and white privilege as the general mindset.</t>
  </si>
  <si>
    <t>I use an online portfolio to communicate learning in a more timely manner.  This allows me to give more detailed feedback.  The two written reports are reminders to parents to check the online portfolio.  My answer would be different if I had to write additional summary reports.</t>
  </si>
  <si>
    <t>This language matches current understanding about the importance of a growth mindset.</t>
  </si>
  <si>
    <t>A written policy is not worth anything if it does not come with training and support.</t>
  </si>
  <si>
    <t xml:space="preserve">Reports need to give information about your child rather than being generic stamp that is given to all children. Each report we are given looks has had the same comments giving me no information about my child. 3 or 5 reports changes nothing if no new quality information is given.  </t>
  </si>
  <si>
    <t xml:space="preserve">Each grade the child is prepared for the next and goal of additional schooling and job. If we don’t teach them early they fail the second they go to the next grade or world. It’s important I know where my child is so I can intervene and provide support. 50% = meeting clearly they need assistance </t>
  </si>
  <si>
    <t>Letter grades should be all the way into elementary. The range for “meeting expectations” is so large that you don’t know when they are on the low end or high end. Either area you can push your child and have them strive for more. High end you child can’t take IB classes in grade 8</t>
  </si>
  <si>
    <t xml:space="preserve">Children need to prepare for the real world and you can’t give them all ribbons for trying. They need to learn that not everyone will get into university or a job. They can’t start in university learning percentages/grades. </t>
  </si>
  <si>
    <t xml:space="preserve">This is nothing but a waste of time. You can have your child make goals but to continually assess them self’s is pointless. Teachers need to give more meaningful feedback. </t>
  </si>
  <si>
    <t xml:space="preserve">In elementary goals need to be set by the ministry of education and teachers. Learning is in the teachers hands during that age </t>
  </si>
  <si>
    <t xml:space="preserve">Dyslexia is not included and children are suffering and falling through the cracks. </t>
  </si>
  <si>
    <t xml:space="preserve">Increasing now often you give us fluffy words doesn’t help us or our children strive for more or develop. </t>
  </si>
  <si>
    <t>When there are multiple reporting periods in a given year, this often makes the teaching revolve around the reporting timeline, rather than learning for students.  During this time, fewer personalized comments on success are given, as so much time is spent following the commenting for report</t>
  </si>
  <si>
    <t>The PPS is only helpful for some subjects - not all.  It is useful in the humanities and creative arts, but less so for mathematics.</t>
  </si>
  <si>
    <t>As a teacher of 17 years, self assessments for well to show reflective thinking, but is rarely accurate.  Students are either too easy or too hard on themselves.</t>
  </si>
  <si>
    <t>This policy should only be considered to be implemented AFTER covid is over.  The school system is exhausted, and has been continually adapting with this HUGE change of protocols over the last 18+ months.  Further change now seems pointless, and will lower morale and increase exhaustion.</t>
  </si>
  <si>
    <t xml:space="preserve">constructive criticism on how to improve. it is very difficult to gauge how well my child is doing and what exactly are the measurements </t>
  </si>
  <si>
    <t>hit and miss, depending on the teacher and their desire to teach and be an educator.</t>
  </si>
  <si>
    <t>keep letter grades!</t>
  </si>
  <si>
    <t>I’m happy with the reporting schedule the way it is right now.</t>
  </si>
  <si>
    <t>This should be an option. A lot of children find this formal type of feedback distracting and can be discouraging from doing the leaning that they are enjoying. I don’t see this as a benefit to the student- it’s meant to set standards for the government to use. Not helpful for this age group.</t>
  </si>
  <si>
    <t>I can see how this can be helpful but believe it should a be choice for the student.</t>
  </si>
  <si>
    <t>Why is this necessary????????</t>
  </si>
  <si>
    <t>Self assessment seems valid</t>
  </si>
  <si>
    <t>As long as there is flexibility. If the student changes their goals half way through the year that should never been seen as a negative outcome.</t>
  </si>
  <si>
    <t>I do not believe students k-9 need a proficiency scale</t>
  </si>
  <si>
    <t>I think it should be separated from grade 8-12 so students are able to understand that high school works on percentages, and not be shocked in grade 10. They need some sort of hard score whether letter grade or percentage in grade 8.</t>
  </si>
  <si>
    <t>Students need to be given a percentage for high school courses (especially academic based courses) which are required for post-secondary entrance</t>
  </si>
  <si>
    <t>This seems redundant and should already be accomplished in the comments section of a report card along with the student's percentage grade</t>
  </si>
  <si>
    <t>In theory - a great idea, but at high school level, if it is not required for graduation or post-secondary entrance student's have typically been rather apathetic towards this kind of self-assessment. I like the idea as it contributes to the idea of a growth mindset, just hope it will be pragmatic</t>
  </si>
  <si>
    <t xml:space="preserve">Great in theory again, but where are all these students who care so much about their own growth and learning? Where will the increased funding come from to ensure that students can get the technology, and opportunities required in order to pursue their passions? </t>
  </si>
  <si>
    <t>I think it’s the minimum we should be getting parental feedback</t>
  </si>
  <si>
    <t xml:space="preserve">Caters to the easily offended in a world where more objective reporting is standard </t>
  </si>
  <si>
    <t>Every self assessment I’ve seen to date is just what the child thinks the teacher or parent wants to see. Most too young for introspection or to have something to measure against to let them know how they are truly doing</t>
  </si>
  <si>
    <t xml:space="preserve">Too many kids who aren’t at either extreme are already neglected and Falling through the cracks </t>
  </si>
  <si>
    <t xml:space="preserve">Stop changing things so much. It’s like someone’s bored and decides to change things. Enough </t>
  </si>
  <si>
    <t>I appreciate the descriptive feedback,  ...it helps me with assisting my child with their learning journey and way to improve</t>
  </si>
  <si>
    <t>I appreciate this as it helps my child take ownership of their learning journey</t>
  </si>
  <si>
    <t>I am very satisfied with the proposed changes and feel they are overall very beneficial!</t>
  </si>
  <si>
    <t>I appreciate that it is a MINIMUM of five reports which allows schools to go above and beyond throughout the year to communicate with families.</t>
  </si>
  <si>
    <t>I support standards-based approaches to learning.  Grades do not promote growth.</t>
  </si>
  <si>
    <t>Grades are biased and not objective.</t>
  </si>
  <si>
    <t>Need to align with the current reporting structure for graduation assessments (Literacy 10, Literacy 12 and Numeracy 10) which are noted by level of proficiency.  The four-point scale is much more valid and reliable than a 100-point letter grade scale.</t>
  </si>
  <si>
    <t>The two face-to-face feedback session (parent-teacher conferences) serve almost no useful function, and has the highest attendance by parents whose children need the least help.</t>
  </si>
  <si>
    <t>I am very glad not to have to give a letter grade, or a percentage.</t>
  </si>
  <si>
    <t xml:space="preserve">Literature on learning shows that comments are basically ignored if a letter grade or percentage is given at the same time. </t>
  </si>
  <si>
    <t>If we include the proficiency scale, a letter grade, a percentage, and comments, many students and parents are going to be confused, and likely just look at the percent/letter grade.</t>
  </si>
  <si>
    <t>Self-reflective learning is very important.</t>
  </si>
  <si>
    <t>Students should know what is important to them, and work towards those things.</t>
  </si>
  <si>
    <t>There is very vague, and provides very little guidance on _how_ we should be inclusive.</t>
  </si>
  <si>
    <t>The research has shown over and over that letter grades and percentages are some of the most useless feedback that can be provided if your goal is to communicate a student's learning.</t>
  </si>
  <si>
    <t xml:space="preserve">No time given for the enormous amount of effort needed.  We ate professionals that can make professional judgements of when assessments and reporting is needed.  Communication with parents and students is key... not mandatory reporting. </t>
  </si>
  <si>
    <t xml:space="preserve">Universities require letter grades and percentages. Parents and students have trouble understanding the language around these proficiencies. </t>
  </si>
  <si>
    <t xml:space="preserve">This is what universities still require and what everybody understands. </t>
  </si>
  <si>
    <t>This should be optional.</t>
  </si>
  <si>
    <t xml:space="preserve">This should be students choice and optional or a discussion with the teacher, not mandatory. </t>
  </si>
  <si>
    <t>Having 3 written reports &amp; additional communications is too challenging to complete. In the fall our SD requires us to complete: a reading assessment, a numeracy assessment, FSA (Gr 7) plus our assessment required to inform our teaching. I lack instructional time to provide a complete report card</t>
  </si>
  <si>
    <t>As I don't teach this area it is difficult to provide an informed response</t>
  </si>
  <si>
    <t>This is a difficult thing for students to assess and often they neglect to see where they require more growth.</t>
  </si>
  <si>
    <t>As stated above there is a lack of instructional time to accurately assess student abilities with a report card written in November. Too many additional assessments are required without the time needed to review from the past year, honour days of learning (Terry Fox, Truth &amp; Reconciliation) etc</t>
  </si>
  <si>
    <t>WHEN do teachers complete all of this reporting?  Weeknights/weekends?? Drowning in school paperwork, pupil assessments, lesson prep, ongoing communications of learning/plus reporting, goal setting, phone calls, e-mails, in-class teaching/Google Classr. We have our own families too! NOT HEALTHY.</t>
  </si>
  <si>
    <t>Students in Grade 4 and up are begging for letter grades again - they mean more to them because it is clear to understand.  Em/Dev/Pro/Ext NOT FOR HIGHSCHOOl. 10 UBC courses just completed - were all assessed according to letter grades.  Highschool needs to match up with post-secondary institutions.</t>
  </si>
  <si>
    <t xml:space="preserve">Post-secondary institutions still follow the letter grade/percentage system.  </t>
  </si>
  <si>
    <t>When are teachers supposed to complete all of this extra paper reporting for families - families who are already sick of all of the paperwork that comes home now.  "It just goes right into my recycling." We have to sacrifice our own families to complete all of this paperwork that parents do not want</t>
  </si>
  <si>
    <t xml:space="preserve">We already have students self- assessing, goal setting according to the Core Competencies - ONGOING COMMUNICATIONS OF LEARNING.  
Is this about making teachers even more accountable than they already are? We work SO HARD for our students/families already.  When is it too much???  </t>
  </si>
  <si>
    <t>Let's let children learn to develop their voices in self-advocacy, self-reflection, gentle goal setting. Can we have our younger students just enjoy learning and teachers enjoy teaching rather than analyzing everything? Look at societal issues in our world - priority for students is SOCIAL/EMOTIONAL</t>
  </si>
  <si>
    <t>Teachers and students already have the MOST incredibly inclusive, beautiful, respectful, nurturing classrooms/assessment. We need more EA's to support our learners with disabilities and diverse abilities. Everyone is being pushed to their limit so the children do not suffer.</t>
  </si>
  <si>
    <t>Will teachers be given time to complete all of the above expectations for the 2022/2023 proposed reporting expectations during school hours???  Why do we keep on having to sacrifice our own families in order to complete an Everest of "paperwork" that already exhausts and overwhelm parents.</t>
  </si>
  <si>
    <t xml:space="preserve">Excessive for teacher. Parents only need one midterm. </t>
  </si>
  <si>
    <t xml:space="preserve">Rubrics are nonsense and are easily manipulated to make parents and principals happy , despite being difficult to comprehend and too much work for teachers. Teachers need their time for planning lessons. </t>
  </si>
  <si>
    <t xml:space="preserve">Letter grades but to the chase. </t>
  </si>
  <si>
    <t xml:space="preserve">Which guru is pushing this nonsense. Busy work for the teacher that will take up inordinate amounts of time without improving learning. </t>
  </si>
  <si>
    <t xml:space="preserve">Should be done with the parent/ caregiver. Onus needs to be on the student doing this at home with parents before getting the assessment from the teacher. The ticket to receiving the assessment. </t>
  </si>
  <si>
    <t>My comments on the K-12 Reporting Policy survey.
A secondary school teacher has 120 students in one semester and 90 in the next. Having to provide detailed, written reports for all those students will take enormous amounts of time when existing time is insufficient to support all that is needed for</t>
  </si>
  <si>
    <t>Too many and no time provided for teachers</t>
  </si>
  <si>
    <t>Scale is already used and makes sense</t>
  </si>
  <si>
    <t xml:space="preserve">Schools need to be moving away from letter grades and percentages </t>
  </si>
  <si>
    <t>Only scale should be used</t>
  </si>
  <si>
    <t>Too many mixed messages with core competencies. Told we have to include them in everything, but no real guidance in how to do so</t>
  </si>
  <si>
    <t>Great idea. Taking ownership of their own learning is important</t>
  </si>
  <si>
    <t>Obviously…</t>
  </si>
  <si>
    <t>Already stated. Ridiculous idea. Teachers don’t get paid enough and are already short on time</t>
  </si>
  <si>
    <t>I feel that teachers are spending more time reporting rather than teaching. Constantly teaching to assessments is a waste of learning time and teacher’s time as well. As a parent, I’m only interested in the two report cards a year. The rest is moot.</t>
  </si>
  <si>
    <t>This is really no different than letter grades in terms of student’s self-esteem. All this has done is make things less concrete and more subjective. Way less consistent. As John Oliver would say…..frowning walrus. Ridiculous.</t>
  </si>
  <si>
    <t>Students in this age group are potentially competing with students from other provinces who have higher standards than here. (I have taught in both Ontario and NS) Our students deserve to enter post-secondary on a level playing field.</t>
  </si>
  <si>
    <t>Ridiculous. See my prior comments. What a laughing stock we must be….:</t>
  </si>
  <si>
    <t>Meh. I feel personally that this is a parent’s job. I know as teachers we need to reinforce it but this should come from the home.</t>
  </si>
  <si>
    <t>Younger students struggle with this concept.</t>
  </si>
  <si>
    <t xml:space="preserve">Teachers are burnt out trying to meet the individual needs in the classroom. Having separate reporting standards on top of that is insanity. The burnout rate will be high. </t>
  </si>
  <si>
    <t>Explained in earlier comment.</t>
  </si>
  <si>
    <t>As an educator, keeping my students' families well informed in regard to their child's progress throughout the school year plays a critical role in my students' overall level of success. These 5 reporting events play a very important part in the home-school communication loop.</t>
  </si>
  <si>
    <t>I have already shifted my teaching, assessment and reporting practices to a similar four point scale. I have reservations about using the word 'extending' for the top tier of this scale, as I currently use this term to indicate a 5th level of my own scale to indicate self-pursuit beyond grade level.</t>
  </si>
  <si>
    <t>I am not a high school teacher, nor a parent of a high school student, so I do not feel like my opinion is valid in regard to what reporting method is used at this level of schooling.</t>
  </si>
  <si>
    <t>It is already a part of my practice to have my students set personal goals for themselves in terms one and two of the school year informally. I only have them set and reflect upon a goal formally in the final term and this is something that I have always included in their year end report card.</t>
  </si>
  <si>
    <t>This is something that I do personally and professionally myself, and I see the value in developing goal setting skills/growth mindset in our students. My hesitency with this revolves around a concern about the challenges that primary teachers will have with genuine and meaningful goal setting.</t>
  </si>
  <si>
    <t>This is what I strive to do already and I feel that it is important that this is a collective practice across the profession.</t>
  </si>
  <si>
    <t>I feel that all of the elements of the proposed plan have value. Any reservations that I have are mainly for early primary teachers, as students of this age range will likely struggle with the goal setting and self assessment pieces making this a heavier load for those educators in particular.</t>
  </si>
  <si>
    <t xml:space="preserve">These scales do little other than confirm the dumbing down of our curriculum. No one can fail then? I've been a teacher for a long time and I want all my students to be successful but it's a fact that sometimes, a student's skills are not good enough to pass a course. </t>
  </si>
  <si>
    <t>Letter grades and percentages make sense to people and they translate well for post-secondary. Using juvenile rubrics for a few years is pointless when the letter grade and percent will be needed for students to move on past secondary school.</t>
  </si>
  <si>
    <t>See comments above. These scales are useless when it comes to real world progress (vs just getting a participation ribbon for everything one tries).</t>
  </si>
  <si>
    <t>Core competencies feels like a backwards step that dumbs down what is actually being done in schools. And like it was thought of by folks who clearly don't know what it's like to teach kids on a daily basis. I'm sure someone gets paid handsomely for it but c'mon...</t>
  </si>
  <si>
    <t>When students are new to a subject, how do they know what goals they want to set? It really feels like tools that *might* be useful for elementary school is attempting to be forced on secondary and it won't work.</t>
  </si>
  <si>
    <t>This is a poorly worded question. I don't know a teacher who doesn't want inclusive education in theory but losing Communications 11/12 to support students with developing skills in English is a travesty. The impact has been crushing on classes since the course was closed; yet we still offer Honours</t>
  </si>
  <si>
    <t>Again, there's no point to these juvenile rubrics when we need to provide letter grades and percents for post-secondary admissions. This will be something that further divides the private and public systems - private will spurn the rubrics and parents will choose private as a result.</t>
  </si>
  <si>
    <t>I'm not happy with how the reports are done. They don't provide much constructive feedback, but rather very wishy-washy "everything is wonderful". When the schools closed for COVID and we all had to homeschool for a few months, I discovered that my child was 2 grades behind which I wasn't told befor</t>
  </si>
  <si>
    <t>This scale doesn't provide enough background. My child has said for the past 2 years they don't understand the math, they've told their teachers that. They are struggling in math but the teacher lists them as "proficient" on each reporting period. How is that helping my child?</t>
  </si>
  <si>
    <t xml:space="preserve">I strongly support letter grades as helpful in having kids learn to accept ratings like that which can be common in some workplaces. I wish that letter grades were used from grade 6 and up. </t>
  </si>
  <si>
    <t xml:space="preserve">My child has been allowed, by the teachers, to put down as little as possible on his self-assessment. This is only as good as the teacher/instructor having kids actually put in the thought and work. </t>
  </si>
  <si>
    <t xml:space="preserve">My child has been a part of this for the past couple of years as part of the pilot. There was little follow-up by the teachers on the goal and the goals were never met. The child even admitted that but no follow-up happened. </t>
  </si>
  <si>
    <t xml:space="preserve">Letter grades starting in grade 6 </t>
  </si>
  <si>
    <t xml:space="preserve">Suddenly switching a kid from the proficiency system to grading in grade 10 seems like adding a stress that they should have experienced prior to grade 10. </t>
  </si>
  <si>
    <t>I want teachers to have time to teach as well as report. Reporting takes a lot of time away from providing time to teach the students</t>
  </si>
  <si>
    <t>It places student learning on a spectrum personally according to their abilities</t>
  </si>
  <si>
    <t>Students are being taught to reflect on themselves</t>
  </si>
  <si>
    <t>This is an IEP. Students already fo tjis in their core competency reflections. It would be impossible to report on this accurately while also teaching. There isn't enough time unless class size limits are cut in half.</t>
  </si>
  <si>
    <t xml:space="preserve">This is already happening in schools. </t>
  </si>
  <si>
    <t>It's too much already.</t>
  </si>
  <si>
    <t>There isn't enough time to teach, assess and report with large class sizes.</t>
  </si>
  <si>
    <t>Everyone ignores report cards because they’re designed to obscure understanding so nobody gets critical feedback. Plus, it’s a giant pain to find them online. I haven’t looked at my kids’ report cards in four years. Also, where’s the reference work so you can tell what each assessment looks like?</t>
  </si>
  <si>
    <t>Teachers aren’t allowed to write constructive criticism, so it’s impossible to tell if your child is doing well. Show us the task done at each assessment level and our kid’s work so we can tell what all that CYA-bureaucratese actually means. ‘Developing’ and ‘Emergent’ are meaningless jargon.</t>
  </si>
  <si>
    <t>At least letter grades are clear to parents. Why make up a bunch of jargon that parents and higher education/training institutions find meaningless? There are still 4 categories - A,B,C,F - so why mess around with Emerging etc? Parents just want to know if their kid’s working hard and able to learn.</t>
  </si>
  <si>
    <t xml:space="preserve">It’s obstructive and meaningless in K-9, so definitely don’t continue it in 10-12. Besides, teachers already let kids watch movies the whole last week of a term because there’s physically not enough time to write one assessment version, let alone two. </t>
  </si>
  <si>
    <t>This is absolutely useful for students, and should include the changes they'd make if re-doing the task, regardless of the DEEP (Developing, etc) term/level they link their work to. Teachers then DON’T need to descriptively assess unless they disagree. Initial or sign with very short note only.</t>
  </si>
  <si>
    <t xml:space="preserve">That’s a ridiculous thing to add to the already overburdened, undersupported students and staff. The curriculum is insanely full as it is, and the ability to make and monitor goals like that is non-existent for most classrooms in public education in BC. Halve class sizes and they could do it. </t>
  </si>
  <si>
    <t>Once students start to receive sufficient and consistent learning supports, then you can worry about reporting on it. Integrate assessment and support with funding in schools. BC schools are MASH units. Reporting like they're not is just lying.</t>
  </si>
  <si>
    <t xml:space="preserve">Stop making it hard for parents to understand, follow, and care about their kid’s progress in school. </t>
  </si>
  <si>
    <t>The value of the proposed reports depends on the ability of each student to actively work on addressing deficiencies. After decades of chronic under-funding, there is little to no support available in the school system.</t>
  </si>
  <si>
    <t>As stated above, placing students on a scale of development is meaningless when support is not available. Chronic under-funding places a disproportionate responsibility on teachers who do not have the time or funding to support each student's needs.</t>
  </si>
  <si>
    <t>Letter grades are mandatory for post-secondary education. Until this changes it is an irrelevant argument on whether they should be used in secondary school.</t>
  </si>
  <si>
    <t>More window dressing suggesting that the province is interested in enhancing learning experiences for children, but failing to provide any additional support that would require funding.</t>
  </si>
  <si>
    <t>Student self-assessment will likely be predictable based on their socialized belief that a higher grade is better. Unfortunately, the academic system is designed to only allow a few students achieve these grades.</t>
  </si>
  <si>
    <t>Personalized goals are being encouraged, but limited within the scope of public education. If the education system was designed to allow individualized learning this would be a noble and necessary step. Unfortunately, the current system is a far cry from individualized.</t>
  </si>
  <si>
    <t>The idea of a diverse and inclusive classroom is contingent on having necessary support in the classroom. Decades of under-funding has clearly demonstrated that the provincial government has no interest in providing this support and instead compromises every students education.</t>
  </si>
  <si>
    <t>Every portion of this proposed policy demonstrates a fundamental lack of understanding of our education system's issues. Without increasing classroom learning support, additional reporting is a waste of time and places an additional demand on already strained resources.</t>
  </si>
  <si>
    <t>I don't believe percentages accurately reflect student achievement. I feel they are arbitrary and that, because they exist, too much weight is put on them from other areas of the community.</t>
  </si>
  <si>
    <t xml:space="preserve">Not suitable for early primary (k-3).  It seems more like a middle-years model with interim reports.
I am a teacher and a mom.  A report with anecdotal comments mid-year and end-of-year, telling parents their child's strengths and stretches is what parents want.
</t>
  </si>
  <si>
    <t>The four-point scale is fine; however, if there is a range within each point (Emerging, Developing, etc), then make it clear and concise by having set points within each of the four points so that it isn't "guess" work for the teacher or the parent.</t>
  </si>
  <si>
    <t>Thank goodness!!  All this talk of getting rid of letter grades!  What!?!  Post-secondary institutions require this. Also, percentages are specific and clear.</t>
  </si>
  <si>
    <t xml:space="preserve">I don't think this is necessary.  Letter grades and percentages say it clearly.  However, high school teachers are notorious for VERY brief written comments regarding engagement and behaviour, etc.  Why is this allowed?  Parents of high school students want more anecdotal comments, please!  </t>
  </si>
  <si>
    <t>In grades K-2 this is like pulling teeth!!!!!!!  This ends up being mostly just teachers putting words into the student's mouth.
As for high school, I did not even look at this for my kids when it came home...into the recycle bin it went.  And, my kids thought it was a waste of time too.</t>
  </si>
  <si>
    <t>Students can and should set goals....but why does it need to be reported on?</t>
  </si>
  <si>
    <t xml:space="preserve">I'm not sure I understand this one.  Parents should be told where their children are at.  </t>
  </si>
  <si>
    <t>This reporting method is too complex and hard to keep track of what's been reported on and what hasn't. Keep it simple for teachers and parents: two anecdotal reports telling parents where their child is at. Reporting shouldn't be such a huge part of the job.  Let teachers TEACH so kids can learn.</t>
  </si>
  <si>
    <t xml:space="preserve">Updates can also be viewed online in most cases, talking with your kids gives you a good idea how they are doing </t>
  </si>
  <si>
    <t>It doesn't help students prepare for senior classes or university.  Understanding where you sit on a widely used scale around the world helps you to understand where you are and learning that if you fail you must learn from it and then try again</t>
  </si>
  <si>
    <t xml:space="preserve">Percentages are needed to know if you are on the right track, if your level of ability translates into success in university </t>
  </si>
  <si>
    <t>It's too vague and not at all realistic.   Students will find percentages in University and be discouraged and unable to properly understand how those percentages translate to their programs.  Not having percentages puts BC kids at a disadvantage if they apply to post secondary outside of BC</t>
  </si>
  <si>
    <t>It's good to be self aware, this can be done informally though</t>
  </si>
  <si>
    <t>Goals are important but don't need reporting on</t>
  </si>
  <si>
    <t>We already do this</t>
  </si>
  <si>
    <t>We have to help students transition better.  When they can't fail grade 8 and 9 and then enter say math 10 they are often in over thier head and struggle neddlessly as for the first time they are externally accountable.   Sadly this happens the first year that universities see their grades.</t>
  </si>
  <si>
    <t xml:space="preserve">I think 2 report cards/year is sufficient. Additional communications as needed/ongoing throughout the year. An additional written Summary of Learning sounds like a lot of extra work and essentially asking for another report card.   </t>
  </si>
  <si>
    <t xml:space="preserve">It’s fine. Although parents don’t seem to concerned with the language choice and focus on where on the continuum their child is. 
I like the use of a bar to show where on the continuum students are. </t>
  </si>
  <si>
    <t xml:space="preserve">I don’t teach this grade. </t>
  </si>
  <si>
    <t xml:space="preserve">Only if there was training on how to integrate this meaningfully. </t>
  </si>
  <si>
    <t xml:space="preserve">A lot of work to facilitate in primary grades. Would not be feasible without additional support for 1 to 1 time. </t>
  </si>
  <si>
    <t xml:space="preserve">Not everything can be inclusive (?) 
Different assessments makes sense depending on the learner. </t>
  </si>
  <si>
    <t>Less formal reporting</t>
  </si>
  <si>
    <t>Teachers are already overworked and the amount of time and detail this would take would require a significant amount of out-of-class (time spent to improve our mental health). Students are already receiving consistent formative and summative feedback. This is  new proposal is completely unnecessary.</t>
  </si>
  <si>
    <t>Whether or not this number of reports is reasonable depends on the requirements. Also, reporting is only a minimally effective tool for improving student learning, so it should not be given undue attention in the educational plan.</t>
  </si>
  <si>
    <t>Preferable to letter grades and percentages. Readily used with rubric descriptors. All grading systems have their pros and cons, but at least this one takes away the phoney ´numbers game.’</t>
  </si>
  <si>
    <t xml:space="preserve">Percentages snd letter grades based on them are subject to unsound weighting practices and the imposition of zeros. Most often these tend to distort rather than reflect student learning. A conglomerate mark that includes past performance and disparate assessments can be very flawed. </t>
  </si>
  <si>
    <t xml:space="preserve">See above re percentages (especially) and letter grades based on or representing percentages. Image thé algebra test in September averaged in with the geometry project in October, including the missed measurement quiz in November, etc. It represents record keeping, not learning. </t>
  </si>
  <si>
    <t>Self-assessment can be helpful for student reflection. It can also be a hoop jump to meet a mandatory expectation. Or an exercise in self-deprecation or self-agrandissement. It may or may not be effective at improving learning. Where is the reliable, widely peer-reviewed research?</t>
  </si>
  <si>
    <t xml:space="preserve">See comments on self-assessment above. Will the teacher time used for monitoring this, the student learning time used for this, be somehow replaced? Or thé expectations of class time and subject area assignments be reduced to accommodate this? </t>
  </si>
  <si>
    <t xml:space="preserve">Thé need for this is actually one of the big reasons why percentages and letter grades berg to be abandoned altogether. </t>
  </si>
  <si>
    <t xml:space="preserve">The reasons are in my comment boxes and decades of focused work on assessment in my career. After 40 years as an educator I have seen—and be required to use—many systems. Thé most effective is the student/patent/teacher interview with a folder of the student’s work at hand. </t>
  </si>
  <si>
    <t xml:space="preserve">All work gets saved up until a reporting period comes around and then it is sent home to “report” to me how my child is doing only the grading is meaningless and doesn’t tell me enough.  In the last work would come home as it was marked so I could see how my child is doing much sooner  </t>
  </si>
  <si>
    <t xml:space="preserve">Useless to me. Every kid pretty well fits proficient it says nothing to me. Too many levels of skill fit into those four categories and when a letter grade is given you can more easily tell how proficient a child is or how close to proficient a child is. </t>
  </si>
  <si>
    <t xml:space="preserve">Clear understanding of how my child is doing </t>
  </si>
  <si>
    <t xml:space="preserve">Tells me nothing
</t>
  </si>
  <si>
    <t>Kids hate it and although my kids co continuously have to complete self assessments it never seems to help them at all. They are just doing them to get them done</t>
  </si>
  <si>
    <t xml:space="preserve">Schools don’t meet the needs of diverse learners in any event. I’m not sure how a child can be graded accordingly. You’re either proficient or not. It shouldn’t be about if your proficient for your capabilities. We need to k ow how ready our kids are for the real world. </t>
  </si>
  <si>
    <t>Letter grades for all of grade 4-12</t>
  </si>
  <si>
    <t xml:space="preserve">This is way too much extra work for teachers. It also defeats the purpose of using a digital platform like FreshGrade, as we are doing all these written reports already. In a time where technology is prevalent in everyone’s lives, we should be moving away from written reports. </t>
  </si>
  <si>
    <t xml:space="preserve">This seems the same as it currently is. </t>
  </si>
  <si>
    <t xml:space="preserve">This never seems to go well and young students or ELL students don’t understand it. </t>
  </si>
  <si>
    <t xml:space="preserve">All these goals are too wordy for elementary students. </t>
  </si>
  <si>
    <t xml:space="preserve">Teachers are already expected to do more than is physically possible to accommodate all students. Anymore emphasis on universal design for learning is again placing blame on teachers for not adapting things enough when really the government should be providing more funding for EAs. </t>
  </si>
  <si>
    <t xml:space="preserve">This is the one that seems to be the main part changing. Five reports periods and three written reports is too much extra work for teachers and they often go unread anyways. </t>
  </si>
  <si>
    <t xml:space="preserve">Two mandatory written reports would take a ridiculous amount of time to create plus a summative written feedback </t>
  </si>
  <si>
    <t xml:space="preserve">I think a lot of parents still do not understand this rating scale </t>
  </si>
  <si>
    <t>Parents and students do not care about this assessment at all</t>
  </si>
  <si>
    <t xml:space="preserve">This is hard for kids </t>
  </si>
  <si>
    <t>Concern is the written reports and the lack of time given to make them meaningful especially at the highschool level</t>
  </si>
  <si>
    <t xml:space="preserve">Lack if guidance- as to what these actually look like and what is considered "passing" for the next level </t>
  </si>
  <si>
    <t>It is the same as what exists but lack of consistency in regards to highschool grades</t>
  </si>
  <si>
    <t xml:space="preserve">Extra work with no extra time provided </t>
  </si>
  <si>
    <t>Extra work and time taken away from instructional time- benefits do not outweigh the costs</t>
  </si>
  <si>
    <t>Goal setting is important- extra reporting without extra time is unrealistic and will result in reduced value</t>
  </si>
  <si>
    <t>Important to differentiate but lack of time and resources puts unreasonable burden on classroom teacher</t>
  </si>
  <si>
    <t xml:space="preserve">Provision for time throughout the year for increased reporting to be completed </t>
  </si>
  <si>
    <t>Teachers are overwhelmed with extra demands and no extra time. Insufficient time given at reporting times and end of year.</t>
  </si>
  <si>
    <t>I feel this question is entirely biased, as it is assumes a year-long and linear learning program - for which 5 makes sense. But there is no allowance for schools that may be running a semester system - in which case 5 reports is not helpful - there are 2 semesters and likely to be 6 reports (3/sem)</t>
  </si>
  <si>
    <t>In general, I feel the idea of descriptive feedback is relevant and appropriate for an elementary school setting (1 teacher for 30 students).  In a secondary school, the teacher may teach over 200 students/reporting period, and the expectation for descriptive feedback to this degree is unreasonable.</t>
  </si>
  <si>
    <t xml:space="preserve">Parents, students and post-sec institutions will want a numerical indication of how that student has performed.  It determines the caliber of student programs they are able to run, and allows for students to choose meaningful and approriate pathways for success. </t>
  </si>
  <si>
    <t>The proficiency scale descriptors are too vague to be applied in an academic course in any meaningful way.  They are broad strokes, which can work for junior grades, but in 10 - 12, many students are looking for a competitive edge as they consider post-sec and this feedback is not meaningful.</t>
  </si>
  <si>
    <t>Again, some course lend themselves well to this type of reflection, but others do not.  What does personal and social awareness look like in a senior chemistry or senior math class?     This type of reflection is about each student as a WHOLE learner...perhaps best NOT tied to "reporting periods"</t>
  </si>
  <si>
    <t>A student will not be able to do this independently!  What time commitment does this demand?  For a group of 30 students to each meet with a teacher it will take dozens of hours.  For a secondary teacher with over 200 students it is completely unreasonable and un-doable in any meaningful way.</t>
  </si>
  <si>
    <t xml:space="preserve">Who decides the "individual needs"?  The parents, the students?  The teacher will plan for assessment and evaluation, but the degree of "fully responding to individual needs" is a saintly-task.  Inclusion is not a "one-size fits all" principle - which requires allowing for diversity.  </t>
  </si>
  <si>
    <t>I do not feel this can be done well in situations where one teacher has multiple levels of courses they teach (eg. gr8, and gr 12 academic).  There is a vastly different focus at these grade levels, and how does a student "set goals" at the start of a course when they have no context?</t>
  </si>
  <si>
    <t>I fear the two additional learning updates will be significant more work for teachers. You have no provided any examples, such as interim reports, parent conferences (more than the twice currently), and progress reports. What is the expectation to show we’ve satisfied the additional learning updates</t>
  </si>
  <si>
    <t>I like using the proficiency scales. However, in the last few years, I have noticed parents aren’t reading the feedback or understanding. It is significantly  more work for teachers with very little return on investment .</t>
  </si>
  <si>
    <t>Will teachers be required to give feedback and progress reports in these grades?</t>
  </si>
  <si>
    <t>If you are assessing their proficiency that does not translate to a grade. You’re doing a disservice to the proficiency levels if now there is a grade. Students will be very concerned with the grade at the end of the year.</t>
  </si>
  <si>
    <t>Self reflection is a skill that students struggle to posses, it takes a lot of teaching. In addition, some students aren’t ready cognitively to reflect accurately. This assumes all students have the fine motor skills to write.</t>
  </si>
  <si>
    <t xml:space="preserve">Depending on the frequency of goal setting, it can be beneficial. Similar to above, goal setting is a skill and many students k-7 are still learning it. It would be unfair to have the students create an academic, social goal if they are cognitively able too. </t>
  </si>
  <si>
    <t xml:space="preserve">In theory this sounds like a positive idea. However, it would require substantial funding and training for it to be implemented successfully </t>
  </si>
  <si>
    <t>I am incredibly hesitant with this new reporting as there is very little concrete examples or information. I fear there will be a greater expectation on teachers with out a lot of parental engagment</t>
  </si>
  <si>
    <t xml:space="preserve">I appreciate the requirement that reporting must happen by the time students have completed 25% of their learning in a subject area--- I think it's important for families and students to have that feedback early on in the year.  5 reporting events provides regular, consistent feedback. </t>
  </si>
  <si>
    <t xml:space="preserve">We have been using a 5 point scale for the past four years and we would prefer to have the option of keeping the 5 point scale.  We have worked hard to provide clear descriptive language for each of the 5 points in order to clarify the growth from emerging-developing-meeting-proficient-extending. </t>
  </si>
  <si>
    <t xml:space="preserve">I understand why Grades 10-12 require grade letters/percentages but would prefer a stronger stance from the MoE on using the proficiency scale for all Grade 10-12reporting events except for the summative report.  I don't believe we will be able to shake "old school" methods of assessment otherwise. </t>
  </si>
  <si>
    <t xml:space="preserve">I find this option confusing.  Would schools need to provide both grades/percentages and the proficiency scale for each Grade 10-12 reporting event?  I don't think that's realistic. I would prefer more clarity and clear expectations on when to use the proficiency scale with Grade 10-12 students.  </t>
  </si>
  <si>
    <t xml:space="preserve">I like this idea but it will be a definite adjustment to provide student self-assessment and reflection for all reporting events.  It takes a lot of time to collect this information and I think teachers could have difficulty with the frequency of this expectation.  </t>
  </si>
  <si>
    <t xml:space="preserve">I am glad that the MoE is requiring this for all students K-12.  I think it is a helpful way to have students engage in their own growth as learners. </t>
  </si>
  <si>
    <t xml:space="preserve">We have been discussing this policy in relation to some of our students who are on completing modified goals and/or are completing an Evergreen school completion certificate.  It's not entirely clear to us how reporting will work (especially in relation to the new CB-IEP requirements). </t>
  </si>
  <si>
    <t xml:space="preserve">I would prefer the proficiency scale to be a requirement for some Grade 10-12 reporting events and for grades/percentages to be a requirement for the summative reporting event (or for reports at the end of each semester).  Also, we would like the option to address reporting comments to students.  </t>
  </si>
  <si>
    <t xml:space="preserve">This reporting looks like it greatly increases workload on teachers who are already hanging on by a thread with few supports during Covid (which magically doesn’t spread in schools)
Whose genius idea was it to introduce this during a pandemic when most staff are barely treading water?  </t>
  </si>
  <si>
    <t xml:space="preserve">Again more work for teachers during a pandemic.   Such an obvious disconnect down in
Victoria to even fathom doing this during a pandemic.  Teachers are propping up the whole system with no support right now </t>
  </si>
  <si>
    <t xml:space="preserve">More work for report cards.   Great. </t>
  </si>
  <si>
    <t xml:space="preserve">Seems pretty vague.  How do you see this actually being implemented? </t>
  </si>
  <si>
    <t xml:space="preserve">Again pretty vague </t>
  </si>
  <si>
    <t xml:space="preserve">Does anyone who proposed these changes understand how much work report cards are already? </t>
  </si>
  <si>
    <t>Neutral adjective 1.not helping or supporting either side in a conflict, disagreement, etc.; impartial.
This scale is misleading and therefore will not provide accurate data. Extremely disappointing that our educators would make such a mistake.</t>
  </si>
  <si>
    <t>Neutral adjective 1.not helping or supporting either side in a conflict, disagreement, etc.; impartial. This scale is misleading and therefore will not provide accurate data. Extremely disappointing that our educators would make such a mistake.</t>
  </si>
  <si>
    <t>German</t>
  </si>
  <si>
    <t>Self Assessment of performance in Core Competency areas is not developmentally appropriate for K-2 students. Each year, as teachers, we have to walk through the process with students extremely slowly and essentially script responses for them. It wastes valuable classroom time.</t>
  </si>
  <si>
    <t xml:space="preserve">As above, for K-3 students it is extremely challenging to set unique goals for themselves. Additionally, this new reporting format already doubles the time needed to write report cards and teachers are not given sufficient paid time to complete this required task. </t>
  </si>
  <si>
    <t>Length of report card. Teachers are given half a day for Report Card prep (&amp; no prep in Term 3). This is entirely unacceptable since it is a required task for our job. I already spent 3 entire weekends (12hr days) writing the old format, this new format takes me much longer. Teachers need to be provided paid time to complete this task, especially if the reporting format continues to become lengthier and more complex.</t>
  </si>
  <si>
    <t>Length of report card. Teachers are given half a day for Report Card prep (&amp; no prep in Term 3). This is entirely unacceptable since it is a required task for our job. I already spent 3 entire weekends (12hr days) writing the old format, this new format takes much longer. See notes above.</t>
  </si>
  <si>
    <t xml:space="preserve">I find this method very confusing.  What's wrong with letter grades.
</t>
  </si>
  <si>
    <t>Letter grades are good enough.  They are clear.</t>
  </si>
  <si>
    <t>I don't see the point in this.</t>
  </si>
  <si>
    <t>make assessment for K-9 less wordy.  What about a checklist?</t>
  </si>
  <si>
    <t>As a teacher with 150 students, I worry that I won't have the time to effectively provide feedback to my students with the proposed document.</t>
  </si>
  <si>
    <t xml:space="preserve">After using Emerging, Developing, Proficient and Extending, students quickly equated those to letter grades. For all the time and effort I put in as a teacher to give them feedback, they didn't read nor take those words into account.  </t>
  </si>
  <si>
    <t>Percent and letter grades are what parents and students are used to.  This needs to continue to support students to enter into post secondary.</t>
  </si>
  <si>
    <t xml:space="preserve">I still worry we won't have the same standards amongst classrooms for all students.  </t>
  </si>
  <si>
    <t>We have been trying this for 4 years now.  It is extremely difficult to get students to buy into something they see as another hoop to jump through.  They don't value it, even though I try throughout the year to show them the value, therefore they rush and do it just to get it done.</t>
  </si>
  <si>
    <t xml:space="preserve"> My job as a teacher is to prepare them for the next year and it's a struggle to get students through the curriculum.  Adding time to set goals and discuss that with them so they value it, seems like one more thing to do.
</t>
  </si>
  <si>
    <t>I am already doing this within my classes.</t>
  </si>
  <si>
    <t>I appreciate that standards would be set for K-9, but still hard to enforce with people's own biases.</t>
  </si>
  <si>
    <t>It is the same as before.</t>
  </si>
  <si>
    <t>Same as I've been doing as a kindergarten teacher in my district.</t>
  </si>
  <si>
    <t>Think this is appropriate for grades 10-12.</t>
  </si>
  <si>
    <t>Not sure this is necessary with letter grades.</t>
  </si>
  <si>
    <t>Think this is a great idea except this would be challenging to do in Kindergarten. Kindergarten should be a year to introduce them to the core competencies, not assess them all year. A year end student self-assessment is appropriate.</t>
  </si>
  <si>
    <t xml:space="preserve">For older grades absolutely! Not appropriate for Kindergarten. </t>
  </si>
  <si>
    <t>With clear guidelines on how to do this.</t>
  </si>
  <si>
    <t>I'm concerned this will be added to Kindergarten. This will just put more pressure on K teachers and add more work.. I don't think it's necessary for our early learners.</t>
  </si>
  <si>
    <t>More reports with 0 paid time. I currently do 600 reports for student being an elective teacher.</t>
  </si>
  <si>
    <t>I report for 600 students this year this is unreasonable for me too do. If I was teaching 30 students this is fine as they are currently dothi g a version of this.</t>
  </si>
  <si>
    <t>I think haveing the first time using letter grades when it matters is a bad idea.</t>
  </si>
  <si>
    <t>No way this is me doing as a elective teacher doing 600 report cards twice</t>
  </si>
  <si>
    <t>With support this is a good idea to get feed back.</t>
  </si>
  <si>
    <t>Kids are getting this so much that they are ignoring it.</t>
  </si>
  <si>
    <t>We do this all ready I see no need for this but agree with the intention.</t>
  </si>
  <si>
    <t>Almost all of it</t>
  </si>
  <si>
    <t>I see a huge amount of work with little value as I teach electives. This seems like busy work that will pull me from creating new projects. As I don't for one second believe there will be additional time to complete these. I refuse to add extra work for no pay.</t>
  </si>
  <si>
    <t>I feel their generic responses in written report cards like they just inputted my kids name</t>
  </si>
  <si>
    <t xml:space="preserve">I think starting in grade 4 they should have grades. Something to strive for! </t>
  </si>
  <si>
    <t>I use FreshGrade to share student progress with my families. I report on topics in real time. Writing 3 formal report cards at the end of terms is repetitive. Parents know where their student is daily.</t>
  </si>
  <si>
    <t xml:space="preserve">Proficient is very broad. You can be a little proficient or you can be very proficient. But parents just know their child is proficient so they think things are ok. Strength based comments are key. </t>
  </si>
  <si>
    <t xml:space="preserve">Why? I was told universities were moving towards strength based feedback, portfolios and more competency based learning. Is that not the case? </t>
  </si>
  <si>
    <t xml:space="preserve">Students need to have skills that prepare them for the work force. I don’t get an A if percentage after my evaluations at work. I receive feedback on what I do well and areas to improve in. Reflection and goal setting are important. </t>
  </si>
  <si>
    <t xml:space="preserve">Of course </t>
  </si>
  <si>
    <t>As stated previously, setting goals, strength based feedback in real time, self reflection and conferencing with teacher and student and parent as needed is key. I don’t need a specifc date. Create a digital platform like FreshGrade that is provincially recognized or leave me the autonomy to choose.</t>
  </si>
  <si>
    <t xml:space="preserve">Reporting on Numeracy and Literacy 4 times a year (plus the summative) will allow for parents to understand how their child is doing in those areas.  In our district our school also has 2 opportunities for Parent / Teacher conferences. Hopefully those meetings can be included in the 4 reports. </t>
  </si>
  <si>
    <t xml:space="preserve">"Proficient" is a clear term:  students is managing the grade-level expectations.  Having a 4-scale report helps teachers / administrators identify the students who are requiring more support (emerging / developing) </t>
  </si>
  <si>
    <t xml:space="preserve">Percentages and letter grades are a teacher-created construct.  The expectations from class to class, school to school and district to district cannot and should not be used to judge a student's ability to handle post-secondary education. </t>
  </si>
  <si>
    <t xml:space="preserve">Allowing students and teachers to stop working for percentage points will allow for richer learning.  </t>
  </si>
  <si>
    <t xml:space="preserve">Students must have a voice in their reporting.  They need to be taught how to reflect on their work, how they can contribute to their community and how their learning is something that is within their control and that it is not something that happens TO them, but WITH them.  </t>
  </si>
  <si>
    <t xml:space="preserve">Once you remove letter grades, students will then have an opportunity to set goals that can be applied to real-life opportunities:  Write an essay, read a series of ____, design a ____.  This will help teachers see where the student's passions lie and they can support them in their learning goals.  </t>
  </si>
  <si>
    <t xml:space="preserve">I would like more clarity in the reporting order about how the goals on the student's IEPs fit with this order.  </t>
  </si>
  <si>
    <t xml:space="preserve">provide benchmarks </t>
  </si>
  <si>
    <t xml:space="preserve">In order to determine "proficiency" for each grade level, teachers are going to need benchmarks to compare to.  Please offer several examples of proficiency through several examples in each subject area.  Ie. Reading assessments, numeracy, etc. Please include Fr. immersion students in the examples. </t>
  </si>
  <si>
    <t xml:space="preserve">The educators in my children’s lives have usually all been able to let us know if there were any concerns. We don’t need any further reporting to be informed about that. If there are no concerns then the amount of reporting being received suffices. 
Would prefer a paper copy from secondary. </t>
  </si>
  <si>
    <t xml:space="preserve">In the elementary grades it’s helpful to have these descriptors. I think it’s also more encouraging for the kids as they don’t get hung up on the letter grades. What we really need to know—as parents—is if our kid can understand a concept or not, or if they need help still to figure it out. </t>
  </si>
  <si>
    <t xml:space="preserve">As long as post secondary has the requirements they do then it makes sense to provide letter grades. However I think the other proficiency system is actually better for learners—especially those that aren’t motivated by letter grades. </t>
  </si>
  <si>
    <t xml:space="preserve">The proficiency scale would be a continuation of what is already happening at the elementary level. </t>
  </si>
  <si>
    <t xml:space="preserve">Kids can’t self-assess unless they are proficient at the task they are assessing. Otherwise they don’t know what they don’t know. I find this assessment that is attached to the report card to be somewhat of a meaningless paperwork exercise. </t>
  </si>
  <si>
    <t xml:space="preserve">Again—depending on the actual questions being asked this exercise can be super meaningless for kids unless they are already proficient at a task. I can already tell if my kid is a good goal setter or not. I don’t need a teacher to tell me this. </t>
  </si>
  <si>
    <t xml:space="preserve">I’ve never had a problem with teacher reporting around one of my kid’s needs. </t>
  </si>
  <si>
    <t>I think the proficiency scale is the right way to go and my younger kids already use the proficiency scale so they could see this continue into high school.
I don’t think I need more formal reports from my kids’ teachers. If I need information in between I can always just ask them.</t>
  </si>
  <si>
    <t>It's often too late to do anything for your child by the time you get feedback, for the highschool grades.</t>
  </si>
  <si>
    <t>Kids need to learn how grades work, they won't get a "satisfactory" in university. I have a child taking grade 12 classes and the teachers are still using this scale until the very end. Kids might try harder in the last part of the semester if they know their satisfactory is a ln 84% not a 74%</t>
  </si>
  <si>
    <t>This should start sooner, at least grade 9. Teachers should have to use it all year not just for a final grade so kids know how they are doing. These grades count for university entrance.</t>
  </si>
  <si>
    <t>Just use grades, don't confuse things with both</t>
  </si>
  <si>
    <t>I don't fully understand what this means.</t>
  </si>
  <si>
    <t>Already stated in previous question</t>
  </si>
  <si>
    <t>I get enough information about my children's progress.</t>
  </si>
  <si>
    <t>Categories are too broad.  Proficient is a very large range.  Is my child just barely or close to extending.  The description are vague and tell me what my child can do but is it an acceptable grade level?</t>
  </si>
  <si>
    <t>Percentage give a very detailed info about how they are doing.  There is a difference between 86 and 96.  Need it for post secondary.</t>
  </si>
  <si>
    <t>The percentage gives you that info already</t>
  </si>
  <si>
    <t>My children write what they think they should.  It's a creative writing assignment that is not values.  Students are not very honest in their self assessment.  Bring back the work habits mark in elementary.</t>
  </si>
  <si>
    <t xml:space="preserve">Most goals are either really easy to achieve or so big that it is impossible to complete.  </t>
  </si>
  <si>
    <t>Doing a great job</t>
  </si>
  <si>
    <t>Keep letter grades in 4-9.  Add back work habits.  Keep 10-12 as it is now.</t>
  </si>
  <si>
    <t>Work habits matter especially in grades 4 to 9.</t>
  </si>
  <si>
    <t>It’s good to see how kids are progressing</t>
  </si>
  <si>
    <t xml:space="preserve">I prefer the old way it was done. I found it easier to decipher. </t>
  </si>
  <si>
    <t>I like the old percentage and letter grade system</t>
  </si>
  <si>
    <t xml:space="preserve">It’s the perfect amount of reporting and I love the flexibility in when and how you report. </t>
  </si>
  <si>
    <t xml:space="preserve">I am an intermediate teacher and the removal of letter grades has been beneficial to both teachers and students. I don’t feel as pressured to determine a letter grade which gives me more time to actually teach, and students are feeling more confident overall. </t>
  </si>
  <si>
    <t>I completely agree to percentages and letter grades being maintained in grades 10-12</t>
  </si>
  <si>
    <t xml:space="preserve">I think that’s a lot more work for teachers and it is unnecessary. Letter grades are enough. </t>
  </si>
  <si>
    <t xml:space="preserve">I feel as though the Core Competencies are not a useful tool. They take a lot of time, we only do them because we have to, and there are very little good resources out there to use. I also feel it is redundant because a copy doesn’t even go in the student’s file and parents don’t even understand it </t>
  </si>
  <si>
    <t xml:space="preserve">I think setting goals is important but I don’t feel they should be required to include in reporting. </t>
  </si>
  <si>
    <t xml:space="preserve">All assessment should be inclusive for all learners. </t>
  </si>
  <si>
    <t xml:space="preserve">Core Competencies </t>
  </si>
  <si>
    <t xml:space="preserve">The time and effort they take do not match with their usefulness. This is the feeling of many of my colleagues as well. </t>
  </si>
  <si>
    <t xml:space="preserve">You better build in time into the secondary school model to make these reports doable and meaningful.  With 120 students per semester, this becomes a very large undertaking for all educators to produce written reports along with proficiency scales.  Two days, no students, just reporting time.  </t>
  </si>
  <si>
    <t xml:space="preserve">Unless you educate the parent population, they will have no understanding of the proficiency scale.  Without a connection to and understanding of the curricular competencies, which none of them read or understand, this will be meaningless.  Parents want percentages and letter grades.  </t>
  </si>
  <si>
    <t xml:space="preserve">Until post-secondary institutions come up with alternative ways to assess graduating students, we live at the mercy of the post-secondary requirements.  We know it, parents know, it students know it.  Letter grades and percentages.  GPA is king. </t>
  </si>
  <si>
    <t xml:space="preserve">Post-secondary institutions don't care about the scale.  They care about percentages and whether or not those GPAs are high enough to garner entrance into the institution and into the specific school of study.  Period. </t>
  </si>
  <si>
    <t xml:space="preserve">Sometimes a useful classroom tool but most students don't have the faintest clue as to where they really are.  Like throwing darts in the dark.  Complete waste of time to send student self-assessment home.  </t>
  </si>
  <si>
    <t>Again, students have no idea what they are doing and what they need to work on.  It is hard enough to evaluate their curricular competencies without having to track and monitor 120 student's personal goals.  This is something the students and parents can take on.  Parents need to care more.</t>
  </si>
  <si>
    <t xml:space="preserve">We already do this.  IEPs, etc...  nothing new here but you love the fancy idea that this is something new.  It isn't.  </t>
  </si>
  <si>
    <t xml:space="preserve">As I can only choose one, I would do away with student self-assessment, student goal setting and proficiency scale for 10-12.  IF you want written output for secondary, build in the time for teachers otherwise it will be meaningless and the absolute minimum requirements will only be met.  </t>
  </si>
  <si>
    <t xml:space="preserve">We are already doing this. ... no change. I would not like to see it increased. </t>
  </si>
  <si>
    <t xml:space="preserve">The scale is somewhat limiting. I would like it if there was a way to indicate when a student was "between" two competencies. </t>
  </si>
  <si>
    <t xml:space="preserve">Reality is, work 'grades' us by pay scale and it isn't a bad thing for students to have feedback that will be linked to how well they have performed against expected competencies. Grades are objective.  </t>
  </si>
  <si>
    <t>Students are being given time to acquire skills to Gr.9 (growth in competencies), there comes a point when they need to be measured on how well they have acquired those skills. To provide grades, percentages PLUS feedback is redundant. The degree of acquisition is implicit in final grade achieved</t>
  </si>
  <si>
    <t xml:space="preserve">I have been doing self assessment for years-students have unrealistic views of their own work, &amp; struggle with feedback. Needs to be clear and taught. </t>
  </si>
  <si>
    <t xml:space="preserve">A good idea, but needs to be a shift in elementary so it filters up. Learning goals need to be doable &amp; inline with curriculum. this is a big ask of students who seem to be less mature &amp; have less skills every year. </t>
  </si>
  <si>
    <t xml:space="preserve">You are asking teachers to be experts in special needs ranging from mild learning disabilities to profound deficits, + gifted, +slow, +behaviour, +'regular'.  Not sustainable. I have a disabled gson-he needs a program where he sees others like him &amp; is supported. One classroom does not fit all. </t>
  </si>
  <si>
    <t xml:space="preserve">Scale in 10-12; diversity &amp; inclusion; goal/self assessment. </t>
  </si>
  <si>
    <t xml:space="preserve">I spend ++time on report cards. I have over 300 individual comments (4 courses, 3 classes) to make. We are allowed 1/2 day for report cards. Goal &amp; assessment are good ideals, but students are ++reluctant &amp; put little effort in right now. Sts. in 10-12 need objective grades. </t>
  </si>
  <si>
    <t xml:space="preserve">There is no time for this. There is no time for anything else. I’m already thinking about leaving soon can do a job where I can be compensated for my hours. This will be my final goodbye. </t>
  </si>
  <si>
    <t xml:space="preserve">The system is built around grades. We are screening students over by taking the grade system away. They’ll have to write post secondary entrance exams and they have few skills to do this. </t>
  </si>
  <si>
    <t xml:space="preserve">Post secondary requires grades </t>
  </si>
  <si>
    <t xml:space="preserve">We never have time to teach this. It’s good in theory. </t>
  </si>
  <si>
    <t xml:space="preserve">I already do this. </t>
  </si>
  <si>
    <t xml:space="preserve">We have no time. Stop making ridiculous requirements and expecting teachers to complete on their own time. I’m sick of funding your system with my own time. </t>
  </si>
  <si>
    <t xml:space="preserve">It seems like a good reporting frequency to give regular updates about a child's progress throughout the year. </t>
  </si>
  <si>
    <t>There seems to be enough points in the scale to differentiate different levels but it is unsure whether the same scale would mean the same by all teachers in different classes of the same grade, different grades or different schools. Is there a standard checklist to guide all teachers?</t>
  </si>
  <si>
    <t xml:space="preserve">If letter grades are reflective of objective standards (e.g. test scores, with standardized tests across schools and different classes) and not subjective opinion then I would be very satisfied with it. Otherwise, subjectivity can bias grades and %. </t>
  </si>
  <si>
    <t>Letter grades should reflect proficiency scale already, would it not somewhat match up with prof. scale results? If this prof. scale is based on consistency across schools and classes then it can add value, but maybe only minimal.  Qualitative reports for each subject is more useful than prof. scale</t>
  </si>
  <si>
    <t>I believe student self assessment would be useful as learning tool that is incorporated as part of cirriculum but not be used as a basis of grading by teachers as part of report card. If it was included as report card for grades, then its just an english essay assignment that can be unfair to some.</t>
  </si>
  <si>
    <t>I would encourage that as part of student's curriculum to learn but not as a means to include in report card and for teachers to rely their grading based on it. Otherwise it becomes an exercise of who can write better prettier goals.</t>
  </si>
  <si>
    <t xml:space="preserve">Not very sure what that means. If it means having the same standard to grade diverse students, then it might be unfair. If it means having a different standard then that's fine as long as it is identified as such if it's appropriate. </t>
  </si>
  <si>
    <t xml:space="preserve">The items discussed above are all good but main concern is consistency of grading between teachers and schools is most important, esp. for gr 10 to 12. Even for lower grades, if it lacks consistency it would be unfair to some students or give advantage to others, perhaps even in same class. </t>
  </si>
  <si>
    <t>Very difficult to achieve core comp self assessments with Kindergarten students in the first term.  They are just settling in, and are not familiar enough with the language.</t>
  </si>
  <si>
    <t xml:space="preserve">The words are confusing. Meet 
Ing expectations, approaching expectations, not yet meeting expectations and exceeding expectations are much clearer ways to describe student achievement. </t>
  </si>
  <si>
    <t xml:space="preserve">Letter grades are clearer way of report to parents. The word proficient means a student who received a C- and a student with a B are classified in the same category. There is no need to challenge yourself because you will receive the same grade as a student who does little. The comments go unread. </t>
  </si>
  <si>
    <t xml:space="preserve">Extra work but not necessary. </t>
  </si>
  <si>
    <t xml:space="preserve">The youngest learners struggle to be able to reflect meaningfully on themselves. They will either say that everything is perfect or if they are having a bad day- what they have done is horrible. I can give the same reflection for the same work and get different answers each time. </t>
  </si>
  <si>
    <t xml:space="preserve">Goals for young learners need to be very concrete. Career goals or inquiry for a student who is just learning to read and write don’t make sense. A goal to put spaces between words when writing or stop at the punctuation when reading are measurable and obtainable. </t>
  </si>
  <si>
    <t xml:space="preserve">We already do this. This is not new. Just different words. Students who can’t write can show their knowledge orally etc </t>
  </si>
  <si>
    <t>Clearer language on proficiency scale</t>
  </si>
  <si>
    <t xml:space="preserve">We took part in on pilot project using the new language and parents were confused and upset because they didn’t understand what it meant (emerging? Proficient??). The comments I wrote along with the scale were the same anyway. Early learning should focus on basics reading writing, SEL, and math. </t>
  </si>
  <si>
    <t>Prefer Not to Say</t>
  </si>
  <si>
    <t xml:space="preserve">The only new evaluation system I will support is one that is easier and less time consuming for teachers. I am also a parent of children in the district, and I can't believe everything I have to read to get an evaluation. I have never even looked at any core competency evaluations for my children. </t>
  </si>
  <si>
    <t>If you are getting rid of letter grades for grades 3-9, that is great. Much simpler, especially for teachers with a 3/4 split. I would think it would make more sense to have letter grades for grades 8 and 9 however.</t>
  </si>
  <si>
    <t>Makes sense. No change there right?</t>
  </si>
  <si>
    <t>Give them letter grades. They are big kids.</t>
  </si>
  <si>
    <t xml:space="preserve">Please...no more core competency assessments. As a parent I don't look at them and as a teacher they get in the way of meaningful teaching. Such a waste of time. </t>
  </si>
  <si>
    <t>The more hoops you force teachers to do, the less meaningful our instruction will become. We do goal setting with our students. Let it be meaningful, not prescribed, forced goals. Parents barely respond to emails. What makes you think they will read all of this evaluation?</t>
  </si>
  <si>
    <t>I'm not sure at what you are getting at here. I can only think that you are unhappy with the job teachers are doing. Of course our assessments are inclusive.</t>
  </si>
  <si>
    <t xml:space="preserve">When you look at what report cards used to look like, and what you are making teachers do now...as both a parent and a teacher I would like you to bring back the report cards from 30 years ago. Give a performance grade per subject and a comment at the end. </t>
  </si>
  <si>
    <t xml:space="preserve">Two written reports are plenty, one in January and one in June, then three other points. </t>
  </si>
  <si>
    <t xml:space="preserve">I don’t like the terms emerging and developing, they both seem the same to parents. </t>
  </si>
  <si>
    <t xml:space="preserve">Makes sense for university </t>
  </si>
  <si>
    <t xml:space="preserve">Only 2 written report cards, not 3. </t>
  </si>
  <si>
    <t xml:space="preserve">Two written reports is enough with 3 other points of contact. </t>
  </si>
  <si>
    <t xml:space="preserve">Being updated on my child three times a year has seemed sufficient to me. When I need more information, I am able to contact the teacher directly and speak about my individual child. This actually seems more effective than any reporting that is done because of the copying and pasting that happens. </t>
  </si>
  <si>
    <t>To prepare my child for high school, she needs to know how grades work. Starting grades in grade 10 is not conducive to that. This is also not an effective system for students who want to apply to universities outside of Canada.</t>
  </si>
  <si>
    <t>Universities require grades and percentages. As such, we need to do well by our students and provide those.</t>
  </si>
  <si>
    <t>It is my concern as a parent, that schools and or districts will decide to move in this direction rather than use grades and percentages. Allowing for this to happen, will open this possibility.</t>
  </si>
  <si>
    <t>My child has gone through an International Baccalaureate program. She was inundated with reflections. By the time she left the program, she hated reflections and found them worthless.</t>
  </si>
  <si>
    <t>Setting goals works for some students and not for others. For example, my daughter is currently setting goals and her French class. However, she makes them up each time just to please the teacher.</t>
  </si>
  <si>
    <t>All students have a right to equal education. However, how this is handled needs to be explored to make sure that this is indeed the case and that some students do not lose out when others gain.</t>
  </si>
  <si>
    <t>I would keep grades and percentages in grades 8 and 9 is this is part of the high school experience and is often needed on transcripts for university applications. This also acts as a trial period for students as they move towards grades counting and grades 10 through 12.</t>
  </si>
  <si>
    <t xml:space="preserve">Grade 9 is too late for general, subjective ranks. Letter grades should be used. </t>
  </si>
  <si>
    <t xml:space="preserve">Don’t make extra work for teachers, encourage student specific comments instead. Not “canned “ answers. </t>
  </si>
  <si>
    <t xml:space="preserve">Only useful if you revisit the results. I never saw this after child set goals for self, if it was done, was not shared with parents. </t>
  </si>
  <si>
    <t xml:space="preserve">Grade 8 and 9 need letter grades to avoid shock by student in grade 10. I actually feel an intro in grade 7 is helpful. </t>
  </si>
  <si>
    <t>I think this is a terrible scale it's too vague and leaves too much room for failure</t>
  </si>
  <si>
    <t>Trying to set a standard for the number of reports completely ignores that districts and school levels have a variety of reporting needs.  Elementary in our district has three terms, the middle school has four terms and the high school has two semesters.  That should determine the number of reports.</t>
  </si>
  <si>
    <t>The words have little meaning for parents and even less standard value across schools and districts.</t>
  </si>
  <si>
    <t>People understand what the letter grades mean.  There is more consistency around the province.  Post secondary institutions around the world and across disciplines, understand and use similar assessments.  Parents prefer it.</t>
  </si>
  <si>
    <t>Why would you double up the work for teachers to produce assessments that no one will look at in addition to letter grades that everyone will use?</t>
  </si>
  <si>
    <t>1.  Who looks at these self assessments?
2.  Who determines if the students understand the assessment, assess accurately and appreciate the learning goals of the activities?
3.  Time consuming in an already overflowing curriculum.</t>
  </si>
  <si>
    <t>Does not belong in every course.  Presupposes a high degree of buy in on the part of EVERY student.  Should be something determined with input from parents.  Finally, when do we do this, where is it kept and who assess it?</t>
  </si>
  <si>
    <t>Presupposes that every student is at the same place.  Some students don’t know have career goals yet, they will just write anything to be done.  I believe in equity/ inclusion but that is not served by saying “all students must complete activities”.  Let the teachers determine how to serve the needs</t>
  </si>
  <si>
    <t>Letter grades work best.  Stop changing things for the worst, that increase workload and fail to inform parents.</t>
  </si>
  <si>
    <t>The policy should not be based upon what post secondary institutions want. These institutions should be encouraged to modernize their entrance requirements to match what is best for student learning in grades 10-12</t>
  </si>
  <si>
    <t>It doesn't make sense to use one scale for K-9 and then switch to a new one for 10-12.</t>
  </si>
  <si>
    <t xml:space="preserve">These are the skills that really matter regardless of where students are headed after graduation. More emphasis on these competencies is important. </t>
  </si>
  <si>
    <t xml:space="preserve">Students need to be given more responsibility and autonomy over where their learning is headed. </t>
  </si>
  <si>
    <t xml:space="preserve">I don't see how this is different than before. I feel assessment practices are already like this. </t>
  </si>
  <si>
    <t xml:space="preserve">Overall, I do not feel that this policy differs significantly from what is currently in place, other than the goal setting, which I really like. I explained my reasoning for the dissatisfaction in regards to letter grades above. </t>
  </si>
  <si>
    <t>This is all I have been taught how to do as a newer teacher, but I don't think parents understand it and there's no reality in it for grades in high school or university or real life.</t>
  </si>
  <si>
    <t>It makes sense for real life.</t>
  </si>
  <si>
    <t>Waste of time.</t>
  </si>
  <si>
    <t xml:space="preserve">Another task to our already busy responsibilities. </t>
  </si>
  <si>
    <t>We as teachers cannot be expected to teach them topics as well as life skills. You need to make that a different class and where families and coaches are involved.</t>
  </si>
  <si>
    <t xml:space="preserve">I’m good with 3 written reports and 2 interms </t>
  </si>
  <si>
    <t xml:space="preserve">It is accurate and easily understood by parents </t>
  </si>
  <si>
    <t>I do not give letter grades ( primary)</t>
  </si>
  <si>
    <t xml:space="preserve">We do this with students but I find many times students mark themselves too hard or that they are doing far better than actual </t>
  </si>
  <si>
    <t>Feel teachers are doing a good job</t>
  </si>
  <si>
    <t>It’s fine for elementary… but feel assessment is much more clear with a percentage for grade 8 and 9</t>
  </si>
  <si>
    <t>Feel percent and letter grades should be 8-12</t>
  </si>
  <si>
    <t xml:space="preserve">Both as a parent and teacher having two written assessments per term (half the school year) is a reasonable minimum.  It's the end of year assessment that I don't understand.  If I have a student in one term but not the other, what could possibly change my views on the first assessment? </t>
  </si>
  <si>
    <t xml:space="preserve">When I teach science it works well.  When I teach math, I can actually tell the difference between 81% and 82%; why not say it?  Also extending level is very poorly defined, and means different things to different people. </t>
  </si>
  <si>
    <t>For courses where students have learning outcomes they make sense and work.  They are also understandable by everyone and parents expect them.</t>
  </si>
  <si>
    <t>For more subjective courses like dance, shop, or gym, the proficiency system might still have some use. But only if universities and collleges accept it, and some people study outside of BC. I would not want to disadvantage someone who does that, or who moves.</t>
  </si>
  <si>
    <t>It is an excellent idea that I am 100% behind.  Some students do not have realistic views, and some refuse to participate.  I think it needs better field testing and development before becoming a policy.</t>
  </si>
  <si>
    <t>Great in theory, in practice some students at the high school level refuse to do it.  If there was a support system for difficult cases I would be totally behind it.  As a teacher I don't know how to make it work all the time - don't give me something until you can help me do it if I need help.</t>
  </si>
  <si>
    <t>I would appreciate it if you provided resources.  Having students with IEP's that allow scribes or technological assistance is not very useful if there is no technology available or no support from EA's because they are already fully engaged elsewhere.  But it is an excellent idea.</t>
  </si>
  <si>
    <t>10-12 should be 9-12 or 8-12</t>
  </si>
  <si>
    <t>At the high school level, some students drift for two years because "they can't fail me".  Some students are more motivated by marks than descriptors and don't put in their best effort.  Maybe have the option to use both, or add "insufficient progress" below emerging, to handle these?</t>
  </si>
  <si>
    <t>Many  high schools have changed their schedules.  Our school uses a quarter model so each quarter has a final report and an interim, as well as ongoing communication. The expectations must make sense for schools scheduling courses over ten weeks.  I</t>
  </si>
  <si>
    <t>And, does not mean proficiency scales cannot be used.  It is our MyEd system with grade book that needs to catch up tool</t>
  </si>
  <si>
    <t>A ten week quarter model with too many requirements within the ten weeks will take away from authentic assessement for learning</t>
  </si>
  <si>
    <t>I think the number of reports is fine.  It’s the quality of the written reporting that’s problematic.  The Fresh Grade platform is not conducive to good reporting.</t>
  </si>
  <si>
    <t xml:space="preserve">Frankly it makes no difference if you use grades, numbers, stars or the words you’re now suggesting.  What matters is whether meaningful feedback about the individual student is being provided.  Any reporting that evaluates a student as against an mythical average student is flawed. </t>
  </si>
  <si>
    <t xml:space="preserve">Ensuring that that there is continuity in reporting across years. </t>
  </si>
  <si>
    <t>we have discovered that face to face conversation is more appreciated by parents and better supported by teachers</t>
  </si>
  <si>
    <t>the language is clear for parents and used often by teachers.  It is much clearer than a letter grade where people make their own mind up about what it means.</t>
  </si>
  <si>
    <t xml:space="preserve">it still believe that letter  grades are seen as very "done" by students - if the A is not achieved, they feel  poorly.  parents also ask all the wrong questions about student learning when it revolves around a letter grade - why did you get a C? in stead - tell me something challenging about this </t>
  </si>
  <si>
    <t>clear communication, identifies stretches and victories</t>
  </si>
  <si>
    <t>teachers are integrating more reflection into their practice so this is becoming normal by students to stop and think about why we do what we do, and celebrate successes</t>
  </si>
  <si>
    <t>also familiar.  Learning is about the student, and the goal set is the vehicle toward student ownership</t>
  </si>
  <si>
    <t>all of our work now is inclusive and honours diversity.  The trouble starts around FSA when parents want to opt out because their child has an IEP.  This is a great opportunity for us to challenge ourselves as teachers to meet the child where at and move forward.</t>
  </si>
  <si>
    <t>as above -the conversations around learning is where the improvements happen best.  Teachers have a responsibility to keep their parents in the loop - parents should not be caught waiting for the report - continuous sharing as the year progresses is optimal</t>
  </si>
  <si>
    <t>Not sure what is meant by "learning update", but if it's the interim reports that require "just" a work habit &amp; comment, w/o a grade, those are as much work as reports that require a mark. Also, having to report FIVE times per year without giving us time (a day or two w/o classes)to do so is taxing.</t>
  </si>
  <si>
    <t>Students want percentages. Parents want percentages. The uncertain meaning behind a word of how the student is actually doing is both frustrating &amp; useless. Also, we are still required to provide a letter grade for the record anyway, so what's the point?</t>
  </si>
  <si>
    <t xml:space="preserve">Yes!! This is how it should be!! And should be the same for K to 9 as well!! </t>
  </si>
  <si>
    <t xml:space="preserve">Omg! So with this option I'd have to do all the work required for a percentage grade and on top of that also give a general mark based on the proficiency scale!? So double grade my students? No thanks! </t>
  </si>
  <si>
    <t xml:space="preserve">Only the really studious students will take this seriously. I have students self reflect all the time ... it doesn't change anything, save for a few. </t>
  </si>
  <si>
    <t xml:space="preserve">They already have more than they can handle on their plate ... adding this to their workload on top of keeping up with their classes is just too much. </t>
  </si>
  <si>
    <t>How exactly do I do this?? I am not trained to work with varying degrees of learning disabilities and/or physical disabilities...once upon a time, we had teachers who were, but now all students are just integrated into my class and I am supposed to know how to assist all of them. It's not realistic!</t>
  </si>
  <si>
    <t xml:space="preserve">Proficiency Scale as a requirement or option for any grade should be scrapped ... we should keep grades as percentages for all!!! </t>
  </si>
  <si>
    <t xml:space="preserve">Students want percentages... I have asked them. Parents want percentages... I have asked them. Majority of fellow teachers I have spoken to want percentages. This idea that we can evaluate based on categorization into one of four levels is just unrealistic &amp; ridiculous. </t>
  </si>
  <si>
    <t>The frequency of reporting in our school (3 formal report cards) is good. It's the quality that is lacking.</t>
  </si>
  <si>
    <t>The categories are too broad. Too many students can fit in one category. It is too hard as a parent and for students to know where the bar is and where they stand in relation to that bar.</t>
  </si>
  <si>
    <t xml:space="preserve">Letter grades and percentages are a clear definition of where a student stands in relation to understanding and ability to perform the material. </t>
  </si>
  <si>
    <t>This is backwards. To improve assessment continuity lower grade levels should be using letter grades and percentages to better prepare them for future education levels</t>
  </si>
  <si>
    <t>These are completely inaccurate. They are simply dependant on how the student is feeling emotionally that day. It's a one day snapshot and doesn't tell a parent anything about their actual understanding. As the kids get older they just put what they think their parents want to see.</t>
  </si>
  <si>
    <t>This could go either way. Goals are good if they have a set time frame and are measurable and obtainable. To help students achieve these goals parents should know what the goals are prior to a reporting period so that they can assist at home.</t>
  </si>
  <si>
    <t>Proficiency Scale should not be used above grade 4. Even in K-3 it is a frustrating system but I can see the need.</t>
  </si>
  <si>
    <t xml:space="preserve">I think 5 reporting events increases the workload and stress for teachers to report when they should be focused on how to help students improve. These reports would not provide enough time for adequate feedback on student learning. </t>
  </si>
  <si>
    <t>I think it should be a 5 point scale or a sliding scale, despite in-depth comments in the reports parents are still confused about where their child is in the learning category.  The language "Emerging, Developing, Proficient, and Extending" should be the same across all districts.</t>
  </si>
  <si>
    <t>Until the requirements for post-secondary changes, grades 10-12 will require grades and percentages.</t>
  </si>
  <si>
    <t>It's difficult to receive an accurate self-assessment from primary grades.</t>
  </si>
  <si>
    <t>I think it is great for students to be involved in their learning, however, it would be difficult for primary grades to provide goals relating to their learning.</t>
  </si>
  <si>
    <t>5 reporting events is highly demanding!</t>
  </si>
  <si>
    <t>This is a high level of demand on teachers. Each term is not equally divided in time and it is unrealistic to ask for more than 4 reports, especially when many teachers participate in online digital portfolios like FreshGrade. It is simply too much. We need to think of our students and their needs.</t>
  </si>
  <si>
    <t>I think it is important that all school districts use the same language, so that there is consistency among the province. If a child moves from one district to another it will help them understand their progress when the language is the same. A sliding scale would be preferred.</t>
  </si>
  <si>
    <t>I agree that it is important for students to prepare themselves for percentages, as all post-secondary institution use them, and it is important that students understand how the system works. I believe that the transition to percentages and letter grades should start in grade 8.</t>
  </si>
  <si>
    <t>I agree that there needs to be a transition period but that it should be during grade 8 and 9, as students are in a natural transition into high school</t>
  </si>
  <si>
    <t>This can be very hard to capture in early primary (K-3) as students sometimes answer questions in order to please and do not convey their opinion very well.</t>
  </si>
  <si>
    <t>In early primary we focus a lot on social and emotional aspects of growing and learning. Student Goal setting is very demanding on teachers.</t>
  </si>
  <si>
    <t>This is highly demanding!</t>
  </si>
  <si>
    <t>Teachers need to be provided with student-friendly, ready to use examples of these self-assessments as well as resources to explicitly teach students about self-reflection. In theory, it's great, but in reality, students don't understand what's being asked of them or have the metacognitive skills.</t>
  </si>
  <si>
    <t>This needs to be linked to ieps as well.</t>
  </si>
  <si>
    <t>There is currently too much divide between classroom reporting and iep reporting.</t>
  </si>
  <si>
    <t xml:space="preserve">The eduspeak in the reports are useless. Provide honest feedback to parents on what their child is capable of. </t>
  </si>
  <si>
    <t xml:space="preserve">Does not allow for accurate measurement of student knowledge. No motivation. </t>
  </si>
  <si>
    <t xml:space="preserve">University entrance. </t>
  </si>
  <si>
    <t xml:space="preserve">Stop babying our children. </t>
  </si>
  <si>
    <t xml:space="preserve">The way it’s presented to students doesn’t make them take it seriously. It’s a make work project because it goes above students’ level of cognitive development at younger grades. </t>
  </si>
  <si>
    <t xml:space="preserve">Lots of talk but no funding to back it up. You’re putting all this on one teacher who is now able to satisfy every child’s needs. It’s humanly impossible. Therefore, in your attempt to satisfy all no one gets their needs met. </t>
  </si>
  <si>
    <t xml:space="preserve">Pushing change through in time of pandemic. Just stop it. </t>
  </si>
  <si>
    <t xml:space="preserve">Because this is yet another pet project that aligns with someone’s outdated personal vision of education and society.  Stop indulging fantasy and face reality of societal needs. </t>
  </si>
  <si>
    <t>3 written reports and 2 parent conferences is already common in districts and fits nicely in a 3 term system. It provides regular feedback without being too onerous.</t>
  </si>
  <si>
    <t>Parents and teachers have trouble understanding what each point of the proficiency scale means and there is no agreement. For example, some teachers use "Proficient" to represent the old "B", while some use it to mean the old "A" with Extending being an "A+." We need consensus and clarity.</t>
  </si>
  <si>
    <t>Very odd to change from proficiency scale to letter grades for only 3 years. Lack of consistency.</t>
  </si>
  <si>
    <t>Only partially fixes consistency issues and will likely not be used very much.</t>
  </si>
  <si>
    <t>It would be good to have a framework for this that is not only the end of the school year. However, we need an established framework so teachers don't have to make it up.</t>
  </si>
  <si>
    <t>Unsure how beneficial this would be but willing to try it out.</t>
  </si>
  <si>
    <t>I have no idea what this means. Jargon jargon jargon.</t>
  </si>
  <si>
    <t xml:space="preserve">Again there is no consistency and clarity on what the proficiency scale means. </t>
  </si>
  <si>
    <t>The reporting frequency is strenuous on teachers.  At our school we have minimal parent engagement with it.</t>
  </si>
  <si>
    <t>This allows for less clarity - Almost everyone ends up lumped in developing, so it becomes almost meaningless.  There are no gradations of capability.</t>
  </si>
  <si>
    <t>This is a continuation of current practice so organizations and individuals are used to it.  Parents and students often ask for percentages at lower grades during conferences when only letter grades are provided.</t>
  </si>
  <si>
    <t>This is not an improvement over letter grades.</t>
  </si>
  <si>
    <t>There is no mechanism for doing this.  It is entirely dumped on to teachers and individual schools to make this work.  It is time consuming, as the core competencies are massive and complex. No one wants to report out a low level in any of these areas as that can be interpreted as they are "bad" .</t>
  </si>
  <si>
    <t>Unless this is made a distinct class in high chool there is not time nor energy to do it justice. It becomes a massive and unwieldy thing to track and report.</t>
  </si>
  <si>
    <t>It becomes impossible to include learners who are significantly below a class. For example - students reading at a grade 1 or 2 level in a grade 9 class.  These students need to be on individualized programs NOT tied to the mainstream classroom.</t>
  </si>
  <si>
    <t>This will become a massive source of work with very little pay off.</t>
  </si>
  <si>
    <t>It's important for students and parents to have frequent acknowledgement of how the student is progressing so that any issues can be dealt with before they become a problem.</t>
  </si>
  <si>
    <t>This reporting and assessment  policy rewards the lowest performing students and neglects the high achievers. There is no impetus to excel and no arena for healthy competition. If the result of working hard on an assignment is the same as the minimum effort there is no incentive to work harder.</t>
  </si>
  <si>
    <t>School should prepare students for the "real world" - thus there needs to be shown consequences for effort. If students are faced with scaled marking for the first time in university, where the stakes are so much higher, it could lead to poor results when they see that they must work for success.</t>
  </si>
  <si>
    <t>it's unnecessary - a letter grade and percentage will indicate the level at which a student is performing, and students and parents will be aware from the marking on assignments and exams where the student may need extra assistance.</t>
  </si>
  <si>
    <t>Self assessment and goal setting are good tools for the students to reflect on their own successes, in relation to hard empirical evidence.</t>
  </si>
  <si>
    <t>As stated above, these policies make an effort to be inclusive of those with disabilities but not those with "diverse abilities" as they exclude and do not reward students who excel, and in fact they disvalue and demotivate them.</t>
  </si>
  <si>
    <t>This policy frustrates students who are driven and motivated by praise - if the result for any effort is met with "ok, pass" there are no tools to practice doing well. This will be reflected in their results in grades 10-12, and ultimately their success in higher education and future lives.</t>
  </si>
  <si>
    <t xml:space="preserve">I want to see letter grades for grade 6-9 especially grade 8 and 9 
The proficiency scale does not prepare them for the importance of achieving percentages and letter grades  in 10-12 </t>
  </si>
  <si>
    <t xml:space="preserve">Letter grades and percentages need to be given throughout high school to show the learner where they stand not just a broad range . Leaving it until grade 10 does not prepare them for when those grades count towards their universities entrance / acceptance </t>
  </si>
  <si>
    <t xml:space="preserve">Grade 8-12 need to know where they stand with letter grades !! Not proficiency scale 
That is not an accurate representation that will prepare them for post secondary  </t>
  </si>
  <si>
    <t>This is frequent enough.  Many teachers, however, provide more regular communication of student learning with such things as weekly binders and FreshGrade.</t>
  </si>
  <si>
    <t>Although this is what we are using, it is still a scale and many families are fixated on a specific "grade".  The whole point is to put the focus on the learning.  Having everything wrapped into a single grade/value of any sort, takes away from the individual strenghts and stretches of a student.</t>
  </si>
  <si>
    <t>I do not teach the older grades, but again, it puts a focus on a grade instead of the learning.  However, post secondary uses letter grades.</t>
  </si>
  <si>
    <t>That is not fair to the upper grade teachers.  They are completely different styles of assessing and would greatly increase their work load.  Choose one or the other.</t>
  </si>
  <si>
    <t>This is a lot of work. Will you be providing teachers with more time to create and manage all of this?  Will you take something off of teachers' plates? Continually, teachers have been given more and more work with no compensation of any sort.  We are expected to do it: we are exhausted and breaking</t>
  </si>
  <si>
    <t>Choose one system.  Either focus on the learning and take away the scale, or keep with the scale.  All this takes a significant amount of time from the teacher, the students and takes time away from teaching content.</t>
  </si>
  <si>
    <t xml:space="preserve">I am not sure how this is different from how assessments are currently done. However, I am leery.  </t>
  </si>
  <si>
    <t>goal setting and self-assessment</t>
  </si>
  <si>
    <t xml:space="preserve">Again, these add drastically to the workload and take away from teaching time.  We often already do these things, but have our own way of doing it.  To expect it and to require it a certain way would be adding a lot to an already stressful and time-consuming time of year. </t>
  </si>
  <si>
    <t xml:space="preserve">I’m teachers are meeting with parents and communicating student learning throughout the year with digital and paper portfolios the written reports become redundant and parents don’t focus on the specific timely feedback being given outside of the “official reports” </t>
  </si>
  <si>
    <t xml:space="preserve">I don’t teach high school. </t>
  </si>
  <si>
    <t>I appreciate the timing of the first written report as it allows a longer period of time to assess student learning (I teach Kindergarten). I appreciate the opportunities to report out to parents at two other times that are not connected to the distribution of written reports.</t>
  </si>
  <si>
    <t>I don't feel that the terms are specific enough for parents to understand exactly how their child is doing.</t>
  </si>
  <si>
    <t>I do not assign grades, so I have no opinion on the question above.</t>
  </si>
  <si>
    <t>I would like to see the Core Competencies be more specific dependant on grade levels.</t>
  </si>
  <si>
    <t>*</t>
  </si>
  <si>
    <t>Why wouldn't it be inclusive?</t>
  </si>
  <si>
    <t>I would like to see 1 written report at the end of January, one written report at the end of June and then two informal reporting periods (informal record of assessment, 1:1 meeting with parents) intersperesed between the written reports (ie. November and March /April).</t>
  </si>
  <si>
    <t>So essentially every 8 weeks there would be a "learning update' of some kind going home to the parents.  With prep time to get to admin, this would have to start very early in the year and not much data could be collected.</t>
  </si>
  <si>
    <t>I find a four point scale very difficult to use.  The difference between minimally meeting, fully meeting and extending is VERY large.</t>
  </si>
  <si>
    <t>What happens when a child moves school some time during the school year?  How do we track the data for that student?  I don't think they need a 'formal' self-assessment four times a year.</t>
  </si>
  <si>
    <t>Too difficult to track data; students moving schools; what happens when their interests change during the year, can they alter their learning goal?  Who is responsible for acquiring the material to meet that learning goal?  What is the parent's role in setting this goal?  Parental role?</t>
  </si>
  <si>
    <t>Far too difficult to create and properly manage; who is going to create all these assessment models?</t>
  </si>
  <si>
    <t>Two written reports, not three. Too soon to assess students with three reports, especially if you are meeting parents via conferences.</t>
  </si>
  <si>
    <t>Need more language and detailed assessments for the specific grades. For example, kindergarten versus grade one core competencies are very different.</t>
  </si>
  <si>
    <t xml:space="preserve">There are too many written reports and it seems a bit informal. The language is not parent friendly enough. It is difficult for parents who are not competent in English. </t>
  </si>
  <si>
    <t>Unclear what the final year end summary of learning means. In a semester system, would just the second semester be reported? It would be difficult for semester 1 teachers to provide this assessment.</t>
  </si>
  <si>
    <t>Letter grades seem more accurate and useful. The 4 point scale is more subjective and seems to make both failure and excellence less likely.</t>
  </si>
  <si>
    <t>More practical, objective, and translate better in post secondary applications.</t>
  </si>
  <si>
    <t>More subjective. Takes away learning opportunities both for failure (and learning from mistakes) and for academic excellence. The top proficiency seems less objective as many teachers seem to use this to apply to community involvement and assessing what has not been taught.</t>
  </si>
  <si>
    <t>Jumping through hoops somewhat.</t>
  </si>
  <si>
    <t>All students have the right to learn and those who need supports should get it. Teachers need more training and support for this rhough</t>
  </si>
  <si>
    <t>Provincial proficiency scale in high school. Prefer letter grades</t>
  </si>
  <si>
    <t xml:space="preserve">I don’t think all subjects need to be reported on every time (i.e, PE, art and beginner French). It is a lot of extra work for the teacher and we are generally reporting on the same things with the same comments every time. </t>
  </si>
  <si>
    <t xml:space="preserve">Please don’t change this again!! It took so much work to get parents and my grade 5 students comfortable with this language when it changed. </t>
  </si>
  <si>
    <t xml:space="preserve">I don’t teach these grades </t>
  </si>
  <si>
    <t xml:space="preserve">I don’t teach these grades. </t>
  </si>
  <si>
    <t xml:space="preserve">I have done this for a long time without being required to. I am seeing that students are getting better at discussing their own learning and growth. </t>
  </si>
  <si>
    <t xml:space="preserve">I have found that at the elementary level, these goals are extremely hard to come up with for kids and they usually ask adults to tell them what to do. I also feel that as a teacher I can’t really monitor and support 28 different plans. </t>
  </si>
  <si>
    <t xml:space="preserve">I don’t know enough about this. </t>
  </si>
  <si>
    <t xml:space="preserve">I have worked so hard to develop a year plan, reporting schedule and parent communication plan that fits the new pilot and feel that my reporting as I do it is accurate, helpful and less ‘busy work’ for me than traditional reporting. I’m annoyed that it’s changing again. Waste of time and money. </t>
  </si>
  <si>
    <t xml:space="preserve">Too much gray area. Wide open for different interpretations </t>
  </si>
  <si>
    <t xml:space="preserve">No provincial guidelines. Once again, this report is different for every district. It looks different in every classroom. No consistency </t>
  </si>
  <si>
    <t>The number of update currently is more than sufficient.</t>
  </si>
  <si>
    <t>These 4 groupings give you enough info to determine where your child stands &amp; if they need assistance.</t>
  </si>
  <si>
    <t>Agreed, as students get closer to the end of their post secondary education it is important to have a more accurate indication of their results.</t>
  </si>
  <si>
    <t>I believe this depends on what requirements are needed for post secondary.</t>
  </si>
  <si>
    <t xml:space="preserve">I believe it’s important to encourage students to self reflect </t>
  </si>
  <si>
    <t xml:space="preserve">I agree this holds them personally accountable for their studies </t>
  </si>
  <si>
    <t xml:space="preserve">Perfect - everyone is an individual </t>
  </si>
  <si>
    <t xml:space="preserve">Too broad and kids full through the cracks. Kids don’t strive to do better. </t>
  </si>
  <si>
    <t>It’s worked for years. It must be a shock for some kids going from the scale to letter grades just keep it all letter grades.</t>
  </si>
  <si>
    <t>I find it helps kids be aware of themselves.</t>
  </si>
  <si>
    <t>Less kids fall through the cracks and get the help they need.</t>
  </si>
  <si>
    <t xml:space="preserve">Kids need to take more responsibility for their efforts in school and see how great they can be. Stop saying everyone is a winner. </t>
  </si>
  <si>
    <t>I believe Letter grades and percentages for all intermediate students provides a better knowledge to the parents of how the child is doing</t>
  </si>
  <si>
    <t>I would have let her grades for grade 4 and above</t>
  </si>
  <si>
    <t xml:space="preserve">For elementary, with the use of fresh grade, j feel like I get regular feedback. So two reports and a summary is fine. </t>
  </si>
  <si>
    <t>Will you adjust universities? There needs to be a cohesive system. Grade percentages can still be given with feedback that is helpful. Grade percentages also provide helpful information—like helping a student grasp what percentage of the material they comprehend. The current system is too unspecific</t>
  </si>
  <si>
    <t xml:space="preserve">At some point, a learner needs to know what they grasp in a clear, defined way. Grade 10 is too late to start. </t>
  </si>
  <si>
    <t xml:space="preserve">Leave it alone. </t>
  </si>
  <si>
    <t>Kids are very poor at self-assessment, especially in elementary school. It’s a waste of time. Perhaps adding it in middle/high school.</t>
  </si>
  <si>
    <t xml:space="preserve">Not helpful in elementary school. Kids can’t do this effectively. </t>
  </si>
  <si>
    <t>Schools do a very poor job at assessing kids in a reasonable time frame and a poor job in offering support to all.
Fix that first.</t>
  </si>
  <si>
    <t>Leave it as it is.</t>
  </si>
  <si>
    <t>What is there only works moderately well and what you’re suggesting aren’t the things that will make it better.</t>
  </si>
  <si>
    <t>Hungarian</t>
  </si>
  <si>
    <t>I would prefer more frequent written reports. I found some of the parent/student participatory "communicating student learning" to be not very informative.</t>
  </si>
  <si>
    <t>In grade 8 last year, some of the "descriptive feedback" was minimal (e.g. "do more homework", or "good job")</t>
  </si>
  <si>
    <t>Works for post-secondary admission. Gives a "tangible" measure of student progress.</t>
  </si>
  <si>
    <t>I am not sure how the proficiency scales will work with letter grades (broken down by sub-topics??) but descriptive feedback would be welcome.</t>
  </si>
  <si>
    <t>Student self-assessment in elementary school was not very meaningful. Maybe they are more mature in high school and can self-assess better.</t>
  </si>
  <si>
    <t xml:space="preserve">Student goal-setting in elementary school was not meaningful at all; they set the goals(we even had "goal setting conferences"), and then, as parents, we never heard back about student progress. </t>
  </si>
  <si>
    <t>I would like to know how the "respond fully" part will be implemented.</t>
  </si>
  <si>
    <t xml:space="preserve">Currently, we don't get enough information on what our children learn at school. No textbook, no homework, no marked assignment returned; applies to both elementary and high school. Increasing the frequency of reporting would patch this gap somewhat. 
Textbox doesn't have space for longer comment.
</t>
  </si>
  <si>
    <t>Currently we provide 2 written reports which include a year-end summative report.  This is an additional report to provide.</t>
  </si>
  <si>
    <t>Descriptive feedback needs to be clarified.  What exactly is required that is different that what is current practice?</t>
  </si>
  <si>
    <t>not my teaching range</t>
  </si>
  <si>
    <t>not my grade range</t>
  </si>
  <si>
    <t>This is an idea that sounds better on paper than in reality.  Most students I teach don't really take this part that seriously.</t>
  </si>
  <si>
    <t>Same as above.  This sounds better on paper than in actual practice.</t>
  </si>
  <si>
    <t>I would need to see more about how this looks for students unable to  meet grade level expectations.</t>
  </si>
  <si>
    <t xml:space="preserve">Adding one more written report seems like another burden on our shoulders, considering we are still 'teaching' through a pandemic.  </t>
  </si>
  <si>
    <t>the 2 "summaries of learning" ("résumés d'apprentissage")  fpor term 1 and 2 are an easy and simple document to complete that is very clear for parents and give them a clear view of the child's level of achievement. The 2 parent-teacher meetings that follow.... (no more room to write more here!)</t>
  </si>
  <si>
    <t>The proficient level is very vague: In comparison with the letter grade, it can fit any level between C and A. 
And the extending level is beyond what's learned in class, which is not fair for every student!</t>
  </si>
  <si>
    <t>Most teachers seem to be very picky with percentage and don't look at the global skills of the student to attribute a letter grade.</t>
  </si>
  <si>
    <t>same reasons of for K-9</t>
  </si>
  <si>
    <t>for a lot of student in elementary school (especially for primary students) the core competencies seem like a lot of blablabla and go beyond the depth of reflection needed to make them relevant.</t>
  </si>
  <si>
    <t>same reason as for core competencies</t>
  </si>
  <si>
    <t>but being inclusive of every need in a classroom is sometimes detrimental for the average students that may require more support but can not really have it, because most of the time, resource and energy is spent for the high need student</t>
  </si>
  <si>
    <t>the work about (and self-assessment of) core competencies for student below Grade 6</t>
  </si>
  <si>
    <t>Trois rapports devraient suffir +communiquer seulement  avec  les parents d’élèves qui nécessitent plus de soutien. Depuis qu’on communiquent via courriels avec les parents, nous ne cessons pas de faire des rapports, des rendez-vous et cela devraient être pris en compte.</t>
  </si>
  <si>
    <t>J’enlèverai le volet approfondi et ajouterai un commentaire si l’élève est vraiment aller au-delà de ce qui était demandé car beaucoup de parents approfondi et doué.</t>
  </si>
  <si>
    <t>Cette auto-évaluation devraient se faire uniquement à partir de la 1ère année voir deuxième année et surtout pas en maternelle, trop tôt car ils ont besoin que l’adulte les guident pour s’auto-évaluer et se fient à l’opinion de l’adulte donc …</t>
  </si>
  <si>
    <t>À partir de la première année, tout à fait d’accord. Les maternelles commencent leurs apprentissages, simplement le fait d’agir de façon autonome et de comprendre tout en français sont pour la plupart un gros défi. On devrait leur donner du temps et les outils nécessaires pour pouvoir le faire en 1è</t>
  </si>
  <si>
    <t>Ceci dépend de l’handicap qu’un élève possède.</t>
  </si>
  <si>
    <t>Voir raison déjà expliquée: communications déjà assez régulière et constante via courriels donc trois suffisent.</t>
  </si>
  <si>
    <t>I believe that reporting learning is critical for parents to be advocates for their children's learning, but report cards don't always give the best opportunity for this. Face to face conversations are so important for communicating student learning, and students should be INVOLVED!</t>
  </si>
  <si>
    <t xml:space="preserve">Proficiency scale is good, but only with context for teachers AND parents to understand how it's different than 1-4. </t>
  </si>
  <si>
    <t>There is SO much research that says that grades do not report learning. It's time to move away from them!</t>
  </si>
  <si>
    <t>Slightly better than grades, but still not as good as standards based grading!</t>
  </si>
  <si>
    <t xml:space="preserve">Most teachers are doing a great job at incorporating these into their practice. More time for training and helping students evaluate it would be better though!
</t>
  </si>
  <si>
    <t>I think it's an amazing start! Now we have to get districts and schools to make time for teachers to learn about how to do it effectively, and we need them to give us the time to do it in class! We need SPACE in schools to do them!</t>
  </si>
  <si>
    <t>The more that we can incorporate kids into their OWN learning the more inclusive it is!</t>
  </si>
  <si>
    <t>All the research says Grades don't accurately portray learning!</t>
  </si>
  <si>
    <t>I think that the current reporting periods are fine as long as the teacher is communicates if there are any concerns or if the student is excelling and Renee’s challenged etc.  the biggest downfall is teacher communication.</t>
  </si>
  <si>
    <t xml:space="preserve">The four point scale is very broad and it does not tell you how your child is actually doing.  </t>
  </si>
  <si>
    <t>I believe there should be letter grades for children.  The four point scar is very broad and does not identify areas that require more work or areas where the child is excelling.  If they are graded parents would have a clearer understanding of where their child sits.</t>
  </si>
  <si>
    <t>The time some of these written reports take puts stress on the time that could be used to actually teach, asses, plan and lead the students forward. Many parents, if not most, do not fully read the comments (esp. in non-math/language subjects) that teachers have worked so hard to provide. 2manywords</t>
  </si>
  <si>
    <t>I agree that a proficiency scale should be used with Language and Math at the Elementary Level, but I would like to see more attitudinal and capacity building comments for the other subject areas. Do we really need to put every aspect of a child on a scale, instead of developing a joy for learning?</t>
  </si>
  <si>
    <t>At this stage in life, letter grades can somewhat inform a university about the readiness of an individual for post-secondary education. Work Ethic, attendance and attitude may also be helpful.</t>
  </si>
  <si>
    <t>While setting and reviewing goals is important, many students at the young elementary level are not cognitively aware and motivated with intention to do this. Teachers have a better idea of what goals a student should be working on at the stage in their development.</t>
  </si>
  <si>
    <t>I haven't seen a lot of evidence that these goal-setting initiatives make a difference to the students beyond my own reinforcements to them. Perhaps I need to look at my role in this, but it seems like another box we have just "checked off".</t>
  </si>
  <si>
    <t xml:space="preserve">We are always adapting assessment to meet the needs of all students. Some students, however, should not have to participate in all aspects of the curriculum, given their intellectual/emotional/mental state. </t>
  </si>
  <si>
    <t>For elementary students, only assess math and language arts strands on the proficiency scale. For the other subjects, comment on attitude, effort and skill building. Focus more on the joy of learning in deeper ways - experiential, place-based, child-choice, experimentation, skill building...</t>
  </si>
  <si>
    <t xml:space="preserve">Good to get updates during the year to be able to assist on any issues needing extra attention </t>
  </si>
  <si>
    <t>It is an adequate number.</t>
  </si>
  <si>
    <t>I think the transition between grades 9 and 10 from a 4-point proficiency scale to a percentage will be jarring. I believe percentages should still be required in grade 9, and perhaps grade 8 in the core subjects.</t>
  </si>
  <si>
    <t>Given that universities are in no rush to change their basic admissions procedures, we must continue with percentage grading.</t>
  </si>
  <si>
    <t>I don't think this will add any value to the report card. I think students will gloss over the result without even glancing at it.</t>
  </si>
  <si>
    <t xml:space="preserve">It is unclear what the structure will be for this part of the reporting. Will there be space provided on the report card? Can it be an attachment to the report card, where districts create their own form/rubric/portfolio for reporting on the self-competencies? </t>
  </si>
  <si>
    <t>I don't object to this, I just have to wrap my head around how we would go about collecting all these student goals.</t>
  </si>
  <si>
    <t>Makes sense.</t>
  </si>
  <si>
    <t xml:space="preserve">5 reports doesn't divide evenly between 2 semesters. An even number would make more sense for high schools under the semester system. </t>
  </si>
  <si>
    <t xml:space="preserve">I haven't hears a compelling reason to support the proficiency scale. Some say the limit between 85% and 86% is arbitrary but there will always be students that are at the border between 2 levels, whether we use letter grades or the proficiencies. Students/parents continue to ask for percentages. </t>
  </si>
  <si>
    <t xml:space="preserve">As long as universities ask for the this information, it makes sense to report in this way. </t>
  </si>
  <si>
    <t xml:space="preserve">I can't imagine why anyone would want a less granular description. In my experience, there is neither clarity nor consensus among educators (and limited understanding among parents) of what each level of the proficiency scale means. </t>
  </si>
  <si>
    <t xml:space="preserve">Students, teachers and administrators already see the Core Competency reflections as a joke/a meaningless task to fulfill and move on from as quickly as possible. Students know they can essentially write whatever they want without it having any impact. </t>
  </si>
  <si>
    <t xml:space="preserve">This sounds like just one more thing to do. If done well, it could be beneficial, but as with the Core Competency reflections above, I doubt it will be. </t>
  </si>
  <si>
    <t xml:space="preserve">I think it does students a disservice to delay letter grades/percentages until grade 10. This makes the transition to senior grades even more stressful than it already is for students. It also creates inequities between high school teachers who teach juniors vs. seniors. </t>
  </si>
  <si>
    <t>As an active parent in my childrens learning, we check in with Teachers throughout the year.  I don’t feel I need a full written report which is often cut and paste standard replies that don’t truly reflect MY child’s progress.</t>
  </si>
  <si>
    <t>This is fine for primary students grade 4 and below.  But we are continually given standard “copy &amp; paste” paragraphs in these reports that don’t truly reflect exactly where my children’s learning levels are.  It’s a wide grey area thats left unclear.</t>
  </si>
  <si>
    <t xml:space="preserve">YES!  This is a clear indication of students learning level that should start as early as grade 5.  My grade 8 child is not alone in not being able to read a traditional clock face - how is that “proficient” learning for the last 3 years of school??  </t>
  </si>
  <si>
    <t>No - letter grades and percentages give actual level and knowledge clarification.</t>
  </si>
  <si>
    <t>I never felt this really warranted opinion.  I want to hear from the Teacher as to my children’s actual progress.</t>
  </si>
  <si>
    <t>Here is a goal - my children are not expected to get A’s and B’s.  They are however expected to do their best.  The pure joy and accomplishment on their faces when THEY see the A’s or B’s shows them the goals they CAN achieve clearly</t>
  </si>
  <si>
    <t>Is this not already done?</t>
  </si>
  <si>
    <t>Proficiency reporting is too grey and does NOT clearly identify a student’s correct level of learning or understanding…especially those who are on the cusp and need LST support but fall through the cracks because they are just (low) proficient!!</t>
  </si>
  <si>
    <t>In the VSB, for the past 4-5 years, we have been providing two written reports in January and June, alongside three unwritten reports such as parent-teacher conferences and student-led conferences. Our second written report, in June, is our Summary of Learning. This is my preference.</t>
  </si>
  <si>
    <t>We have been using a four-point proficiency scale that includes Beginning, Developing, Applying and Extending. Changing to new language will be confusing for students and parents, especially those for whom English is a second language.</t>
  </si>
  <si>
    <t>I feel that informal reports are more beneficial to students, more informative for parents, and a better use of teacher time and resources. We should keep formal written reports to a maximum of two each school year, including the Summary of Learning in June.</t>
  </si>
  <si>
    <t>The Proficiency Scale is already an option for reporting.  Taking away the option for letter grades in grades 4-9 is not good at all.</t>
  </si>
  <si>
    <t>The number of reports is less important than the quality of the information in reports.</t>
  </si>
  <si>
    <t>The scale is a major departure from the current grade order. It will make it harder for students in low performing schools or students with barriers to educaiton to know how to achieve academically at the level required for post secondary programs. The scale will confuse students and families.</t>
  </si>
  <si>
    <t>But how will students learn to achieve at the level required for entry into competative programs? It is too late to teach this information (how to perform at school) at the every end. Your plan disadvantages students who face barriers to education. It will reduce their opportunities.</t>
  </si>
  <si>
    <t>The scale makes little sense. The current letter grade system is well understood and communicates what students need to know. It may not be perfect, but it works because it is based on performance standards and communicates clearly in language students and families understand already.</t>
  </si>
  <si>
    <t>For teachers who teach students to self assess, this is basic. So it's fine for those teachers, but is the least required for students to understand their own learning. For teachers who don't do this, your order is not going to change that. Professional development and teacher-led inquiry would.</t>
  </si>
  <si>
    <t>Goal setting is great and is essential for student learning. But your plan won't work becuase the current orders are simple enough to communicate on a reqular basis and to teach students who perform academically. Keep it simple. Why are we planning to do this? Don't waste educaitonal time.</t>
  </si>
  <si>
    <t>The reporting order makes it harder to communicate to students how they are performing in relation to performance standards. Students who face barriers to education need clear feedback. They need to learn how to navigate the system. You are planning to take this away from those students.</t>
  </si>
  <si>
    <t>The Provincial Proficiency Scale is not well designed, will make it harder for students to learn how to navigate the education system, creates new barriers for many students, and will confuse parents and students alike. Anything that lowers standards or clarity harms students who need education.</t>
  </si>
  <si>
    <t xml:space="preserve">The new reporting model is vague and does not measure anything in my eyes. After reading it I have really no idea how my child is doing. I have twins and they pretty much received almost identical positions on the scale and comments even though they have different strengths and weaknesses. </t>
  </si>
  <si>
    <t xml:space="preserve">This scale is completely useless in conveying how my child is doing. It seems that most children fall into the "proficient" category but so the requirements for "proficient" are so vast that most of the children fall into it. Because of this, the scale is useless and doesn't tell me how my child is </t>
  </si>
  <si>
    <t>Letter grades should be used in all grades</t>
  </si>
  <si>
    <t>I think personal goal setting is a  good idea</t>
  </si>
  <si>
    <t>There must be some similarity in school to real life. As an adult I do not get the same salary and bonuses as someone who performs much higher or lower than me. My benefits are tied into my performance. This scale system puts most students at par with each other because the categories are too large.</t>
  </si>
  <si>
    <t xml:space="preserve">Two written reports are enough, teachers are spending more time writing the reports than assessing their students with three reports, which defies the purpose. </t>
  </si>
  <si>
    <t>Shows a continuum of learning</t>
  </si>
  <si>
    <t>In preparation for university where grades are used</t>
  </si>
  <si>
    <t>There would be too many inconsistencies between teachers matching a grade to a descriptor</t>
  </si>
  <si>
    <t>Students need to be engaged in their assessment process and reflect on their learning at various points throughout the year</t>
  </si>
  <si>
    <t>Best practice, and most schools are doing this already</t>
  </si>
  <si>
    <t>Again, best practice and most schools are doing that</t>
  </si>
  <si>
    <t>only two written reports</t>
  </si>
  <si>
    <t xml:space="preserve">see above </t>
  </si>
  <si>
    <t xml:space="preserve">This requires teachers to provide more personalized written feedback but no extra time is being provided to do so, with longer more personalized reports teachers will need more days in the calendar to write such reports. </t>
  </si>
  <si>
    <t>There are no problems using the proficiency scale for students who's work meets that criteria, but there is no language provided to describe students who are not submitting work or who's work is not at grade level, so schools are having to create their own language to describe 'not yet meeting'</t>
  </si>
  <si>
    <t xml:space="preserve">The proficiency scale is very broad and does not provide specific enough information for many parents or educational institutions; since the proficiency scale has already been aligned with letter grades this makes the proficiency scale redundant in the senior grades.  </t>
  </si>
  <si>
    <t xml:space="preserve">This makes the proficiency scale redundant as parents, educators and post secondary institutions are already familiar with letter grades and percentages. Simply discontinue proficiency scales in summative assessments. </t>
  </si>
  <si>
    <t xml:space="preserve">Students do not see the purpose in these tasks, they complete in a perfunctory fashion to please teachers. </t>
  </si>
  <si>
    <t xml:space="preserve">In the senior grades students are taking ownership of their learning by determining the transition after high school, they don't need additional 'busy work' to demonstrate this, they have enough with jobs, extra curricular, volunteering, family and school. </t>
  </si>
  <si>
    <t xml:space="preserve">It's redundant. </t>
  </si>
  <si>
    <t xml:space="preserve">Frequency similar as before. </t>
  </si>
  <si>
    <t xml:space="preserve">Ridiculous that this includes Grade 9 (even Grade 8?). Grade 8/9 no longer elementary, and is now high school prep. In many districts they are included in the highschool. Treating them like elementary students with this sort of feedback will not help them at all as they transition to highschool. </t>
  </si>
  <si>
    <t xml:space="preserve">Stated above. </t>
  </si>
  <si>
    <t xml:space="preserve">English and French equally </t>
  </si>
  <si>
    <t>I get a sense of where my daughters are at, but I would rather more constant in person contact with the teacher in the classroom</t>
  </si>
  <si>
    <t xml:space="preserve">Students can be between those 4 steps and it's very hard to show progress between those four chunks - how do we demonstrate and honour the learning that occurs between those 4? So many students don't fit one single spot on the proficiency scale. </t>
  </si>
  <si>
    <t xml:space="preserve">Not necessary to show student learning and can be very damaging- research shows this over and over. </t>
  </si>
  <si>
    <t>Maybe better than letter grades...?</t>
  </si>
  <si>
    <t>We definitely need to value this and other ways of learning about ones self as that's the future these students need. Let's look to First Peoples perspectives in redeveloping our reporting! What can we learn here if we decolonize this process of reporting? It would surely be more relational...</t>
  </si>
  <si>
    <t>yes! going the right direction!</t>
  </si>
  <si>
    <t>Yes! Inclusive classrooms are a must!</t>
  </si>
  <si>
    <t>less papers and more contact with classroom teacher- time between parents/students and the teacher</t>
  </si>
  <si>
    <t xml:space="preserve">I don't really care what the paper says; I need to really know what's going on with my kids. And by building rapport and relationships we move toward real understanding of what is needed for student support. </t>
  </si>
  <si>
    <t>Whilst the frequency is the same, the content will require more teacher time. Where is this time coming from?</t>
  </si>
  <si>
    <t xml:space="preserve">I think that it can be useful for students, in the long run, but there will be initial push back from some parents and students. They often like to see grades, as that is what they are used to. The reality is that we don't use grades in the real-world, so the transition does make sense. </t>
  </si>
  <si>
    <t>Does raise the question of consistency. We are encouraging them to not focus on grades, but then throwing them back in the ring for post-secondary. Is the plan for those institutions to come in line and also use Proficiency Scales?</t>
  </si>
  <si>
    <t>Same comment as previous section.</t>
  </si>
  <si>
    <t>Self-assessment is important. Will require a shift in thinking for some educators, and students, as it will take time away from curriculum. Need to continue to push that content is secondary to competency.</t>
  </si>
  <si>
    <t>Great idea, but again, where is the time coming from? These can take up more time than you would think! For older grades, it is a huge workload being added for teachers with nearly 200 students!</t>
  </si>
  <si>
    <t>Everyone should be included.</t>
  </si>
  <si>
    <t>As always, the government looks to implement new initiatives with no extra funding or time allocated for those who actually have to do the work. More and more is expected of educators, but funding is poor. Teachers need extra days to complete these reports; is the government going to pay for that?</t>
  </si>
  <si>
    <t>In a semester system (which I believe the vast majority of secondary schools operate within), having an odd number of reporting periods is awkward. Why not make it an even number so it is clear how many reports have to happen in each semester?</t>
  </si>
  <si>
    <t>The provincial proficiency scale is not defined in any of the linked documents (M191/94 or M192/94). I cannot make an informed response here unless I know what these different scale rankings mean. I do not think that teachers across the province can fairly implement them as a result.</t>
  </si>
  <si>
    <t>Proficiency scales should be an option, but percentages should be a requirement. Well done.</t>
  </si>
  <si>
    <t>The word "encouraging" is ominous here. It should be an option for teachers to use, but it should not be openly "encouraged" by administrators.</t>
  </si>
  <si>
    <t>This will be overkill if it is tied to reporting within a course (students will spend all their time reflecting, not learning), but it is tough to implement if it is not tied to a course.</t>
  </si>
  <si>
    <t>This is a laudable goal, but if students are setting their own goals and reflecting on them, then why does the school need to be involved? This is a personal thing.</t>
  </si>
  <si>
    <t>Overall it's workable, but it's not great. A bit like our new curriculum!
A few small changes (frequency of reporting, goal setting, self-assessment) would go a long way to making this a better policy.</t>
  </si>
  <si>
    <t>This is an appropriate amount of formal communication with parents.</t>
  </si>
  <si>
    <t xml:space="preserve">A 4 point scale seems arbitrary and may not be specific enough. </t>
  </si>
  <si>
    <t>Specific percentages are important.</t>
  </si>
  <si>
    <t>A consistent reporting scheme is long overdue.</t>
  </si>
  <si>
    <t>The self-assessment of core competencies is a great idea.  The ministry should provide examples of student friendly language templates for grade ranges (K-2, 3-5, 6-9 etc.).  These should also include options for other information such as goal setting, or students own recognition of achievement.</t>
  </si>
  <si>
    <t>Goal setting is important, but it needs to be done effectively.  The Ministry needs to provide consistent templates and resources for students to learn how to effectively create meaningful goals.</t>
  </si>
  <si>
    <t>Providing equal opportunity for outcomes is an essential part of BC schools.</t>
  </si>
  <si>
    <t xml:space="preserve">The reporting is a step in the right direction to allow students more ownership of their learning.  Good quality implementation is essential.  Ministry needs to provide rollout in the form of quality Professional Development.  </t>
  </si>
  <si>
    <t>As a secondary teacher who teaches students who have had this reporting, they are in many who are not able or capable of writing because of the padding and vagueness of the above mentioned four point scale.</t>
  </si>
  <si>
    <t xml:space="preserve">Percentages offer a more detailed summation of student skills or understanding. </t>
  </si>
  <si>
    <t>A student can create goals, however, the success of the student reaching those goals may, more often than not, be placed on the teacher and not the student themselves.</t>
  </si>
  <si>
    <t xml:space="preserve">Though the reports are the same number as previous years, the manner of reporting is far more onerous, and frankly beyond the needs of the vast majority of parents who will read them. </t>
  </si>
  <si>
    <t xml:space="preserve">These new terms do not accurately describe proficiency and seem needlessly polyannaish.  Describing achievement(in summative assessment at the very least) is more helpful.  </t>
  </si>
  <si>
    <t>No matter how blunt these instruments are, these are the measurements post secondary institutions use and so it is in students' best interests to continue their use.</t>
  </si>
  <si>
    <t xml:space="preserve">All this will do is effectively double the work load of teachers with minimal to no improvement in student learning. </t>
  </si>
  <si>
    <t xml:space="preserve">Boys consistently over estimate their performance, and girls consistently under estimate it.   All this policy does is make that inequity worse. </t>
  </si>
  <si>
    <t xml:space="preserve">This policy will be effective in some cases.  </t>
  </si>
  <si>
    <t>Of course diversity and inclusion are core values.  It doesn't mean a poor policy is any better because it is also inclusive and diverse.</t>
  </si>
  <si>
    <t xml:space="preserve">There are many issues but the doubling of work load (you know districts will push teachers to do both) for two systems of marking concerns teachers.  Disobeying your restriction, I would add student self assessment and the very nature of the proficiency scale, and not least the saccharine EI. </t>
  </si>
  <si>
    <t>La majorité des parents ne lisent pas les commentaires que nous faisons. 
Plusieurs n'arrivent même pas à se connecter au réseau....</t>
  </si>
  <si>
    <t xml:space="preserve">Le curriculum est extraordinaire, le défi est de se l'approprier, de bien le comprendre afin de bien l'évaluer. Il manque d'accompagnement pour les nouveaux enseignants. </t>
  </si>
  <si>
    <t>Beaucoup plus spécifique et l'élève s'oriente plus facilement, malheureusement, les élèves ne prennent pas toujours le temps de lire les rétroactions que nous faisons lorsque l'on évalue avec le système M-9</t>
  </si>
  <si>
    <t>Par contre, offrez nous du support et des outils!!! Nous sommes débordés!</t>
  </si>
  <si>
    <t>À partir de la 9e</t>
  </si>
  <si>
    <t xml:space="preserve">Manque de ressources, l'inclusion c'est hyper intéressant et positif, cependant ce n'est pas du tout réaliste avec les tâches actuelles des enseignant et APS. </t>
  </si>
  <si>
    <t xml:space="preserve">Comme mentionné plus haut, je trouve que ces élèves méritent mieux et nous sommes incapables de leur offrir ce que vous demandez. La tâche est trop grande..... Nous aurions besoin d'enseignants spécialisés, constamment sur le plancher, qui adapte pour ces élèves. </t>
  </si>
  <si>
    <t>I do not believe that removing letter grades from grade 9 (and from intermediate upwards) is in the best interest of kids.  The proficiency scales will not be meaningful in practice.  Also, waiting until the grad program for students to deal psychologically with both high and low grades is not good,</t>
  </si>
  <si>
    <t xml:space="preserve">Same as above.  Your open ended feedback seems to have a short letter count.  
Students should experience letter grades before percentages.  </t>
  </si>
  <si>
    <t>Grade 10-12 percentages are fine.  Grade 6-8 should have letter grades.</t>
  </si>
  <si>
    <t>"may" in the order is weak.  If teachers are required to do percentages in 10-12 with descriptive feedback, they will not report with scales too.  Makes no sense.  It should be removed.</t>
  </si>
  <si>
    <t>From what I have seen with my children, it is a make work project.  Self-reflection is valuable but not as a reporting mechanism.</t>
  </si>
  <si>
    <t xml:space="preserve">Assessment should definitely be inclusive of all learners but assessment should be more standardized.  Why would this be done in schools when that is not done with FSAs or Graduation Assessments.  They report out achievement.  </t>
  </si>
  <si>
    <t>At a minimum, grades 8 and 9 should have letter grades without a percentage.</t>
  </si>
  <si>
    <t>The VSB only requires 2 official written report cards. This change has enabled me time to have more authentic on-going written reporting like maintaining online student portfolios and in class bi-weekly progress report. Keeping families and students up to date regularly is extremely important.</t>
  </si>
  <si>
    <t xml:space="preserve">I have been using a 4 point scale for years and find it very helpful and easily understood by students. </t>
  </si>
  <si>
    <t xml:space="preserve">I understand why letter grades would be helpful but my concern then is that people will misunderstand that proficient in not a B that it is actually likely an A as they have met 100% of the criteria. There is no point moving to this proficiency scale if people think Extending =A and Proficient =B. </t>
  </si>
  <si>
    <t xml:space="preserve">I like that the entire province would use the same language. This would help clarify things for parents and students and those who move districts. </t>
  </si>
  <si>
    <t xml:space="preserve">I'm hesitant because I don't know what 'integrated' self assessment means. If this means one core comp reflection completed and attached to each report than yes, but I don't think just filling out sheets about core competencies is a good way to spend time - we need to be discussing them regularly. </t>
  </si>
  <si>
    <t>This sounds like education is important to create a workforce ie career related contexts - elementary students should focus on a love of learning and not on careers. Also this sounds like adding more to the report ie inquiry. Teachers spend too much time and many parents don't read these reports.</t>
  </si>
  <si>
    <t>I'm not sure what this means. Do these reports not do this already? I am interested in what changes will be made?</t>
  </si>
  <si>
    <t>1 January written report and 1 June and one one going communication throughout the year chosen by the teacher</t>
  </si>
  <si>
    <t xml:space="preserve">Having more summative reports are not helpful. What is helpful is having the family and school connected regularly in order to support student learning. </t>
  </si>
  <si>
    <t>We are a 8-12 school. We use continuous reporting through MYED and this provides parents constant updates and information. Asking teachers to do four Learning Updates and a summary will be a step backwards in communicating student progress with parents as this will greatly increase their workload.</t>
  </si>
  <si>
    <t>Until you have post-secondaries on board with a proficiency scale we can not use it as a reporting tool at high schools (8-12). Parents will not except it and you are increasing teacher workload as parents contact them for clarification as to what each scale means.</t>
  </si>
  <si>
    <t>Need them at 8-9 as well.</t>
  </si>
  <si>
    <t>We use continuous reporting - this is doubling teacher work which will end continuous reporting,</t>
  </si>
  <si>
    <t>Provide a provincial tool for this.</t>
  </si>
  <si>
    <t>The goal-setting aspect is needed but who is ensuring it happens and it valid? Again - increasing teacher workload.</t>
  </si>
  <si>
    <t>Would have two grades (8&amp;9) on one grading program and three grades (10-12) on another in the same school. Teachers teach multiple grades. This order creates more work for teachers which will destroy the progress made with continuous reporting - instead of 4 snapshots we have on-going communication</t>
  </si>
  <si>
    <t xml:space="preserve">Our system already over reports and does not take into consideration the difference between reporting at a K-7 level and the 8-12 level.  </t>
  </si>
  <si>
    <t>Difficult to envision at the Secondary level where teachers may teach 200 students over the course of a year. may work at elementary where teachers only report on 24 students. Extending one practice over all grades just doesn't work.</t>
  </si>
  <si>
    <t>One of the things parents (and students) look forward to about secondary school is letter grades. Our school is grades 8-12 and having two different reporting practices would not be beneficial for anyone.</t>
  </si>
  <si>
    <t>Should be same for all students at secondary 8-12.</t>
  </si>
  <si>
    <t xml:space="preserve">The Provincial Proficiency Scale provides no more continuity than well managed letter grades. </t>
  </si>
  <si>
    <t>MyEdBC is our present reporting tool. Is it being changed to allow for all the changes?</t>
  </si>
  <si>
    <t>I believe we do that now.</t>
  </si>
  <si>
    <t xml:space="preserve">I believe that appropriate letter grade reporting in grades 8-12 is an excellent way to report student learning. Proposed changes seem to be an attempt to fix poor practice with new policy rather than improve the practice of the teachers who may be doing a poor job. </t>
  </si>
  <si>
    <t>Already too much.</t>
  </si>
  <si>
    <t>Letter grades with percentages instead please,</t>
  </si>
  <si>
    <t>More one on one with teacher (like interviews). My middle school student gets way too many paper reports cards on the semester system.</t>
  </si>
  <si>
    <t>Eportfolios or paper portfolios provide feedback as we go and are much more effective than the term reports.  All of the teachers at our school provide at least 18 learning snapshots and 2 summaries of learning for their students.</t>
  </si>
  <si>
    <t>Accurate, honest reporting is very important.  This also respects the quantitative and qualitative natures of the data collected by teachers.</t>
  </si>
  <si>
    <t>At present, students must do 1 self-assessment per year.  This must be ongoing, with perhaps one included in the student file.</t>
  </si>
  <si>
    <t>Reporting should be often, as the learning occurs...</t>
  </si>
  <si>
    <t>I find the layout of works well.  We also communicate student learning regularly using digital portfolios so that communication is ongoing throughout the year.</t>
  </si>
  <si>
    <t>We haven't been using letter grades in our school for the lat 7-8 years and I could not be happier to see that this will extend to grade 9. I am a very strong believer that letter grades are not an effective way to communicate student learning and are instead damaging.</t>
  </si>
  <si>
    <t>I understand that letter grades are currently a requirement for post secondary, but again, I feel there is a better way to communicate learning. I would like to see the use of letter grades kept to a minimum at all levels.</t>
  </si>
  <si>
    <t>I prefer the scale to letter grades especially if our goal is mastery learning</t>
  </si>
  <si>
    <t>We have been doing this for years and are very happy with it</t>
  </si>
  <si>
    <t>Student goal setting has been the main part of our three-way conferences for years and we are extremely satisfied with this component of how we communicate student learning</t>
  </si>
  <si>
    <t>Communicating should fit all student, with everyone moving along a continuum. WE should all be looking at where we are now, how it is going, where to next, and how we are going to get there.</t>
  </si>
  <si>
    <t>already explained in other sections</t>
  </si>
  <si>
    <t xml:space="preserve">Digital grade books allow teachers to post grades online for students/parents, so is it really necessary to be reporting five times a year? Also, does the policy take into account the differences between elementary and middle/high schools? </t>
  </si>
  <si>
    <t>It does not matter what grading language is used, because students figure out pretty quickly if they are a "D/fail' or "C/50%" or A/100% student.</t>
  </si>
  <si>
    <t>Grade 10 and 12 students do not need the Provincial Proficiency Scale, because they know an Extending means an "A". Or if Extending is not an A, then the descriptor should be standardized.</t>
  </si>
  <si>
    <t>Additional reporting requirements ads to the teacher's work load and the focus becomes on reporting rather than having the time to support students.</t>
  </si>
  <si>
    <t>The proposed policy takes away from instructional time.</t>
  </si>
  <si>
    <t>The frequency of reporting periods should fluctuate with grade level.</t>
  </si>
  <si>
    <t>In Semester high schools this allows for even distribution for reporting.  A mid term and Final report for each semester.</t>
  </si>
  <si>
    <t>This reporting should be for K-7.  Grades 8-9 are in high school.  High schools should have the same reporting system for all grades.  high schools are usually 8-12 or 9-12.</t>
  </si>
  <si>
    <t>This is the system that students need in order to enter post secondary.  it's internationally recognized and thus the most benefit for students futures.
this is also the system that parents demand</t>
  </si>
  <si>
    <t>if a high school student takes 8 courses.  is this 8 different reflections? would the repetition not make it meaningless?  do they reflect for each report card for a total of 16?
is it just one reflection? how is it recorded and reported? who is in charge of that data collection? teachers? which one</t>
  </si>
  <si>
    <t>Context is key here.  in high school, who is doing this data collection?  all 8 teachers a student has? or just one data collection?  who does that? admin?</t>
  </si>
  <si>
    <t>it seems redundant</t>
  </si>
  <si>
    <t>I never know what to expect from year to year. One year we had written reports like a traditional report card. Another year it was an e-portfolio with some written reports coming home. Another year it was a binder portfolio, again with 3 summary's of learning sent home. Depends on teacher preference</t>
  </si>
  <si>
    <t xml:space="preserve">Doesn't tell me how my kid is doing exactly since the check mark can be at beginning, middle or end. I don't know what each word indicates...an A, B, C, fail...needs support? I'm not sure. If I didn't contact my kid's teachers regularly, I'm not sure I'd understand any of it. </t>
  </si>
  <si>
    <t>If a kid is failing, the parent needs to know. If he needs a specific mark to enter a post secondary institution, a parents needs to see that. Grades and percentages show parents were a student is. I wish we had this from grade 8-10 as well</t>
  </si>
  <si>
    <t>The more assesssments available to struggling learnings the better. My question is...where is the money to support the resources after the assessments are done?</t>
  </si>
  <si>
    <t xml:space="preserve">I love the idea of kids reflecting on their learning. I do wonder about the checks and balances to see if that reflecting results in further learning to do something better, or more efficient or even an increase in one's executive functioning as the student ages. </t>
  </si>
  <si>
    <t>If it's goal setting for elementary, I'd say they need guidance to land on something that is reasonable and attainable. I feel like the older kids will have a better handle on this.</t>
  </si>
  <si>
    <t xml:space="preserve">There are not enough resources for assessments and the wait times in public schools for a PsychEd etc is ridiculous. Parents are fighting over scraps. Kids are not being supported in school with resources and EAs. Kids are slipping through the cracks or going to other programs outside of school </t>
  </si>
  <si>
    <t xml:space="preserve">I advocate for not only my children but for others. I support parents who are stressed out because there aren't enough resources in the public system to ensure their child's access to an equitable education. Extra resources should not fall to PACs. Superintendents need to listen to parents. </t>
  </si>
  <si>
    <t xml:space="preserve">Having to switch to percentages/grades in grade 10 could be challenging for many students. It's a shift in values; K-9 we're saying learn &amp; grow, this what matters, but in grade 10 it's about making a grade to achieve competitive success for post-secondary opportunities. </t>
  </si>
  <si>
    <t xml:space="preserve">There is no seamless way to blend the 2 systems, because they value different things; the proficiency scale values learning &amp; progress, while grades are about obtaining a certain percentage. Therefore, a student can meet expectations (3/4), yet not achieve an A and be denied opportunities. </t>
  </si>
  <si>
    <t>I love it. Bring it on. Grades are the wrong focus: they create grade-grubbing kids who care more about obtaining a specific percentage than progressing as a learner. PROBLEM: We need post-secondary institutions on board.</t>
  </si>
  <si>
    <t>Great idea, but currently, this seems like a hoop to jump through more than a meaningful exercise.  Also, our school - the largest in our district - struggles to come up with a user-friendly system to make student reporting accessible to parents.</t>
  </si>
  <si>
    <t>Teachers, for the most part, are caring and accommodating; however, this should not be exploited. Class composition is a real concern that needs to be taken seriously. Any classroom will have a variety of needs, but to expect teachers to individualize a program for every student is ludicrous.</t>
  </si>
  <si>
    <t>I'm an educator at a secondary school. Changing the grading system for K-9 only makes things more difficult for students. Change it all, or don't bother.</t>
  </si>
  <si>
    <t xml:space="preserve">I'm concerned about increased teacher workload around these written reports.   </t>
  </si>
  <si>
    <t>In principle for the younger grades, this has merit if the system does not require a conversion back to a letter grade at  the end of the year.  My understanding is that the final report will mandate the 4 point scale.   Please don't force a conversion back to a letter grade or percentage.</t>
  </si>
  <si>
    <t>If teachers are going to completely overhaul how they engage students in learning, create standards, assess and report feedback during the year, having them change that back to a percentage at the end of it all will mean that this change in reporting will likely not be successful. SPACE limit  reach</t>
  </si>
  <si>
    <t>Nope nope nope</t>
  </si>
  <si>
    <t>Pandemic, delay implementation by at least 1 yr.   The universities require letter grades and percentages, then report letter grades and percentages at all times for grade 10-12. The universities should adapt.  Everyone  will  have a 90/80/70/50 on their final report. How is that better?</t>
  </si>
  <si>
    <t>The current number of reports are fine, however, the length of the formal written reports vary from district to district so much so that some districts have one page report cards and in other districts, they are often 6 pages. Equity around this would help me feel more satisfied.</t>
  </si>
  <si>
    <t>As long as the scale is authentically representing the child, I think it is satisfactory. Some districts report these for each learning outcome and others do this as an overall mark in a subject. Extending is rewarding inconsistently from class to class making accurate reporting difficult.</t>
  </si>
  <si>
    <t xml:space="preserve">Until universities accept proficiency scales, we need students to have letter grades for the upper grades. However, it seems inconsistent/arbitrary to switch in the middle of high school. </t>
  </si>
  <si>
    <t xml:space="preserve">I think consistency is crucial however I still think universities need to be on board, so our student's education is valued as much as places where letter grades are used. </t>
  </si>
  <si>
    <t>I use the core comps throughout the year to ground our learning but feel there is no need for these self-reflections to be sent home with each report card. This sounds like a recipe for inauthentic reporting. Leave these to June for more authentic self-reporting where kids can look back at the year.</t>
  </si>
  <si>
    <t xml:space="preserve">This will need to be highly scaffolded for many students. I agree with self-determination and goal setting, but with the current model of report card writing in my district, this feels like too much extra work. If this gets added, something needs to be taken away, like subject specific comments. </t>
  </si>
  <si>
    <t>Is this not already done by effective teachers?</t>
  </si>
  <si>
    <t>standard report card requirements across district to ensure equity among union members</t>
  </si>
  <si>
    <t>Report writing takes a significant amount of unpaid hours to complete in my district, which requires lengthy subject specific comments. Even with our newly implemented days for reporting and assessment, there is not enough time. Standard reporting systems, based on learning goals would be my choice.</t>
  </si>
  <si>
    <t>As a high school English teacher, I provide a great deal of feedback to my students and their families throughout the year.  I am satisfied with the number of "formal" reports we are expected to do.</t>
  </si>
  <si>
    <t>I am of the opinion that grades and percentages are detrimental to student learning: my students take fewer risks and challenges with their learning when they know that a letter grade/% is on the line (ex. they will read a book they've already read, or a book below their reading level).</t>
  </si>
  <si>
    <t>eliminate grades and percentages!!</t>
  </si>
  <si>
    <t>i like the idea of more frequent communication between the teachers and parents. This would help to keep the students on track easier</t>
  </si>
  <si>
    <t>this scale has been used for a while and i am used to it</t>
  </si>
  <si>
    <t>it is important to make applying to post secondary as easy as possible</t>
  </si>
  <si>
    <t xml:space="preserve">since this is what they are used to it makes sense. </t>
  </si>
  <si>
    <t>students need to be able to self reflect and give an accurate rating of their efforts. this skill will serve the well in the future</t>
  </si>
  <si>
    <t>setting goals and checking back in with them is a good thing, it will help keep them on track as well as have these goals be more meaningful, since their chose them.</t>
  </si>
  <si>
    <t>it is so important to be inclusive of all learning styles and abilities</t>
  </si>
  <si>
    <t>i feel that the proposed reporting policy is great. it keeps parents informed, encourages student accountability, prepares students for the future, and is inclusive.</t>
  </si>
  <si>
    <t xml:space="preserve">We report home more than enough. Teachers are frequently sending emails home as well as to informal progress in classes. </t>
  </si>
  <si>
    <t>This does not work well in the middle school level. We need a blend of percentages and comments as students and parents do not understand where their child stands in class with the current standards. It does not set them up for high school.</t>
  </si>
  <si>
    <t>Percentages clearly indicated how students are doing on assessments</t>
  </si>
  <si>
    <t xml:space="preserve">Teachers already have to do a  high level of marking in high school and don't need to write lengthy comments. Students and parents do not read the comments. </t>
  </si>
  <si>
    <t xml:space="preserve">It will be hard to add more into current teaching practices. </t>
  </si>
  <si>
    <t xml:space="preserve">Goals help keep students accountable to their learning. </t>
  </si>
  <si>
    <t xml:space="preserve">Need to re visit the middle school model and return to grades and percentages at lower grades. </t>
  </si>
  <si>
    <t xml:space="preserve">Children are in school for 10 months of the year, this is approx one report every 2 months and allows opportunity for intervention. </t>
  </si>
  <si>
    <t>This does not set students and families up for success and understanding the percentage system required for 10-12.</t>
  </si>
  <si>
    <t>This is a requirement and necessity for post secondary application provides kids with a clear understanding.</t>
  </si>
  <si>
    <t>This does not set students up for post secondary grading.</t>
  </si>
  <si>
    <t>This is helpful in students self identifying areas of strengths and growths and being mindful of themselves.</t>
  </si>
  <si>
    <t>This may be suitable for primary but not beyond.</t>
  </si>
  <si>
    <t>I am often overwhelmed by how much information I am given because I don't have time to act on all the recommendations from teachers.</t>
  </si>
  <si>
    <t>The language helps me and my kids understand how they're doing far better than with a grade.</t>
  </si>
  <si>
    <t>Grades change the focus from learning to gaming the system. I really don't like the focus on numbers</t>
  </si>
  <si>
    <t>In elementary school I've seen this really thoughtfully done. Beyond that? It's a meaningless worksheet activity given to my kids.</t>
  </si>
  <si>
    <t>This encourages student engagement. Again, this will depend on execution. I can see elementary school teachers doing a great job with this, and secondary ones just being handed it and not knowing what to do (this is what I hear from my kids' high school teachers, anyway)</t>
  </si>
  <si>
    <t xml:space="preserve">Will it? Or will it be in name only? I've seen loooots of that as a parent of children with exceptional needs. </t>
  </si>
  <si>
    <t>I think less is more. I'd rather have a thoughtful report than several pieces of empty waffling</t>
  </si>
  <si>
    <t>More than 5 would  be excessive.</t>
  </si>
  <si>
    <t>This scale should be standardized province wide PRIOR to implementation.  Otherwise, a P will mean different things in every classroom; is Proficient a passing grade (around 50%) or a B or an A level? This level of variance is unacceptable at the school level, let alone district- and province-wide.</t>
  </si>
  <si>
    <t>“ Letter grades and percentages are a requirement when applying to many post-secondary institutions.”  Enough said.</t>
  </si>
  <si>
    <t>This will be confusing for teachers students and parents. It will result in more work for teachers. As a high school teacher with upwards of 120 students per day this is an unreasonable and untenable workload/expectation.</t>
  </si>
  <si>
    <t xml:space="preserve">This results in an dramatic and unacceptable increase in teacher workload, particularly at the high school level. It is nearly impossible to provide numerous, meaningful opportunities for each of our 120+ students to reflect on these competencies in addition to teaching skills and content </t>
  </si>
  <si>
    <t>Assessing self reflection on personal and career related goals is outside the scope of my practice. This will result in an unacceptable increase in teacher workload particularly at the high school level where each teacher meets with upwards of 120 students per day</t>
  </si>
  <si>
    <t xml:space="preserve">2 written reports a year in January and June should be the norm. Some districts do it already so why can’t we all!? The students don’t change much from December to March and that report card is quite hard to write. </t>
  </si>
  <si>
    <t xml:space="preserve">This is too often for elementary school. </t>
  </si>
  <si>
    <t xml:space="preserve">Proficiency scale is great, but descriptive feedback in each subject area for large, crowded classrooms is not feasible with the limited prep time offered. </t>
  </si>
  <si>
    <t xml:space="preserve">This becomes just a box to check off by having students fill out a form that can be attached. The idea behind core competencies are that they are built into daily activities, lessons and projects - not a “self-assessment” form that students write. </t>
  </si>
  <si>
    <t xml:space="preserve">When is there time to do this? Are teachers expected to work outside of their work hours? </t>
  </si>
  <si>
    <t xml:space="preserve">Reporting should be a way to inform parents how their child is doing in relation to the norm. It has become instead a wordy, overly long document that serves only to create extra work for teachers, confuse parents, and muddy the waters. </t>
  </si>
  <si>
    <t>At our high school we give 2 interim reports home, 2 report cards and 1 final report card.  Each report has anecdotal comments.  I feel this is sufficient as most teachers communicate with home if their child struggles in their class.  We don't need more work piled on us.</t>
  </si>
  <si>
    <t>Sometimes kids are so focused on their % they do not focus on actual learning.  I would rather just have grades without the percentage.  An A is and A is an A whether it is 86 or 100%</t>
  </si>
  <si>
    <t>Schools manipulate this data.  No clear way to be consistent across schools or province.  Again, more work for teachers and administration.</t>
  </si>
  <si>
    <t>self-reflection is a life-long skill.  It should be promoted in the schools as educators our goal is for self-awareness.</t>
  </si>
  <si>
    <t>Kids are not in their reasoning parts of the brain.  This is a hard task for adolescent brains.  I think it may be a determent but more research is needed.</t>
  </si>
  <si>
    <t>Great idea for inclusion</t>
  </si>
  <si>
    <t>4 times a school year is enough information to show a child's learning. By increasing the amounts of time we report, I fear there won't be enough time between reports to show adequate progress. Additionally, there are already so many opportunities to discuss a child's progress.</t>
  </si>
  <si>
    <t>I use this scale already.</t>
  </si>
  <si>
    <t>As stated above, I find it unnecessary considering the availability of most teachers in speaking with a parent who has questions.</t>
  </si>
  <si>
    <t>Je travaille depuis le début du CSL avec les e-portfolios soit 4 points de progrès et un résumé final.</t>
  </si>
  <si>
    <t>Je travaille déjà avec cette échelle de compétence sur "TADA".</t>
  </si>
  <si>
    <t>J'enseigne en Grade 1.</t>
  </si>
  <si>
    <t>Grade 1.</t>
  </si>
  <si>
    <t>C'est un peu compliqué avec les très jeunes élèves car ils ne savent pas vraiment s'auto-évaluer.</t>
  </si>
  <si>
    <t>Même problème. Les très jeunes élèves ont une notion très vague de leurs progrès ou buts pédagogiques. On peut quand même tout simplifier mais pas facile. Tout repose sur l'enseignant.</t>
  </si>
  <si>
    <t>Je le fais depuis toujours (intelligences multiples).</t>
  </si>
  <si>
    <t>Difficile pour les tout-petits âgés de 5 ou 6 ans même des objectifs simples comme lire plus à la maison, mieux écouter en classe...
Ils oublient très vite ces objectifs.</t>
  </si>
  <si>
    <t>I believe there are currently three written reports including the end of year report required for Elementary. Last year I submitted reports every 2-3 weeks in writing as interim and report cards and was expected to take part in two parent teacher interviews. Absenteeism made it difficult</t>
  </si>
  <si>
    <t>I believe parents would find the scale confusing. Many feel that proficient is the only acceptable grade and their children have difficulty meeting it.</t>
  </si>
  <si>
    <t>The university also uses percentages and letter grades.</t>
  </si>
  <si>
    <t>Three grading scales is excessive.</t>
  </si>
  <si>
    <t xml:space="preserve">Self assessment can be too harsh or too lenient depending on the child. </t>
  </si>
  <si>
    <t xml:space="preserve">I believe the process should be followed but not included as part of their official assessment. </t>
  </si>
  <si>
    <t>They already are within the limitations of the day and the time a teacher can reasonably be expected to spend. Provincial assessments should also be tailored to those needs.</t>
  </si>
  <si>
    <t>Students with low esteem will underestimate themselves and other students will assess themselves at 100% in all subjects. Self assessment and goal setting are important but should not be included in official report cards.</t>
  </si>
  <si>
    <t xml:space="preserve">For Gr.8 and Gr.9 students, I rather prepare them for Gr. 10 to Gr. 12 classes which still require letter grades and percentages; 4 point grade scale is too vague and doesn't provide information to discern learning as a percentage does. </t>
  </si>
  <si>
    <t xml:space="preserve">Often enough to know what is going on. More adds work onto the education professionals and doesn’t give enough time to assess the learning. </t>
  </si>
  <si>
    <t xml:space="preserve">A four point scale is less descriptive than a 100 point. Emerging and extending will be rarely used meaning it is a two point scale, basically pass/fail. Percentages and letter grades provide more information as it is a scale with more variation. </t>
  </si>
  <si>
    <t xml:space="preserve">Not needed. Letter grade and percentage provides enough information. </t>
  </si>
  <si>
    <t xml:space="preserve">The core competencies are a waste of time and students aren’t putting effort into it. Talking with my child provides the feedback. They don’t need extra hoops to jump through. It is a waste of their time and mine </t>
  </si>
  <si>
    <t xml:space="preserve">Again, extra unnecessary work to be added to students. It is completely useless. </t>
  </si>
  <si>
    <t xml:space="preserve">This is an extended amount of work for teachers with insufficient amount of paid time to complete said assessments and written reports. </t>
  </si>
  <si>
    <t>No pay increase for much larger amount of work.</t>
  </si>
  <si>
    <t>As long as there are not subject specific paragraph form comments required for each report!</t>
  </si>
  <si>
    <t>This is very difficult for students to do in primary k to 3 grades. This creates an extreme amount of work for the teacher as the teacher ends up doing all the work to facilitate this as students are too young to do it independently.</t>
  </si>
  <si>
    <t>This is not helpful in primary grades on a per subject basis and would be too frequent and time consuming. I am opposed. Goal setting is done in school buy not on such a formal level.</t>
  </si>
  <si>
    <t>This should have always been the way!</t>
  </si>
  <si>
    <t>5 reporting times a year is way too work intensive and stressful and does not make a valuable difference in student reporting compared to 3 reports, especially in k to 3 grades.</t>
  </si>
  <si>
    <t>4 reports + 1 at the end of the year is a lot of work for 100+ students in High School, considering that parents now have full access at any time to myEdBC and digital reporting.</t>
  </si>
  <si>
    <t>Are we talking about Self-management performance or competency performance here? Usually scales of 4 tend to be hard to decide on. For example, in Ontario, it used to be a scale of 4 but they ended up adding more levels to it to add variation (Ex: 4-, 4, 4+, 3+, 3-.....) which basically is A+, B+etc</t>
  </si>
  <si>
    <t xml:space="preserve">we need to ensure consistency and continuity with post-secondary institutions. A scale of about 8 categories (ex letter grades) is a good minimum to have. </t>
  </si>
  <si>
    <t>there is a lack of information on HOW this will be done. Are they supposed to do this for EACH subject? Or in general? Would that be on the teachers to organize something specific for the students to work on during class time? Or would that be a time set aside? Avoid cutting more class time pls</t>
  </si>
  <si>
    <t>Goal setting is important but this shouldn't be added as a teacher additional task. Create something on MyEdBC where all students will fill in their goal setting and have this printed automatically into the printed report cards, please. Don't make the teachers create their own and have to add it all</t>
  </si>
  <si>
    <t xml:space="preserve">I'm not sure what this means practically? Aren't we already supposed to be doing differentiation based on the needs of our students? What will be requested of the teachers exactly? Is that a best practice, or are you going to come down with specific guidelines that need to be followed exactly? </t>
  </si>
  <si>
    <t xml:space="preserve">I would say less teacher-based reporting, more student-based reporting. 3 teachers reporting periods mandatory (writing, 2 report cards + end of year), then student self-assessment and goal settings could be another reporting but not necessary at the same time as all the other ones. </t>
  </si>
  <si>
    <t>I believe in reporting in all subject areas half way through the year and at the end (2 formal written). I want the three other points of progress be more natural and follow the flow of the content area. Reporting five time son all areas doe snot work.</t>
  </si>
  <si>
    <t>I love the scale. It shows progression along a scale not just random numbers. The descriptors are excellent to show what you know and where you are going.</t>
  </si>
  <si>
    <t>not relevant to me as an educator</t>
  </si>
  <si>
    <t>n/a</t>
  </si>
  <si>
    <t>Still not clear how that would look. I highly recommend students be accountable for their learning and understand where they stand and where they should go.</t>
  </si>
  <si>
    <t>This is very difficult to do with children, goal setting they don't really have a full grasp of the concept. For the younger ones it is way over their head.  The time it would take to scaffold the information would cut into other teaching time. Reporting would be too time consuming.</t>
  </si>
  <si>
    <t>All learners should be included at their level.</t>
  </si>
  <si>
    <t>Reporting requires a lot of time. If you are also asking for goal setting, student self assessment, something has to give so teaching and learning can happen in the class.</t>
  </si>
  <si>
    <t>This will take too much of the teachers time. I want my daughter’s teacher to spend her time planning and preparing exciting and inspiring lessons, not filling out report cards</t>
  </si>
  <si>
    <t>Assessment is assessment no matter what letters of the alphabet you use</t>
  </si>
  <si>
    <t>This correlates better with post secondary assessment</t>
  </si>
  <si>
    <t>It’s always interesting to see what my child thinks of her progress</t>
  </si>
  <si>
    <t xml:space="preserve">It’s interesting to see what my child’s goals are </t>
  </si>
  <si>
    <t>I really don’t know how you are going to achieve this</t>
  </si>
  <si>
    <t>Teachers will have to choose between teaching or testing and I would rather they spend more time teaching and less time testing and reporting</t>
  </si>
  <si>
    <t>If the reporting styles remain the same, then no additional work is required.  The current level of reporting is acceptable.</t>
  </si>
  <si>
    <t>Mainly because we have 210 students to write descriptive reports about.  This four “point” scale will lead to many discussions around clarification of “how the student is doing” with parents.</t>
  </si>
  <si>
    <t>Status quote, with the option for adding in a proficiency scale.</t>
  </si>
  <si>
    <t>As an addition to reporting, it may be useful to see that not every “A” grade is also an “E”</t>
  </si>
  <si>
    <t xml:space="preserve">We are already doing this I think </t>
  </si>
  <si>
    <t>As long as the responsibility is on the student to report, this may help with responsibility.  However, if a teacher need to assess or collect these, a block must be assigned for time.</t>
  </si>
  <si>
    <t>Again, is comes down to appropriately recording the needed information to give to parents.  If we are writing 4 detailed written summaries for 210 students a year, the workload is too much.  We will be spending all our time writing about assessments rather than working with the students who need us.</t>
  </si>
  <si>
    <t>Why so much?  As a parent, I feel it is unnecessary to receive so much reporting.  I want my teachers teaching, not spending countless hours reporting.  A few samples of work, a conference at the beginning of the year and maybe one summative report card is a good indication of their work in k-9.</t>
  </si>
  <si>
    <t>My kids and I like letter grades better for intermediate and up.</t>
  </si>
  <si>
    <t>If post-secondary requires grades, so should all high school grades.</t>
  </si>
  <si>
    <t>I find my kids find this awfully repetive.  It doesn't drive them to do better.  Having a conversation is much more effective than the tedious task of writing it down.  Most parents I know, just throw this out.</t>
  </si>
  <si>
    <t>Again, most kids in elementary, don't have the wisdom to think critically about this.  Some goal  setting yes, doesn't need to be included in reporting.</t>
  </si>
  <si>
    <t xml:space="preserve">Hasn't it always?
</t>
  </si>
  <si>
    <t>I want my teachers teaching and my students learning.  Over-reporting and over-reflection sucks all the joy out of school.</t>
  </si>
  <si>
    <t>Very adequate mount of reporting to know how my child is  doing in school.</t>
  </si>
  <si>
    <t>Clear and understandable as to what my child is achieving.</t>
  </si>
  <si>
    <t>I think that letter grades adequately state my child's performance.</t>
  </si>
  <si>
    <t>Self-assessment is always valuable but not sure it needs to be formally done as part of a report card.</t>
  </si>
  <si>
    <t>Goal setting is important but don't think it needs to be part of report cards.</t>
  </si>
  <si>
    <t>Don't see it as necessary to be included in a report card.</t>
  </si>
  <si>
    <t>I am confused - is it 2 written reports AND 1 written summary of learning --&gt; so 3 written reports? One of the two written reports cannot be at the end of the school year? What is a Summary of Learning?</t>
  </si>
  <si>
    <t xml:space="preserve">It is great to have a proficiency scale, but we have only recently introduced a proficiency scale with different language. Now are are changing it again... </t>
  </si>
  <si>
    <t xml:space="preserve">Don't know how this will be implemented. </t>
  </si>
  <si>
    <t xml:space="preserve">The frequency of reporting, as outlined, is not clear. </t>
  </si>
  <si>
    <t>I feel like that amount allows me to communicate effectively with parents</t>
  </si>
  <si>
    <t xml:space="preserve">I feel like the proficiency scale is good up to grade 3. But beyond that it doesn’t provide adequate or accurate feedback for students to challenge themselves to be their best self. </t>
  </si>
  <si>
    <t xml:space="preserve">Accurate reporting allowing students to see the areas they need to focus. </t>
  </si>
  <si>
    <t xml:space="preserve">Inaccurate </t>
  </si>
  <si>
    <t xml:space="preserve">Waste of paper…I send home student work and reflection in my own time…don’t need another hoop to jump through. This takes away my autonomy. </t>
  </si>
  <si>
    <t xml:space="preserve">Isn’t this what we already do as good teachers? This feels like micromanaging. </t>
  </si>
  <si>
    <t>Two reports (January and June), plus check ins with parents during 2 conferences, plus regular direct communication about assignments is enough. 3 written reports is too much work and takes away from teachers being their best.</t>
  </si>
  <si>
    <t>Consistent with current language.</t>
  </si>
  <si>
    <t>I teach elementary</t>
  </si>
  <si>
    <t>But this is really hard to do for younger grades. Templates are needed.</t>
  </si>
  <si>
    <t xml:space="preserve">I don’t see how reporting 5 times along with 3 report cards is not a work load issue and that results in major reporting 8 times a year. We only have school for 9 months so to a teacher to have time to do formal report every single month is excessive </t>
  </si>
  <si>
    <t>I like the scale model</t>
  </si>
  <si>
    <t xml:space="preserve">I’m confused when we transition from words to grades how students might take it. Grade 10 is a critical time in development and for students to just realize that “developing” means C would be shocking. </t>
  </si>
  <si>
    <t>Managing 8 reports a year is overwhelming and in my opinion, unnecessary when we have report cards and parent-teacher interviews and open lines of communication with families</t>
  </si>
  <si>
    <t>We are making report cards with too much written comments. Parents barely read our report cards. The summary of learning will not even be looked at. We need to simplify reporting, not make it more complicated. We the above model we need more Report Card prep days as well.</t>
  </si>
  <si>
    <t>I use the proficiency scale now and it works fine but I teach primary.</t>
  </si>
  <si>
    <t>I personally have had two children go from high school to university and providing letter grades and percentages in very important not only for applying to post-secondary.</t>
  </si>
  <si>
    <t>I already do student self-assessment throughout the year. I send home in June the assessments to parent. There is no need to include it in earlier reporting. It just adds to the workload to try to send it home.</t>
  </si>
  <si>
    <t>Parent teacher meetings (especially first term) must be just the teacher and parent.I get so much valuable information &amp; have conversations with parents that I can't have with the student present because of sensitive information. We can do goals within class time but not include them in reporting.</t>
  </si>
  <si>
    <t>I feel like this already happens a least in primary.</t>
  </si>
  <si>
    <t>also do not include student self-assessment until June</t>
  </si>
  <si>
    <t xml:space="preserve">Students act very differently in front of their parents that they do in class. When I do goal setting now, students are insightful, etc at making goals. Many students would pretend they are shy or would act silly if they did the same activity in front of parents at parent-teacher conferences. </t>
  </si>
  <si>
    <t>Proficiency scales are not national. and certainly not international. Students moving out of BC are at a dictinct disadvantage. This marginalized academic excellence.</t>
  </si>
  <si>
    <t>Universities and colleges require GPA down to the last % when calculating admissions and scholarships.</t>
  </si>
  <si>
    <t>Completely excludes BC students who are university bound from scholarships and entry. No one at Oxford cares if you earned a “4.”</t>
  </si>
  <si>
    <t xml:space="preserve">The core competency approach is absurd. It places students and educators in precarious positions when dealing with personal and social competencies- stick to curricular contecnt and don’t dabble in par psychology. “Personal” is just that. </t>
  </si>
  <si>
    <t>There are many legitimate reasons why a student cannot meet a goal- some are very legitimate. If this becomes part of assessment- how does anyone determine this? This comes from a business model- these are students in high school.Making this part of assessment is punitive.</t>
  </si>
  <si>
    <t>When the government provides empirical means and way of achieving this - in staffing and in funding- great. otherwise, you are asking teaching staff to walk on water.</t>
  </si>
  <si>
    <t>becuse your locally developed “proficiency scale” is completely inaccurate and means nothing outside of BC.</t>
  </si>
  <si>
    <t xml:space="preserve">Reporting out 5 times per year is excessive. I work 4 days a week, get paid out for my prep because I am part time. This will be even more added to my already busy plate. Reporting on all subject areas is over the top and not necessary. </t>
  </si>
  <si>
    <t xml:space="preserve">It is too abstract for my Kindergarten students </t>
  </si>
  <si>
    <t xml:space="preserve">It is beyond the scope of what Kindergarten students are able to contextualize </t>
  </si>
  <si>
    <t xml:space="preserve">I spend the first 2 months of school almost exclusively on routines ans procedures in kindergarten. Then to add on a formal report on top of the district surveys I am expected to complete is too much when not given any working time to do it. I spend enough of my free time on work as it is. </t>
  </si>
  <si>
    <t>as a responsible parent, we should be getting a hold of the teacher if we have concerns</t>
  </si>
  <si>
    <t>more accurate</t>
  </si>
  <si>
    <t>its good for universities but not all students are heading there</t>
  </si>
  <si>
    <t>consistency is good</t>
  </si>
  <si>
    <t xml:space="preserve">It’s so much reporting, and so repetitive. Digital portfolios provide detailed progress reporting. It should be one or the other than - written reports throughout the year or digital portfolios </t>
  </si>
  <si>
    <t xml:space="preserve">It’s extremely confusing for parents to understand this wording </t>
  </si>
  <si>
    <t xml:space="preserve">I think student self assessment and agency is very important </t>
  </si>
  <si>
    <t xml:space="preserve"> Dry inconsistent reporting format and language across the province for students with special needs </t>
  </si>
  <si>
    <t xml:space="preserve">The system involves far too much reporting with digital portfolios - there should be more options  on how to provide feedback to students </t>
  </si>
  <si>
    <t>Far too much time will be spent on reporting.</t>
  </si>
  <si>
    <t>Again more time spent on assessing/reporting rather than on learning.</t>
  </si>
  <si>
    <t>This is already reported on in Career Ed. Why add yet another layer to report on.</t>
  </si>
  <si>
    <t>We report enough on student progress already. This just adds more to our already full workload.</t>
  </si>
  <si>
    <t xml:space="preserve">Meaningful feedback is more important than the high frequency of reporting without enough time for evidence. </t>
  </si>
  <si>
    <t xml:space="preserve">I have use FreshGrade for with my grade 6-8 students as a digital portfolio for reporting which includes self-assessments. My experience is that even though most assignments are posted there and easily accessible to families, very few bother to go look and instead rely on the formal report cards. </t>
  </si>
  <si>
    <t xml:space="preserve">I have already been using proficiency scales for the last 5 years and much prefer them to letter grades. It will be great for the report cards to finally reflect what I have already been implementing in the classroom. </t>
  </si>
  <si>
    <t xml:space="preserve">I have struggled to have students self assess with the provincial core proficiencies. There are many of them, the scales are crowded and difficult to use, the students find it boring... I could go on. </t>
  </si>
  <si>
    <t xml:space="preserve">I'm not sure what this means, it's this already the case? </t>
  </si>
  <si>
    <t xml:space="preserve">I'm not sure how the extra reporting will be implemented. </t>
  </si>
  <si>
    <t>Too much of a heavy work load already.</t>
  </si>
  <si>
    <t>Grades were too competitive resulting in far too may mental health ill effects.</t>
  </si>
  <si>
    <t>Report as we do for grades 8 and 9. Let the universities adjust their own requirements. We should not be doing want the universities want.</t>
  </si>
  <si>
    <t>Just use the proficiency scale and get rid of marks for grades 10 to 12 altogether.</t>
  </si>
  <si>
    <t>Kids are kids. Why have them involved at all! That's our job as teachers. Kids are not dialed in enough for this kind of self reflection.</t>
  </si>
  <si>
    <t>This is way too demanding on teachers. We do not have the time to even remotely engage in this sort of thing. There's too much happening right now on a daily basis in the classroom.</t>
  </si>
  <si>
    <t>I always assess individually based on what the student is going through in their own life.</t>
  </si>
  <si>
    <t>Have reporting universal for grades k to 12. We should not be working for the univetsities. Have the universities accept student based on their own assessment parameters. Let them come up with their own tests on weekends/evenings/online to accept students outside of public school hours. Ditch marks.</t>
  </si>
  <si>
    <t xml:space="preserve">No time is provided for teachers to adequately report 5 times a year. This is labour intensive and takes away from time spent planning and assessing. </t>
  </si>
  <si>
    <t>Same scale, different wording every few years</t>
  </si>
  <si>
    <t xml:space="preserve">Students need to be exposed to letter grades before grade 10. </t>
  </si>
  <si>
    <t xml:space="preserve">Primary children need adult one on one help to do self assessments. Again, this takes away from other teaching time. What will be removed from the curriculum? </t>
  </si>
  <si>
    <t xml:space="preserve">Supports must be provided for these diverse students otherwise this is just words. </t>
  </si>
  <si>
    <t xml:space="preserve">Provide time to teachers to do this properly. </t>
  </si>
  <si>
    <t>Currently reporting is more  frequent than necessary given teachers’ workloads. If higher frequency needed, then reduce other requirements of teachers - they are the backbone of the next generation and need reasonable workload expectations.</t>
  </si>
  <si>
    <t>Reduced focus on grades helps younger grades, but a gradual introduction rather than a stark shift in grade 10 may allow students to adapt more readily.</t>
  </si>
  <si>
    <t>With no provincial exams anymore, how do teachers actually know, to the nearest PERCENT what a student achieves relative to their peers in other classes, schools, cities and provinces. Too much power I given to gr11 &amp; 12 teachers to be gatekeepers who does/n’t advance into post-secondary</t>
  </si>
  <si>
    <t>What is the reason for the change in grade 10?</t>
  </si>
  <si>
    <t xml:space="preserve">Students need to learn to reflect on their growth and role in society </t>
  </si>
  <si>
    <t>Why can’t parents do this? Don’t teachers do enough?</t>
  </si>
  <si>
    <t>Q: Who would ever disagree with this?
A: Someone who sees teacher demands increasing steadily without adequate training and support. So this answer is only ’satisfied’ if appropriate time and training is given to teachers to make this possible. Are we getting the idea?</t>
  </si>
  <si>
    <t>More support for teachers through changing expectations and circumstances.</t>
  </si>
  <si>
    <t>We keep changing things for students and teachers without providing the necessary time and resources to adjust.</t>
  </si>
  <si>
    <t>We should clearly be moving towards graceless assessment, both in class and on final. Everybody knows this is best for our students but no one wants to make the move because universities "need percentages".
If this plan is really abut better communication then we need to get rid of percentages.</t>
  </si>
  <si>
    <t>Not along with but instead of grades.</t>
  </si>
  <si>
    <t>While it is a nice idea ensuring that assessment is inclusive to all learners, it is difficult, almost impossible in practice. Allowing for differentiated instruction whenever possible, mitigates that to a certain extent.</t>
  </si>
  <si>
    <t>Percentages are not a reasonable way to assess actual skills/proficiencies in learning areas.</t>
  </si>
  <si>
    <t>Working in an alternate learning environment with a variety of challenges.  Students with loving households come to school to learn.  Students from dysregulated homes come to school to be loved.  Accountability is important, naturally, but this reporting proposal interferes with critical work.</t>
  </si>
  <si>
    <t>Not my area of expertise.</t>
  </si>
  <si>
    <t>Post secondary institutions need to get with the times with respect to assessment.  No prof has ever satisfactorily explained the difference between an essay that is 79% (B+) and 80% (A-).  Proficiency scale or pass fail!</t>
  </si>
  <si>
    <t>What’s the difference between a paper that is 85% and 86%?  None.  A missing comma?  So silly.  Scales or pass/fail!</t>
  </si>
  <si>
    <t xml:space="preserve">Good to involve students in this process.  Pedagogy says so.  Scholarship agrees.  Mind you, the fixation with assessment as opposed to engagement and relevancy might be a detriment.  Hard for kids to get jacked about assessment.  </t>
  </si>
  <si>
    <t xml:space="preserve">Already do this through student learning plans on a weekly basis.  The ministry proposal is a redundancy from my school’s perspective.  Will probably copy and paste to save time. </t>
  </si>
  <si>
    <t>Duh?</t>
  </si>
  <si>
    <t>I work in alternate ed. The ministry proposal is out of touch with the reality of working shoulder to shoulder with at-risk youth.This proposal is more work that would (potentially) make me less available to students, updating their student learning plans, etc. MOE needs to personalize assessment.</t>
  </si>
  <si>
    <t>Too many reports, much more labour intensive, requires more time than traditional reporting</t>
  </si>
  <si>
    <t>-this would not be useful for post secondary applications and scholarship competition
-I know many teachers who automatically give 95% if they subjectively deem a student to be in the category of 'extending', so there is no uniform way to differentiate between 'outstanding' and competent kids</t>
  </si>
  <si>
    <t xml:space="preserve">Teachers are overstretched.  Using proficiency scales to report on overall progress is extremely subjective.  Parents don't fully understand the jargon.  Students in senior grades are extremely stressed about not knowing exactly where they stand and they totally recognize the subjectivity of SBG.  </t>
  </si>
  <si>
    <t>And when do you suggest educators do this? Adding additional workload to teachers with no time in lieu, when do teachers write these reports? Do you even know how much time it actually takes?</t>
  </si>
  <si>
    <t xml:space="preserve">Are we not already doing this? Again just another version of letter grades by a different name. </t>
  </si>
  <si>
    <t xml:space="preserve">Why are we waiting until Grade 10 to give letter grades? You are doing students a disservice to not have them experience letter grades until grade 10 - and let’s be honest, the proficiency scale is just another version of letter grades. </t>
  </si>
  <si>
    <t xml:space="preserve">Just additional work for teachers - the proficiency scale is no better than letter grades. </t>
  </si>
  <si>
    <t xml:space="preserve">It’s inauthentic and forced. As per usual the policy guidelines don’t reflect the changing nature of an actual classroom. </t>
  </si>
  <si>
    <t xml:space="preserve">Again, we already do this in classrooms, but now you are forcing it to be inauthentic and put additional pressures on teachers. </t>
  </si>
  <si>
    <t xml:space="preserve">Educators already do this. We already plan, support and assess all learners regardless of abilities. And we do it without support. We do it without proper funding of classroom resources, technology or educational assistants. </t>
  </si>
  <si>
    <t xml:space="preserve">Almost all of the above. </t>
  </si>
  <si>
    <t xml:space="preserve"> Again as per usual policies are created without considering the supports needed of educators, the diverse communities we live in and policies that continue to be proponents of the settler colonialism model of traditional schools. A disservice to our youth and our society.</t>
  </si>
  <si>
    <t>Too much written reports takes away effective student learning focus</t>
  </si>
  <si>
    <t>Been using it for years</t>
  </si>
  <si>
    <t>Less</t>
  </si>
  <si>
    <t>Doesn't change.</t>
  </si>
  <si>
    <t>It doesn't make sense and it is a waste.  How is it different than A, B, C?  Just changing the letters.  What is meant by extending?  Are you going above the grade level?  I want my student to be graded at the current grade level they are in, not extending beyond it.  Your new system is unclear.</t>
  </si>
  <si>
    <t>Simple, easy to understand.  Accepted by universities.</t>
  </si>
  <si>
    <t>Seems like a waste of resources.  These new reports have more information but most of it is useless.</t>
  </si>
  <si>
    <t>Seems like this is a waste to do in all classes.</t>
  </si>
  <si>
    <t>I'm not clear on how is this done. It is a good idea but how is it put into practice?</t>
  </si>
  <si>
    <t>I do not think the new K-9 report is an improvement.  I have been disappointed with my child's reports in the last few years.</t>
  </si>
  <si>
    <t>Teachers need to be given the assessment tools/resources that will allow for the meaningful evaluation of diverse students/students with individual need</t>
  </si>
  <si>
    <t>In a secondary school semester system, it make more sense to have a mid-semester report and a summative report at the end of the semester.</t>
  </si>
  <si>
    <t>I prefer the Letter Grade Scale for grades four up and and percentage for Grade 8 and 9. A four point scale is far to broad to clearly indicate performance levels.  Grade 8 and 9's are completing high school level work and preparing for senior grades where they should be used to Percentages and L.G</t>
  </si>
  <si>
    <t>In Grades 10-12 we are preparing students for the rigors of Post Secondary Studies where they will have percentages and letter grades.  And exams ....</t>
  </si>
  <si>
    <t>If students have a percentage and letter grade, then the proficiency scale is completely redundant.</t>
  </si>
  <si>
    <t>Not appropriate for higher grades.  It is enough of a struggle to cover content in specialized subjects. Who is going to administer and report out these self assessments for each of 8 subjects for each secondary student.</t>
  </si>
  <si>
    <t>When and where are the students in secondary school going to do their self reporting?</t>
  </si>
  <si>
    <t>We need to retain letter grades and percentages in Grades 10-12 and I'd like to see a return of them to Grades 8 and 9.  The proficiency scale is too vague and does not prepared them for Post Secondary.</t>
  </si>
  <si>
    <t xml:space="preserve">I'd like more details or examples of what the reports should be or will be </t>
  </si>
  <si>
    <t>I teach grades 10-12</t>
  </si>
  <si>
    <t>I feel like this will end up being pushed more than percentages and we need percentages for students</t>
  </si>
  <si>
    <t>Student engagement</t>
  </si>
  <si>
    <t>How are we preparing them for University? For life? For some students a goal is to make it through an entire school day or an entire week. What will we do for those students?</t>
  </si>
  <si>
    <t>Funding. Tell me how you expect teachers to do this while you simultaneously try to bargain away our class size and composition language in our collective agreement?</t>
  </si>
  <si>
    <t xml:space="preserve">Funding and distrust of government. </t>
  </si>
  <si>
    <t>Two written reports in kindergarten with the level of formality used in higher grades is excessive.</t>
  </si>
  <si>
    <t>Self-assessment is not developmentally appropriate in kindergarten. It feels like "jumping hoops" and the students don't understand it.</t>
  </si>
  <si>
    <t>Again, this is not developmentally appropriate for kindergarten. This amount of hoop jumping takes away from the meaningful play-based learning that should be occurring at this age. PLEASE consult early childhood educators before imposing these ideas on kindergarten.</t>
  </si>
  <si>
    <t>Too much. Workload too overloaded already.</t>
  </si>
  <si>
    <t>It's fine.</t>
  </si>
  <si>
    <t>I don't teach secondary.</t>
  </si>
  <si>
    <t>similar to primary/ intermediate reports so might be easier to see how child is progressing?</t>
  </si>
  <si>
    <t>not sure primary kids get much from this yet but maybe will with further practise</t>
  </si>
  <si>
    <t>hard to manage individual goals for younger students (who don't remember themselves) but good practise</t>
  </si>
  <si>
    <t>sounds good. need more support for teachers.</t>
  </si>
  <si>
    <t>workload to heavy as it is</t>
  </si>
  <si>
    <t>Parents need to be more involved more frequently. We need to connect and build relationships with parents. Traditional report cards are limiting. But if this creates more work for teachers with limited or minimal benefits, then why bother? Our curriculum isn't working for children who struggle.</t>
  </si>
  <si>
    <t>Will all parents understand these words? We have many adults that are barely functionally literate. How do we make reporting easier and more parent-friendly?</t>
  </si>
  <si>
    <t xml:space="preserve">Post secondary institutions haven't changed their policies...yet. Best to keep aligned, otherwise it's more work and headaches for graduating students and their families.
</t>
  </si>
  <si>
    <t>We need to think provincially. Families move...need continuity.</t>
  </si>
  <si>
    <t xml:space="preserve">More training is required for preservice teachers and teachers already teaching. Not everyone follows this aspect of our curricular responsibilities. </t>
  </si>
  <si>
    <t>Inquiry learning isn't best practice for many students. Promoting inquiry learning will expand the Matthew Effect even more than it always is. Inquiry learning does NOT benefit children who struggle in reading and/or content knowledge and vocabulary-building. Read the evidence-based research!</t>
  </si>
  <si>
    <t xml:space="preserve">Sounds good on paper, but this is not addressing children who struggle. And some districts have higher percentages of struggling students, which won't help. The responsibility on teachers to respond to each student, when class compositions are so overloaded that remedy is given EVERY year. </t>
  </si>
  <si>
    <t>Curriculum</t>
  </si>
  <si>
    <t>Change curriculum. Language Arts and Inquiry learning does not work for all students. Design a curriculum that supports struggling learners and everyone wins.</t>
  </si>
  <si>
    <t>What counts as informal reporting? Test results being sent home? Emails? Phone calls? Even now, it is not consistent school to school.</t>
  </si>
  <si>
    <t>No guidance has been given as to what these mean…does this mean every student “passes” every grade 8 subject? Is emerging a pass? What if students are not ready for the next course/grade?</t>
  </si>
  <si>
    <t>Will it be consistent province wide as to which proficiency equates to each percentage and/or letter grade, since these will still be required?</t>
  </si>
  <si>
    <t>If this is to be done in each class, this is a very onerous activity for teachers if you can buy it with the curricular competencies. If it can be done schoolwide, it is a bit more doable</t>
  </si>
  <si>
    <t>With class sizes as large as they are, sometimes this isn’t possible to the extent that it should be done. When you have 5 IEPs in a class, students who are English language learners, students who may be have not been identified yet, and you have 30 kids in your room, this is a utopian dream.</t>
  </si>
  <si>
    <t>In a semester high school, we end up reporting six times. It is unclear what the non-written reports need to be. It is unclear as to how student Evidence needs to be included. This seems like a very onerous task for teachers, because marking with a proficiency scale is already more time-consuming.</t>
  </si>
  <si>
    <t>My only concern is that model seems to be designed for the K-7 model.  For those students in high school it makes more sense to have a summary of learning at the end of the course, not at the end of the school year.</t>
  </si>
  <si>
    <t>I already use the scale and love it.</t>
  </si>
  <si>
    <t>Would like to see this go eventually but I understand PSIs want the letter grade.  Perhaps remove the percentage?</t>
  </si>
  <si>
    <t>I think we need to move away from percentages and into the 4-point or 6-point scale (letter grades)</t>
  </si>
  <si>
    <t xml:space="preserve">This significantly impacts workload with a job that is already very demanding m yet no mention of “when” and “how” this will happen given no increased prep time. 
</t>
  </si>
  <si>
    <t xml:space="preserve">The four point scale is both helpful to parents and if streamlined will become language they understand. Descriptive feedback for all subjects and all areas is unrealistic. When is this supposed to be taking place? More realistic would be feedback if students are developing or extending. </t>
  </si>
  <si>
    <t xml:space="preserve">I do not teach at this level </t>
  </si>
  <si>
    <t xml:space="preserve">This is incredibly unrealistic with kindergarten and grade 1. Students at this level are just beginning to understand self reflection and goal setting when given significant support. Making this necessary for all subjects multiple times is impractical and not age appropriate. </t>
  </si>
  <si>
    <t>Again, at the kindergarten and grade 1 level, this is developmentally inappropriate and a waste of their learning time that could be used to foster learning that benefits them rather than satisfies a government requirement.</t>
  </si>
  <si>
    <t>I agree with this, if support is given. To fully individualize each students report would be impossible for a teacher to do alone. Time would need to be provided for collaboration between the student support team and teacher.</t>
  </si>
  <si>
    <t xml:space="preserve">The province needs to update the performance standards first… we are still using old ones from last time reporting was updated. </t>
  </si>
  <si>
    <t xml:space="preserve">It seems very untimely to add additional requirements on teachers during a pandemic that already stretched many of us beyond the point that we can handle. </t>
  </si>
  <si>
    <t>It is not a shared language with parents - what supports will be in place for them? 
How do you combat subjective assessment based on context?</t>
  </si>
  <si>
    <t xml:space="preserve">Mixed messages- and parents will wonder why they can’t see the numbers in the junior grades </t>
  </si>
  <si>
    <t>Will extra time be given to complete this, or do we minimize instruction? What program or software enables this so parents have access? Paper report cards are phased out. Is this all grades or can different subject areas report on different competencies - this needs further elaboration.</t>
  </si>
  <si>
    <t>Same as above. 
In theory - great but capacity for authentic goal setting and reflection is limited. Is this all classes, or one?</t>
  </si>
  <si>
    <t xml:space="preserve">What does this mean in practice? </t>
  </si>
  <si>
    <t xml:space="preserve">Shared language in assessment for 8-12 (high school) is important for parents. Especially parents from other contexts- how can we remove barriers and simplify communication with parents and students? 
Also - can we add time for teachers to do meaningful reporting? </t>
  </si>
  <si>
    <t xml:space="preserve">Far too many reports that will not be read. They are barely read as is. </t>
  </si>
  <si>
    <t>Too vague</t>
  </si>
  <si>
    <t xml:space="preserve">Too vague, no purpose beyond secondary. </t>
  </si>
  <si>
    <t xml:space="preserve">Many students have obscured views of their learning, must be carefully supported by the ministry. </t>
  </si>
  <si>
    <t xml:space="preserve">Many descriptors unclear, more reporting in a way that won’t be read anymore by parents. More thought needs to go into how reporting is delivered, not the frequency. </t>
  </si>
  <si>
    <t xml:space="preserve">It is reporting too frequently with little time to gather evidence and see enough improvement.  Comments and proficiencies are often just repeated and it is therefore a bit redundant. </t>
  </si>
  <si>
    <t xml:space="preserve">The term proficient is challenging to give students. Whereas developing is a wide range where truthfully, most students would be yet parents would be worried that their child is only “developing” the skills needed but really all our students are developing their skills in all subject areas. </t>
  </si>
  <si>
    <t>This can be challenging for the younger students, it also becomes challenging as a teacher to support some of these goals when they are personal (not something in school) because we also have to work with the curriculum and have 20+ other students to be mindful of and their personal goals.</t>
  </si>
  <si>
    <t>Less formal written reports required per year (2 written -end of January and end of June- instead of 3), and opt instead for more informal and formative assessments, reflections, displays of learning, and artifacts of learning through the use of digital tools such a FreshGrade.</t>
  </si>
  <si>
    <t xml:space="preserve">I would like percentage based reporting. A 100 percent scale is much more informative!! How can we differentiate between a 80% grade and a 99% grade on a 4 point scale! Ridiculous. </t>
  </si>
  <si>
    <t>How can we expect students to transition from a 4 point scale to a 100 point scale?</t>
  </si>
  <si>
    <t xml:space="preserve">Yes a good idea for self reflection </t>
  </si>
  <si>
    <t xml:space="preserve">Students of diverse needs have much different abilities. Grouping them all together does not help with self esteem,
Self worth etc. </t>
  </si>
  <si>
    <t xml:space="preserve">I have always been doing three official written reports to go out at the end of each term, and two summaries of learning provided as interim reports each year.  Why are we even bringing this up again?  Teachers are stressed out because of Covid-19, and now the government wants to shake things up? </t>
  </si>
  <si>
    <t>I thought teachers could choose and had autonomy so that reporting style would be their choice (Fresh Grade or CSL Template).  It seems like the government is slowly taking away autonomy, and that is never a good thing.</t>
  </si>
  <si>
    <t>I teach grade intermediate elementary so this does not affect me.</t>
  </si>
  <si>
    <t>I do this already in my classroom.</t>
  </si>
  <si>
    <t>I feel it is important for students to set educational goals, and I ask my studnens every year to do just that.</t>
  </si>
  <si>
    <t>I already allow student input into assessment and evaluation of their work, and I always discuss ways to meet their learning goals with each student.  I also adapt educational needs for students with diagnosed learning disabilities etc.</t>
  </si>
  <si>
    <t>I feel teachers need autonomy over the way in which they provide formal assessments in report cards etc, or with Fresh Grade if they use that.</t>
  </si>
  <si>
    <t>French &amp; English equally</t>
  </si>
  <si>
    <t>The obligation to report through the use of at least two written reports contradicts the direction that education has been taking, and the point of digital portfolios. As a Core Music teacher, there is no way that I can convey in words what I can convey in one video - a picture is worth 1,000 words.</t>
  </si>
  <si>
    <t>A four-point scale better reflects my students' learning than letter grades.</t>
  </si>
  <si>
    <t>I don't teach high school.</t>
  </si>
  <si>
    <t>This sounds like a lot of extra work, especially at the lower primary levels.</t>
  </si>
  <si>
    <t>specifically, "frequency of required written reporting" - I do not believe that the requirement is the best use of teachers' time - more time will be spent writing rather than servicing student needs</t>
  </si>
  <si>
    <t>This is a manageable amount and gives the parents enough info throughout the year to knowhow their child is doing.</t>
  </si>
  <si>
    <t>As a parent I find this four point scale confusing and fairly uninformative. It doesn't give me much of indication of how my child is actually doing. Proficient seems to cover those whom are doing the minimum required to get by as well as those putting all their effort in and going above and beyond.</t>
  </si>
  <si>
    <t>It shows exactly how the student is performing and should be used for all grades or at very least Middle school as well.</t>
  </si>
  <si>
    <t>Too vague and doesn't giver an accurate account of student success.</t>
  </si>
  <si>
    <t>I find many students don't care about this and put in little to no effort into it.</t>
  </si>
  <si>
    <t>While some students will take this to heart the majority will just do it because they are forced and not put any real effort into and not get anything out of it. Even though this seems to be the new "it" thing that many companies are doing many people i know find it a waste of time.</t>
  </si>
  <si>
    <t>While most teachers try to assess all their students as fairly as they can unless teachers were get double their prep time it is impossible to respond "fully" to all individual needs. Many students aren't designated as their isn't enough Psyche testing available.</t>
  </si>
  <si>
    <t>The proficiency scale is useless and I don't know any other parents who like the new scale.</t>
  </si>
  <si>
    <t>This is very challenging in Kindergarten and not applicable in career related contexts</t>
  </si>
  <si>
    <t>Please update the BC performance standards for Language Arts. Every year teacher continue to rely on these outdated documents to help assess student performance. The standards should be updated to reflect the new curriculum and reporting guidelines.</t>
  </si>
  <si>
    <t xml:space="preserve">It is too much. Students stress about reports. We have 1/2 day for these which is not sufficient. The workload is becoming overwhelming. This may push me out the door. </t>
  </si>
  <si>
    <t xml:space="preserve">I agree with allowing students time to master tasks. There is too much ambiguity &amp; subjectivity. I would like to see grades in grade 9 &amp; up so students who’ve slacked off have time to recover. </t>
  </si>
  <si>
    <t xml:space="preserve">Grades or percentages but not both and not proficiency standards. At this grade students should be expected to have some mastery and grades need to be less arbitrary at this level. </t>
  </si>
  <si>
    <t xml:space="preserve">Way too much. At high school some teachers could have upwards of 300 comments to do assuming 3 courses x 3 classes each course of 30 stds each. Some teach even more. We are given 1/2 day for report cards. None of you would want this. </t>
  </si>
  <si>
    <t xml:space="preserve">I do student reflection and self assessment all the time. They hate it. I keep teaching it and doing it. Many do not have the maturity to do this until the senior years. Even then it is hit or miss. </t>
  </si>
  <si>
    <t xml:space="preserve">We have more students who have less skills than ever before. Many are the revisions to “flex” which was supposed to be a version of genius hour/choice, which became a game of herding cats. Skills need to be taught before independence is reached. Using Tik-Tok &amp; Instagram is not research. </t>
  </si>
  <si>
    <t xml:space="preserve">I am alarmed at the reduction in programming &amp; support for special needs. Inclusion is good if it meets the learner’s needs. We seem to be including because it meets our staffing levels or bottom $$. Saying a profoundly disabled child is developing is lazy support hiding a cut to programming. </t>
  </si>
  <si>
    <t xml:space="preserve">Sorry— all of these need work. I think many of you have not been in a public school classroom in a long time. Otherwise you would understand the work load &amp; how hard most of us work  to meet ever increasing needs of our students  </t>
  </si>
  <si>
    <t xml:space="preserve">Many of our districts are top heavy as is the ministry. We need less at the top and more boots on the ground. We have lost programming for special needs &amp; every year the stds come to my class with fewer skills. I agree with not memorizing useless info, but we have swung too far to the other side. </t>
  </si>
  <si>
    <t>I think the current number of reporting events is frequent enough without being too cumbersome - there is some flexibility in reporting methods.</t>
  </si>
  <si>
    <t xml:space="preserve">I think this moves away from a letter or percentage based system that can be a poor representation of actual learning given that learning may be taking place in alternate ways.  This provides more room for personalization of learning and individualized feedback for students. </t>
  </si>
  <si>
    <t>I see the need to align with post secondary expectations and needs, but I believe that the same reasons that make the proficiency scales a valuable feedback format for K-9 hold true in grades 10-12.  If the goal is truly learning over record keeping, proficiency scales are a better fit.</t>
  </si>
  <si>
    <t>Including student self assessment I. These areas takes away from some of the flexibility that currently exists in terms of how and when students participate in core competency reflections, self-assessment and learning.  Making more of these “official” can actually hinder the process for some.</t>
  </si>
  <si>
    <t>I have concerns about these being included in a student report as this gives the impression that the goals are set in stone, when in fact we want our students to think about these on an ongoing basis, revising goals and plans as needed as a reflection of their learning and growth.</t>
  </si>
  <si>
    <t>While some students may be working towards very individualized learning goals, the need for parent communication and feedback is the same.</t>
  </si>
  <si>
    <t xml:space="preserve">I hear the same stuff about my child. It doesn’t give my child a chance to improve before the next reporting period comes out. </t>
  </si>
  <si>
    <t>The only two areas you would think to want to see your child are proficient or extending yet it seems unrealistic for them to be there because they’re learning new things, why should they be expected to be proficient?</t>
  </si>
  <si>
    <t xml:space="preserve">Parents don’t really even know what the core competencies are therefore we don’t really understand when our child reflects on them. I just want to see what the teacher says my child can do and where they are on the proficiency scale. </t>
  </si>
  <si>
    <t xml:space="preserve">Some of their goals are just silly and not related to what their teacher can support them with in school. I want to know the goals from the teacher. </t>
  </si>
  <si>
    <t xml:space="preserve">Realistically I want to know that the teacher knows my child and cares about my child. I don’t need 5 formal reporting periods throughout the school year. Right after we meet in person I then get a written report card saying the same stuff, unnecessary work for the teachers. </t>
  </si>
  <si>
    <t>- ideally, reporting 3 times during a secondary semester system works well: initial work habits (&amp; sometimes early progress), mid-semester, and end of semester means 6 per year
- however, it’s unclear (so far in my reading of the policy) what would be mandated in first 25% of course (1st 4weeks)</t>
  </si>
  <si>
    <t>- some colleagues still struggle with using proficiency scale; many teachers (and parents) could benefit from more clear info about it</t>
  </si>
  <si>
    <t>- recognizing percentages are flawed (don’t align with new curriculum and modern pedagogy; often too subjective; sometimes punitive), why are they suddenly not flawed once students are in gr 10?  colleges and universities are out of step</t>
  </si>
  <si>
    <t>- encourages student engagement, and supports new curriculum; 
- however, teachers continue to need in-service to support their understanding of this policy</t>
  </si>
  <si>
    <t xml:space="preserve">The choices provided here are frustrating:  “very satisfied” is too much like “extremely satisfied” whereas “slightly satisfied” is far closer to “neutral” than “very satisfied” - and shouldn’t these two be equal..? I want to check “somewhat satisfied” </t>
  </si>
  <si>
    <t>Yes, we should be inclusive and assessment policy should be inclusive - but until it’s  accurately described what “inclusive” actually looks like, it’s only lip service</t>
  </si>
  <si>
    <t xml:space="preserve">If we believe in proficiency scale, it’s what we should use, support, explain, promote, demand. Let’s not go backwards. </t>
  </si>
  <si>
    <t xml:space="preserve">Flexible ways of student centres sharing of growth is amazing.  These are weight intensive.  Balanced with two written reports and a summary of learning makes these opportunities to share learning less likely.  </t>
  </si>
  <si>
    <t xml:space="preserve">One written report and a summary of learning is ideal.  Leaves time and space for more student centered sharing of growth.  Student centered leads to more confidence, engagement and motivation in learning. </t>
  </si>
  <si>
    <t>Student centered and reflective.</t>
  </si>
  <si>
    <t xml:space="preserve">Reduce written reports to 1 and a summary of learning.  </t>
  </si>
  <si>
    <t xml:space="preserve">The opportunity for flexible, student centered, communication of learning is a more valuable tool than an extra written report.  </t>
  </si>
  <si>
    <t>There is too much reporting and no one is reading it! As a high school teacher, I literally spend upwards of 15 hours writing reports for each reporting period. There is substantial indication that parents are not reading this, students are not reading it, and MYEDBC is very challenging for parents.</t>
  </si>
  <si>
    <t xml:space="preserve">The scale is easy for teachers to use, but it is not informative for parents or students. At the end of the day, percentages and letter grades remain more meaningful and more informative for everyone. The "cultural shift" needed to understand the proficiency scale has not been realized. </t>
  </si>
  <si>
    <t xml:space="preserve">It makes sense and it is the common language that is understood, meaningful, and motivating. </t>
  </si>
  <si>
    <t xml:space="preserve">The two means of assessment are entirely different and not complimentary. The proficiency scale is, unfortunately, muddy and misunderstood by parents, students, and practitioners. </t>
  </si>
  <si>
    <t xml:space="preserve">Again, this is an exercise in verbiage and rhetoric rather than a practical and realistic way to engage students in their learning. Students do not understand it, nor do parents. At the end of the day, it is much more meaningful to provide letter grades and percentages and maybe work habit. </t>
  </si>
  <si>
    <t xml:space="preserve">I think this would simply add more paper work for teachers and students and detract from learning in the classroom </t>
  </si>
  <si>
    <t xml:space="preserve">Obviously this should be the case. </t>
  </si>
  <si>
    <t xml:space="preserve">There was only one option, so I could not really convey all of my concerns. But, I feel reporting is onerous and confusing as it is without adding the Proficiency Scale to senior students' reports. </t>
  </si>
  <si>
    <t>While descriptive feedback is helpful for some, it is not practical to provide feedback in the same way to all. Many parents do not even read the feedback being sent home as is. Precious time would be better spent directly engaging with learners.</t>
  </si>
  <si>
    <t>Descriptive feedback is not used effectively by all parents. The amount of resources spent on reports (teachers’ personal time) is not worth the return. Teachers are less likely to volunteer, more stressed, and less engaged at work because of pointless paperwork with no regards for pragmatism.</t>
  </si>
  <si>
    <t>Percentages have no place in modern assessment practice. They are inauthentic, biased, and have a negative impact on learning. Post secondary institutions should respond to the public system, not the other way around. If you are worried about our students not being competitive just give them all 100</t>
  </si>
  <si>
    <t>Percentages have no place in modern assessment practice. They are inauthentic, biased, and have a negative impact on learning.</t>
  </si>
  <si>
    <t>Students should be actively engaged in the reporting process. Students should be filling in their own self-reflection directly into My-Ed to save busywork of reporting. My only concern is that teachers will have to manually input self assessment for each student (hours and hours of busywork)</t>
  </si>
  <si>
    <t xml:space="preserve">Great idea as long as the responsibility of imputing these goals is on the student. </t>
  </si>
  <si>
    <t>To vague. This just creates a loophole for admin to pass kids along by providing “alternate assessment” while violating the very soul of professional autonomy. This does nothing to help student learning.</t>
  </si>
  <si>
    <t>Percentages have a negative impact on student learning - they undermine everything the new curriculum is trying to accomplish. They are a stain on our system, and I am embarrassed that for profit post-secondary institutions have so much power over public education.</t>
  </si>
  <si>
    <t xml:space="preserve">I feel five reports throughout the year is unnecessary. The first one generally takes place too early in the year for us to even know our students well enough to report to parents. </t>
  </si>
  <si>
    <t>For lower primary, k-3, I feel we don’t need to use proficiency scales in all subject areas. Using the scales for reading, writing, and math are enough as that is our main focus.</t>
  </si>
  <si>
    <t>For primary k-3 it is very difficult for them to self-assess in a meaningful way. You can work toward having students be mindful of their growth yet very few kids at this age really understand what they are working on and how they’re doing. For the average child, this is difficult.</t>
  </si>
  <si>
    <t>Again, it is very difficult for young children to set meaningful goals and how they’re going to reach them. It is more teacher voice or parent voice that is reflected.</t>
  </si>
  <si>
    <t xml:space="preserve">Every year the classroom teacher has more expectations placed on them with less and less support. To expect us to individualize a classroom of 24+ kids is unrealistic.Put money into the system and provide  EA support in the classroom so we can meet the needs of all kids. </t>
  </si>
  <si>
    <t xml:space="preserve">I would appreciate being given time during the work week each term to write reports. I should not have to give up several weekends per term to write reports. It should be done during the school day by giving us time to do them! </t>
  </si>
  <si>
    <t>Writing quality reports takes a great deal of time and we are given zero days to do them. I should not have to spend my weekends working on them. Days off per term for report card writing makes complete sense.</t>
  </si>
  <si>
    <t>Too many written reports. Sitting with students and parents to support a learning journey. What is working? What is not? What next? Is far better than a written report from a teacher. It is all about together is better.</t>
  </si>
  <si>
    <t>Is it a sliding scale or is it a set box. A sliding scale is far more accurate of a child's progress than putting them in a box</t>
  </si>
  <si>
    <t>The little ones need more time to develop understanding</t>
  </si>
  <si>
    <t xml:space="preserve">The little ones need more time to develop understanding of what and who they are and there learning strengths prior to setting goals </t>
  </si>
  <si>
    <t>There is little about emotional development and SEL</t>
  </si>
  <si>
    <t>Too much too soon.
Where is the understanding that learning takes patience and time? including goal setting and self assessment as many K to 3 students do not know their story and who they are as learners yet</t>
  </si>
  <si>
    <t xml:space="preserve">As a teacher, this is an onerous responsibility. Right now I have to prepare an interim, a midterm and a final report and attend parent-teacher night. I have to do this for roughly 100 students/ semester with very little supplied preparation time. When am I meant to do even more reporting? </t>
  </si>
  <si>
    <t>As a parent and a teacher I deeply dislike the proficiency scale. The use of words carries with it so many connotations and everyone interprets them differently. As well the proficiency scale does not translate well to letter grades yet I am still supposed to supply those for grades 8 and 9.</t>
  </si>
  <si>
    <t>At least letter grades and percentages make sense but the dramatic shift in evaluation from proficiency scales to letter grades and percentages is not going to help kids with the already difficult transition from grade 9 to 10.</t>
  </si>
  <si>
    <t>Again, the proficiency scales do not translate well to letter grades and percentages. If you want to overhaul the system then you have to do the whole thing and you would need to do away with grades and percentages completely, which you can’t.</t>
  </si>
  <si>
    <t>Honestly, nobody can actually rationalize the core competencies the way they currently stand. It’s like they float around the curriculum but not in it. As a teacher I’m not supposed to assess them but the kids are supposed to self-assess. For what purpose? They don’t buy in and don’t see the value.</t>
  </si>
  <si>
    <t>You can’t force people to make goals. This is going to be a pointless exercise with no buy-in that just erodes class time. When am I actually supposed to teach?</t>
  </si>
  <si>
    <t>I’m very in favor of diversity and inclusion but I have no idea what this means in the context of reporting. If you really want to look at diversity and inclusion why don’t you start by updating the coding and providing more stable funding for diverse learners?</t>
  </si>
  <si>
    <t>I truly don’t have enough hours in the day for all of the things that I already have to do. How am I meant to do more? As a high school teacher I also do not have the time to provide deep anecdotal feedback for 200 students!</t>
  </si>
  <si>
    <t>Stretching teachers too thin! Workload increase!</t>
  </si>
  <si>
    <t xml:space="preserve">Unreasonable expectations put on teachers. </t>
  </si>
  <si>
    <t xml:space="preserve">It works as it is presently. Most teachers report to parents far more than the minimum 5 times. </t>
  </si>
  <si>
    <t xml:space="preserve">Proficiency scales are the flavour of the month but parents are not happy reading and understanding those scales that claim to report their child’s progress. </t>
  </si>
  <si>
    <t>Unless you change post-secondary institutions entrance requirements, leave the grading procedure as it presently stands. Again, Min.of Ed people not in touch with front line educators.</t>
  </si>
  <si>
    <t xml:space="preserve">Parents and teachers do not want this in the senior grades. It is a tangent that many in Min.of Ed. feel is the right way to go, but parental responses to teachers say otherwise. </t>
  </si>
  <si>
    <t>Continues to be too much for students to self-assess. Many of my students feel overwhelmed when trying to assess even two areas of the Core Competencies.</t>
  </si>
  <si>
    <t>This occurs in numerous classes and has been included for years.</t>
  </si>
  <si>
    <t xml:space="preserve">Has been happening for my teaching tenure, which is more than 30 years. Teachers have been individualizing learning for all students. This is NOT something new, even though the Min. of Ed spins it that it is new. </t>
  </si>
  <si>
    <t>Many parents are not interested in this form of reporting. Too unwieldy in a document. Better to have these discussions in a parent/student/teacher conference, not on a school report/document.</t>
  </si>
  <si>
    <t xml:space="preserve">Too frequent.
Student involvement should not be required at every report. </t>
  </si>
  <si>
    <t>Very time consuming to get student involvement at every report period for students who do not yet write or work very independently (early primary).</t>
  </si>
  <si>
    <t xml:space="preserve">Two written reports is enough - one at end of term one and one at end of year
Two parent/teacher and/or student led conferences
Digital portfolios ongoing to CSL throughout year
</t>
  </si>
  <si>
    <t>Kids are all about percentages - the sliding scale doesn't mean as much to them</t>
  </si>
  <si>
    <t>End of year is sufficient - once</t>
  </si>
  <si>
    <t>This is discussed during conferences and communicated by students in various ways - having to represent this on a report is extra and not necessary</t>
  </si>
  <si>
    <t>Strength based reporting - yes</t>
  </si>
  <si>
    <t xml:space="preserve">Reports should be concise and support communication of student learning already being shared with families. Lengthy is not better. Simple and clear is best. </t>
  </si>
  <si>
    <t>I feel like a receive a sufficient overview of my child's abilities and accomplishments. Also I feel currently I have enough feedback to provide more learning at home.</t>
  </si>
  <si>
    <t>It is important for parents to be made aware of the level of performance in each subject area.</t>
  </si>
  <si>
    <t>Letter grades provide a better scale for future university or college prospects. Letter grades are motivating and less subjective.</t>
  </si>
  <si>
    <t>Children need to reflect on their own effort and learning. How else can they do better or understand areas that need more work.</t>
  </si>
  <si>
    <t>Students should be encouraged to learn more about their own passion or interest.</t>
  </si>
  <si>
    <t>I am not sure if teachers know students well enough to use the proficiency scale.</t>
  </si>
  <si>
    <t xml:space="preserve">We currently run a model at our school where we have informal interm reports in December followed by two formal written report cards March and June. Having 3 written reports plus two more reports on all subject areas add far too much work to an already overloaded work load for teachers. </t>
  </si>
  <si>
    <t xml:space="preserve">I’m satisfied with the proficiency scale. It is easy to community student learning to both students and parents. </t>
  </si>
  <si>
    <t xml:space="preserve">Letter grades prepare high school students for post secondary education. </t>
  </si>
  <si>
    <t>The current frequency seems reasonable. If the written reports involve a lot more writing or connected evidence that would add a lot of difficulty, so that would seem less reasonable. So I would say "satisfied" but not "very satisfied", so I chose neutral.</t>
  </si>
  <si>
    <t>I think this proficiency scale is a reasonable way to provide a performance marker, alongside evidence of learning.</t>
  </si>
  <si>
    <t>What is the point of requiring letter grades if you make us use percentages anyway? It is absolutely ridiculous to think that a student with 78% is demonstrably different from one with 79%. How are teachers supposed to be able to validly determine and justify the difference? Letter grade only please</t>
  </si>
  <si>
    <t>Seems like a good idea to provide continuity</t>
  </si>
  <si>
    <t>Students should get more comfortable with self-assessment, and requiring it will hopefully mean more teachers learn to make it meaningful</t>
  </si>
  <si>
    <t>Awesome idea! This must involve some scaffolded lessons and pro-D for teachers to be able to implement meaningfully</t>
  </si>
  <si>
    <t>Not 100% sure what this means or what it will look like, but it sounds good. Very important to be inclusive</t>
  </si>
  <si>
    <t>Percentages are not at all reasonable. Look at AP and IB exams: they are considered some of the most prestigious exams by universities, and do not include percentages, since these programs know it is not reasonable. Resist! Do not include percentages! Letter grades only!</t>
  </si>
  <si>
    <t>it is  manageable number with the current structure. It is too much if more detail is required.</t>
  </si>
  <si>
    <t>Number scale or grade easier for students and parents to understand.</t>
  </si>
  <si>
    <t>a well understood and exte sively used the world over.</t>
  </si>
  <si>
    <t>pointless when a a % scale says it all with the comments attached on reports</t>
  </si>
  <si>
    <t>none</t>
  </si>
  <si>
    <t>difficult to get meaningful engagement here</t>
  </si>
  <si>
    <t>the jury is out - this is very time consuming and where will the time come from</t>
  </si>
  <si>
    <t>redundant</t>
  </si>
  <si>
    <t>What does emerging really mean?  If a student in Grade 8 or 9 at the end of the course has not completed the requirements (Insufficient Evidence of learning), do they continue on to the next grade level of that course?</t>
  </si>
  <si>
    <t>Why are percentages necessary?  In the distant past, 1980s and before, only letter grades were given (except for provincially examinable courses which required a percentage).  Why can we not go back and report letter grades only as before?</t>
  </si>
  <si>
    <t xml:space="preserve"> as long as it is optional and not mandated</t>
  </si>
  <si>
    <t>May not be meaningful for students at the time they are required to report</t>
  </si>
  <si>
    <t>Philosophically this sounds great, but realistically, students may just quote a letter grade as their goal, especially if the course is content driven.  Are teachers to collecting the "data" and goals that students write and copying them onto the report card?</t>
  </si>
  <si>
    <t>Student self-assessment should be adequate on the report card.</t>
  </si>
  <si>
    <t>It is a good snapshot of how my child is doing</t>
  </si>
  <si>
    <t>I would prefer a 7 point scale such as the IB scale.  A four point scale is very vague when it comes to knowing if my child is prepared sufficiently fir the next level</t>
  </si>
  <si>
    <t>Even though percentages aren’t fully accurate, it gives a better idea of the level if understanding that my child is at.</t>
  </si>
  <si>
    <t xml:space="preserve">Not enough clarity of whether my child is ready for the next level </t>
  </si>
  <si>
    <t>It seems like a hoop to jump through for most students</t>
  </si>
  <si>
    <t>I would like this if I thought it would be taken seriously, and that the funding would be given to assign a teacher to the role of mentoring my child into having goal setting abilities around academics and career choices.  If no teacher is assigned a role in this, it seems to be just another hoop .</t>
  </si>
  <si>
    <t>More criteria and follow through is needed to make this meaningful.</t>
  </si>
  <si>
    <t>5 reports? I already don't have enough time to plan for 11 subjects in grade 7. As a family of 2 teachers, my child already hates report cards and hasn't gone to school yet. All she knows it is 2 weeks of not seeing either of us. Would be nice to see an example for all subjects /grades.</t>
  </si>
  <si>
    <t>Performance standards are better than grades. But all the research says "comments only" is pedagogically the best for our students.</t>
  </si>
  <si>
    <t>It's a step in the right direction, but like before, research shows grades don't help.</t>
  </si>
  <si>
    <t>It's a great idea, but shovelling even more onto teachers to-do list without any extra prep or support is just cruel.</t>
  </si>
  <si>
    <t>Sure goals are great, but where is all this time coming from? Have you seen the content we are given for a single year in grade 7?</t>
  </si>
  <si>
    <t>5 reports is just too much. If that happens then 1 of us (if not both) will give up positions and work as TOC's. I am tired of giving up weekends for a system that doesn't respect our time.</t>
  </si>
  <si>
    <t xml:space="preserve">The current structure balances feedback with the incredible workload required. </t>
  </si>
  <si>
    <t xml:space="preserve">The proficiency scale represents some changes for the better. A few more scale levels could be added for the older students, while keeping the current descriptors. A four point scale does not add enough nuance to reflect the huge range of learners. The OECD has somewhere between 6-8. </t>
  </si>
  <si>
    <t xml:space="preserve">Students should not face a disadvantage in competing for places at post secondary institutions. Percentages could be considered a range rather than a precise measure of competency. </t>
  </si>
  <si>
    <t xml:space="preserve">Requiring teachers to report on several different assessment scales causes undo frustration and extra work. Schools can offer up conversion charts on report cards to reflect the shift from proficiency scales to percentages. However forcing teachers to add additional elements is unfair. </t>
  </si>
  <si>
    <t xml:space="preserve">This needs to be made accessible for students and funded properly. If this is done as an additional task at particularly busy times of the school year, it will lose its inherent value and authenticity. </t>
  </si>
  <si>
    <t xml:space="preserve">This should be imbedded into a particular course. Schools will have to divert important learning and Human Resources to this task, which will be undervalued by students and staff if it feels like a hoop to jump through. Students complete tasks because they see the accountability and relationships. </t>
  </si>
  <si>
    <t>Teachers whose classes filled with students with exceptional learning needs should not have extra burdens with reporting. Their rights are already being violated by the class size and composition issues. They don’t need even more burden in reporting. The process should be aligned w/ others students.</t>
  </si>
  <si>
    <t>I am concerned that teachers will have this burden heaped upon them by overzealous administrators who think they are correctly interpreting the reporting order with no care for the pedagogical merits or wellbeing of their policies. Teachers should be encouraged to show the connection, but not forced</t>
  </si>
  <si>
    <t>I agree with 4 learning updates but feel only 1 should be written and 3 should be meeting one-on-one with parents/guardians. Meeting in person is WAY more valuable than something read. With the Summary of Learning written at the end of the school year, the parents already receive 2 written reports.</t>
  </si>
  <si>
    <t>This provides options for sliding scales, whereas distinct letter grades did not.</t>
  </si>
  <si>
    <t>Provides preparation for letter grades and percentages in University.</t>
  </si>
  <si>
    <t>Students in grades 10-12 need to be prepared for a clear, direct, factual statement of their level of achievement. Not just "developing" which means a variety of things on a sliding scale. They are preparing to enter University or the workplace. Be exact.</t>
  </si>
  <si>
    <t>Humans generally do not self-assess accurately.</t>
  </si>
  <si>
    <t>It is a must to include students with disabilities and diverse abilities. There is not enough support and time given to teachers to respond fully to individual needs.</t>
  </si>
  <si>
    <t>No time is given to teachers complete hugely labourous written reports (hours, upon hours, upon hours of work). Reporting should be done in sharing assessments face to face with students/parents/guardians.</t>
  </si>
  <si>
    <t>As a high school teacher i have 100-120 students per semester. It is extremely time consuming at current practice. Please dont add to the workload</t>
  </si>
  <si>
    <t>As a gr 9 teacher i am unable to complete these types of reports as i also teach gr 10-12. Please stop giving us more reporting to do. We already do so much. Its not a fair ask. There is no time to do all this</t>
  </si>
  <si>
    <t>Students in highschool do not require copius amounts of reporting and we are already doing this. Since the pandemic, we have been forced to communicate far more with parents and we dont have the time. Nor are we compensated</t>
  </si>
  <si>
    <t>If you want us to use a proficiency scale that is fine. But i do not have the time to do this for 120 students per semester. I already dont have enough time in my day</t>
  </si>
  <si>
    <t>My job is to educate students. It shouldnt be my responsibility to ensure they self report. It doesnt affect me, it affects them. 
Students should conplete this on their own time and should have nothing to do with the teacher at the high school level</t>
  </si>
  <si>
    <t>I do not have time to read 120 self assessments per semeter multiple times for reporting. We have too much to do already. This shold be done by students for their own knowledge and the teacher should not have to include it on report cards. Parents should do this not us</t>
  </si>
  <si>
    <t>I do not wish to change anything about reporting at the high school level. We see 120 students a semester. I do not have time to incorporate all these things in my reporting. High school students should be self assessing on their own time with parents</t>
  </si>
  <si>
    <t>I don’t find the format of these reports at all useful for a parent. It looks like an incredible amount of work for teachers but they don’t allow parents to judge where their student is in comparison to where they should be. Writing 3 reports in this format is not helpful. The format needs to change</t>
  </si>
  <si>
    <t xml:space="preserve">I don’t believe this gives me a clear idea of where my child is. The language is too fluffy. I really just want to know if my child is falling behind and exactly where this is. It needs to be more clear. </t>
  </si>
  <si>
    <t>I truly believe we should be more clear in grades earlier so the grades in higher years are not such a big surprise for both students and parents.</t>
  </si>
  <si>
    <t>Again, this would be useful in earlier years too.</t>
  </si>
  <si>
    <t>This is not so easy in early years but I very useful in upper intermediate and high school.</t>
  </si>
  <si>
    <t xml:space="preserve">Please make reports more clear for parents. Past reports were much more useful (they were checklists indicating where students fall in each curricular concept). I find the reports are now focussed on what children can do but they are not clear as to what they should be doing and how far behind or ahead they are. They leave me feeling very confused. </t>
  </si>
  <si>
    <t xml:space="preserve">Not all subjects should be isolated 5 times per year in elementary school. Social/emotional, work habits, numeracy and literacy should be focused on. Other areas are integrated. All subjects including art, PE, science, social studies etc. should be included in the three written report cards. </t>
  </si>
  <si>
    <t>The language “Emerging” can be problematic in the higher grades. For example if a grade 4 student’s writing is at the grade 1 level the word emerging makes it sound like they are beginning to reach grade level. I feel that we need a descriptor that clearly states not yet near grade level.</t>
  </si>
  <si>
    <t xml:space="preserve">This is already done in many classrooms. </t>
  </si>
  <si>
    <t xml:space="preserve">As long as the requirement is appropriate for the age. For example, elementary age children do best when they can really focus on one or two goals at a time. </t>
  </si>
  <si>
    <t xml:space="preserve">The second written report is so close in timing to the first written report that there is little observable change in students.  The time interval between can be as little as eight weeks.  Parents don't often read that second written report as it also coincides with parent-teacher interviews. </t>
  </si>
  <si>
    <t>I do not teach at the 10-12 level.</t>
  </si>
  <si>
    <t>It is extremely difficult for the teachers of the youngest primary children (K-Gr 2) to record every child's self-assessment.  When do they have time to do this?  Children of that age cannot do it themselves.</t>
  </si>
  <si>
    <t>See above re the younger primary students.</t>
  </si>
  <si>
    <t>The second written report should be removed entirely and replaced with the parent conference. Parents would rather hear in person anyway. The first written and the summary report at the end of the year should suffice as the written reports, all others in interview format.</t>
  </si>
  <si>
    <t>Reporting formally within the first 25% of the school year does not allow for an accurate reflection of student progress in early primary.</t>
  </si>
  <si>
    <t>This requirement to provide descriptive comments on every subject area drastically increases teacher workload and will also likely result in an imbalance of instructional time, requiring addtional assessment rather than active engagement in student learning opportunities and student support.</t>
  </si>
  <si>
    <t>How is slightly satisfied lower down the scale than neutral?</t>
  </si>
  <si>
    <t>It does not undermine the use and understanding of proficiency scales in earlier grades.</t>
  </si>
  <si>
    <t xml:space="preserve">Again, this is a significant increase in the instructional time required to prepare for communicating student learning.  </t>
  </si>
  <si>
    <t>Again, this is a significant increase in the instructional time required to prepare for communicating student learning, with no reduction in other prescribed learning standards.</t>
  </si>
  <si>
    <t>How does this interrelate with IEPs and progress reporting?  There seems to be a lack of clarity.</t>
  </si>
  <si>
    <t xml:space="preserve">Required descriptive feedback in all subject areas each instance of reporting.  </t>
  </si>
  <si>
    <t xml:space="preserve">This requires a significant increase in the time and amount of information teachers are required to input and increases the amount of information shared with parents to the point that it is overwhelming and inaccessible.  </t>
  </si>
  <si>
    <t xml:space="preserve">The written summary of learning seems unclear. Seems like we already do that in our June reports? Maybe more information on this change. </t>
  </si>
  <si>
    <t xml:space="preserve">I’m very familiar with this scale. </t>
  </si>
  <si>
    <t xml:space="preserve"> Not applicable to my job </t>
  </si>
  <si>
    <t xml:space="preserve">Not applicable to me </t>
  </si>
  <si>
    <t xml:space="preserve">Self assessment in kindergarten is PAINFUL!!  Many of them have no idea what we are talking about. It takes so so much time to conduct these assessments as you have to do them one on one. </t>
  </si>
  <si>
    <t xml:space="preserve">We have been doing goal setting for a few years. In kindergarten, teachers end up steering students to an appropriate goal as they don’t really understand it. I think the setting of the goal is adult driven but I feel it does help students and more importantly parents. </t>
  </si>
  <si>
    <t xml:space="preserve">Self assessment is painful. They all think they are amazing at everything. K students don’t understand or have the maturity to honestly reflect on their own abilities. It requires the teacher to interview and complete the assessment with each student one at a time. It takes so much time to do. </t>
  </si>
  <si>
    <t>The summary of learning seems to be unnecessary as the report cards should be providing that anyway.</t>
  </si>
  <si>
    <t>The student self assessment is not helpful to parents.</t>
  </si>
  <si>
    <t>Often the goals are not measured throughout the term</t>
  </si>
  <si>
    <t>I believe students in 8/9 should have percentages as there is a huge range within letter grades.</t>
  </si>
  <si>
    <t>My children's district recently switched to two written reports per year. This is sufficient.</t>
  </si>
  <si>
    <t>The proficiency scale is fine, although really everyone knows the letter grades associated with the proficiency. It really doesn't make a difference.</t>
  </si>
  <si>
    <t>Percentages are required for universities, so it makes sense that they continue to be used.</t>
  </si>
  <si>
    <t>What is the point of including a proficiency scale as well? It isn't needed.</t>
  </si>
  <si>
    <t>This is a waste of time and paper.</t>
  </si>
  <si>
    <t>I thought assessment practices were already inclusive.</t>
  </si>
  <si>
    <t>Three written reports a year is not necessarily helpful in learning more about my child's progress</t>
  </si>
  <si>
    <t xml:space="preserve">Currently, I feel there’s too much variation among schools in same District, and even among teachers in same school. We’re in a time of flux and it shows. Too many learning goals cut and pasted within the individualized report (K-7); too much posting in FreshGrade without specific rubrics; </t>
  </si>
  <si>
    <t>The options provided here are messed up: “slightly satisfied “ is on the negative side of “neutral”...!  
The proficiency scale I tend to see on my children’s elementary assessments is not clearly enough connected to curriculum or progress</t>
  </si>
  <si>
    <t xml:space="preserve">Percentages are messed up. They’re “last century.”  Public schools shouldn’t be catering to post-secondary institutions. Instead they should be doing a better job of assessment and reporting to tax-paying parents. 
</t>
  </si>
  <si>
    <t xml:space="preserve">Choices are messed up:  I’ve chosen “not at all satisfied” for vastly different - in fact opposite - reasons than some others who will choose same. Proficiency scale should be mandatory. If  it’s the best, we must use it, regardless of students’ age </t>
  </si>
  <si>
    <t xml:space="preserve">Again, too much variation. For one child, it was easy; for the other, ten pages of homework. I’m not even exaggerating. </t>
  </si>
  <si>
    <t xml:space="preserve">As long as it’s properly explained and supported. If it’s just a box to check, get rid of it. If you believe in it, provide in-service to teachers. </t>
  </si>
  <si>
    <t>Again, messed up selection of choices. “Respond fully to individual needs”?!  How is a secondary teacher supposed to do this for 175 students per year?  What does that look like?  Where are the examples?</t>
  </si>
  <si>
    <t>Don’t just implement it without proper support</t>
  </si>
  <si>
    <t xml:space="preserve">Not sure on what the expectation on amount of details and time the new format will require.  </t>
  </si>
  <si>
    <t xml:space="preserve">Ambiguous.  The older version of not meeting, minimally meeting, meeting and exceeding expectations is more meaningful.  Either way language requires clarification on level of students learning so parents understand where their child is at.  </t>
  </si>
  <si>
    <t xml:space="preserve">Way too big of a workload for teachers. </t>
  </si>
  <si>
    <t>Agreement about the definition of each has varied from school to school and between districts. Way too abstract and not practical for reporting. Parents are confused by it as well.</t>
  </si>
  <si>
    <t>We do this already. To force a deadline would make the assessments seemed forced and rushed and we would be doing it for the fact that we need to “get it in” rather than an authentic assessment for the student.</t>
  </si>
  <si>
    <t>It is working now.</t>
  </si>
  <si>
    <t xml:space="preserve">I currently use this and like the consistent language across the province. </t>
  </si>
  <si>
    <t>As a kindergarten teacher in a school with a significant ELL population this is a challenge. I do not think it should be a requirement to include self assessment in kindergarten. This will significantly affect my workload as a kindergarten teacher.</t>
  </si>
  <si>
    <t xml:space="preserve">Goal setting is critical in kindergarten but is primarily done orally requiring this would significantly reduce increase my work load to document and record what is done orally. </t>
  </si>
  <si>
    <t>The requirement of all subject areas for each of the 5 reporting times</t>
  </si>
  <si>
    <t xml:space="preserve">The language is not clear around what I reported on 5 times. It suggests all subject areas must be reported on each time. This is a significant increase in workload and will create many hours of work outside of my contracted hours. It is different than what is currently required. </t>
  </si>
  <si>
    <t xml:space="preserve">More frequent reporting means that a quantitative grade becomes more important that the qualitative learning happening. </t>
  </si>
  <si>
    <t>What would then be required to be passed along to the next grade year or subject level? What if a student is proficient in some areas of a subject area but only emerging in others? Without better guidance and teacher training to properly implement it, it will be a disaster</t>
  </si>
  <si>
    <t xml:space="preserve">This is currently the system of reporting that is being used in my district and it works quite well. </t>
  </si>
  <si>
    <t>I feel as though this has potential to have 10-12 reporting be less of a shock to students when they come into it. But then again, why are we babying our young adults?</t>
  </si>
  <si>
    <t xml:space="preserve">This type of reporting has been the biggest waste of time for students and teachers alike. Everyone hates it. Scrap it. Students roll their eyes every single time core competencies are mentioned. </t>
  </si>
  <si>
    <t xml:space="preserve">This is great in theory, but where in our instructional day is this going to be happening? Will we be having time added to our timetable for this? It's nice on paper, but if you've been in a classroom lately, you'll know that in real life, it'll never happen. </t>
  </si>
  <si>
    <t>Personalized learning is much more beneficial. Why are we having a one-size fits all model when differentiation and flexibility is what we know works well?</t>
  </si>
  <si>
    <t>all of the above - scrap it and keep everything as is!</t>
  </si>
  <si>
    <t>If you actually cared about getting teacher feedback on this proposed reporting policy, you wouldn't have put a limit on how much I can type in these boxes. You don't actually care about what we say. The current system is fine and instead of investing in a new process, just give us a damn raise</t>
  </si>
  <si>
    <t>Currently only two written reports are required. Three is too much work and there is not a significant enough amount of growth to justify written assessment more than twice per school year.</t>
  </si>
  <si>
    <t xml:space="preserve">In the context of goal-setting for K and grade 1, students have difficulty setting meaningful goals and most need teacher direction in this area. I think goal-setting should be aimed at higher grades. </t>
  </si>
  <si>
    <t>No more than two written reports per year, and checklist-style report rather than long-winded qualitative report would be more informative about where the child is at in their learning. Written reports are time consuming and take away time that can be spent planning for engaging lessons etc</t>
  </si>
  <si>
    <t xml:space="preserve">Too much paperwork </t>
  </si>
  <si>
    <t>Seems ok</t>
  </si>
  <si>
    <t>Connects to post-Secondary requirements</t>
  </si>
  <si>
    <t>Everybody should be on the same page</t>
  </si>
  <si>
    <t>Kids need to be instructed in what these terms mean</t>
  </si>
  <si>
    <t>Many kids don't have the skills to identify their goals</t>
  </si>
  <si>
    <t>Proficiency scale should go up to grade 5, then use traditional marks.</t>
  </si>
  <si>
    <t xml:space="preserve">I believe I should spend most of my time teaching my students. I don't believe more of my time should be taken away from the kids in order to spend it reporting on their learning.
</t>
  </si>
  <si>
    <t xml:space="preserve">I believe this scale is not easily understood, especially by our families who do not speak English as their first language. I like the old scale better as it is more easily understood.
</t>
  </si>
  <si>
    <t xml:space="preserve">I believe they need letter grades.
</t>
  </si>
  <si>
    <t xml:space="preserve">Why do both... why not just do letter grades?
</t>
  </si>
  <si>
    <t xml:space="preserve">I have a non-verbal autistic student in my class who is not capable of this.
</t>
  </si>
  <si>
    <t>I do not believe this scale is understood by families and instead needs to be simplified. Basically, it is teacher jargon and not useful to families or kids.</t>
  </si>
  <si>
    <t>High school semester systems have students writing 4 written report cards per year. This is sufficient. The issue is the expectation of how much to write on the report card. 2-3 paragraphs per student is too much and absolutely leaves no room for work/life balance. 120 students X 3 para. = too much!</t>
  </si>
  <si>
    <t xml:space="preserve">No comment. Language changes and better reflects understanding. </t>
  </si>
  <si>
    <t xml:space="preserve">Makes sense and is clear. </t>
  </si>
  <si>
    <t xml:space="preserve">Provide me with self assessment forms to use in my classes. </t>
  </si>
  <si>
    <t xml:space="preserve">Provide me with goal setting forms and I will have students fill them out. If the expectation is for teachers to make them, I would ask you to look again at work/life balance and mental health of teachers. </t>
  </si>
  <si>
    <t xml:space="preserve">All of the above need reconsiderations and to seriously consider work/life balance and mental health for teachers. </t>
  </si>
  <si>
    <t xml:space="preserve">Teachers - work/life balance and mental health are not being considered. We are humans not robots. </t>
  </si>
  <si>
    <t>Requirements for reporting are far more strenuous, and we lack the tools to complete the task.</t>
  </si>
  <si>
    <t xml:space="preserve">I currently use these standards in my teaching </t>
  </si>
  <si>
    <t>Percentages are inaccurate. Best practices should not depend on what universities request.  Many schools around the world use letter grades. Universities themselves use them.</t>
  </si>
  <si>
    <t>It isn't continuity if it suddenly switches in the last three years</t>
  </si>
  <si>
    <t>I currently do this on an ongoing basis with my students.</t>
  </si>
  <si>
    <t xml:space="preserve">Most research shows that sharing goals, actually diminishes tbe probability of them occurring.  With eight courses in a year, grades 8-12 will not have a "point person" to address these goals, and eight  different goals would be too hard to juggle. SMART goals takes training and practice. </t>
  </si>
  <si>
    <t xml:space="preserve">There are no guidelines on how to actually accomplish that, especially in a higher grade classroom. It is ideal to do it, but often not practical. </t>
  </si>
  <si>
    <t>The focus from k-12 will always be % if Tha is what they get before they leave.</t>
  </si>
  <si>
    <t>Reporting in the primary grades is EXTREMELY onerous and time-consuming! I believe strongly that reporting in the primary grades MUST move to a "standardized checklist format" throughout the province, in order to make reporting the same, province-wide, and in order to lesson teacher workload.</t>
  </si>
  <si>
    <t>Same concerns as above.</t>
  </si>
  <si>
    <t>There is a significant need for more than just a letter grade, and one progress sentence from a sentence bank, in secondary report cards.</t>
  </si>
  <si>
    <t>I believe it would be advantageous to require more information and detail in secondary report cards.</t>
  </si>
  <si>
    <t>Secondary reports need more detail for parents to truly understand how their children are doing in school.</t>
  </si>
  <si>
    <t>This policy would make IEPs more relevant, working documents - not just bunches of papers that sit in a file, and never get looked at after they are written.</t>
  </si>
  <si>
    <t>I believe that K to 7 reporting is already very comprehensive - but that reporting in secondary needs to be more detailed and accountable.</t>
  </si>
  <si>
    <t xml:space="preserve">Concerned that admin might try to insist high school teachers do this…in a school year, teachers have 210 different students. This reporting and summary of learning will be VERY ONEROUS </t>
  </si>
  <si>
    <t>Too much time!</t>
  </si>
  <si>
    <t xml:space="preserve">High school students don’t take much of this seriously and don’t see value in this. Who will see it? Does anyone really need to look at how a student regards their PERSONAL competencies? Put it in a journal for themselves to reflect on, but on an official doc? No way. </t>
  </si>
  <si>
    <t>Not appropriate to assess students on their goals! They are PERSONAL and should not be judged.</t>
  </si>
  <si>
    <t>Teachers already do this!</t>
  </si>
  <si>
    <t xml:space="preserve">Provide teachers with self assessment forms to be used in classroom. If the expectation is for teachers to create them, I would ask you to consider work/life balance and mental health of teachers who are already overworked. </t>
  </si>
  <si>
    <t xml:space="preserve">Provide teachers with goal setting forms to be used in classroom. If the expectation is for teachers to create them, I would ask you to consider work/life balance and mental health of teachers who are already overworked. </t>
  </si>
  <si>
    <t xml:space="preserve">All of the above need to consider the work/life balance for teachers and their mental health. These changes propose extra work load for teachers. We are already greatly overworked. </t>
  </si>
  <si>
    <t xml:space="preserve">Work/life balance and mental health for teachers need to be taken into consideration. Provide teachers with forms (student self assessment and student goal setting forms)  for these regular additions to the classroom rather than forcing more work on teachers to create them. </t>
  </si>
  <si>
    <t>I don't think that parent understand the language.  If their child is 'emerging'  do they understand that they are below what is typical for that age/grade.</t>
  </si>
  <si>
    <t xml:space="preserve">Using consistent language is good for parents.  However, it may come as a shock to some parents that their 'developing' child is now a c or c+ student.
</t>
  </si>
  <si>
    <t>In the primary grades students are not really reflective, it just doesn't seem developmentally appropriate.</t>
  </si>
  <si>
    <t>Again, this seems appropriate in the later years but I feel like this is a very difficult thing for young students.</t>
  </si>
  <si>
    <t>By setting this as a ‘minimum number of reports’, teachers’ already maxed out workload is not being considered at all. As a high school teacher and parent, a report card at the halfway point, parent teacher interviews, and a final report card fully informs parents as to how their children are doing.</t>
  </si>
  <si>
    <t>Parents who are not teachers simply do not understand the proficiency scales. Students, despite being taught what the language means, still are confused about where their work/skills fall.</t>
  </si>
  <si>
    <t xml:space="preserve">Grades and percentages inform students of their current levels, inform parents, inform post secondary institutions, and keep teachers accountable. </t>
  </si>
  <si>
    <t xml:space="preserve">This language can definitely be included, but should NEVER replace letter grades. </t>
  </si>
  <si>
    <t xml:space="preserve">This can be included, but ultimately, parents don’t understand what these self assessments mean. </t>
  </si>
  <si>
    <t>We already report on how we adapt learning for students with IEP’s.</t>
  </si>
  <si>
    <t>I feel that there is enough reporting in the written and oral form.</t>
  </si>
  <si>
    <t>Parents find the emerging and developing descriptors confusing. If we are supposed to communicate with parents in a language that they understand, we should be able to say how close they are to meeting expectations.</t>
  </si>
  <si>
    <t>This is very labor-intensive for teachers and does not show where the child but where he thinks he is in his learning. I don’t believe this needs to be documented as often as is suggested. We discuss this with parents and children. Again, more work for teachers that is unnecessary.</t>
  </si>
  <si>
    <t>We already do this but in different ways. I don’t believe that this should have to be documented so many times in the year.</t>
  </si>
  <si>
    <t>That is the goal but not the reality of the classroom. We have too many needs and not enough supports to meet individual needs of all students.</t>
  </si>
  <si>
    <t>A lot of the proposed changes are on things that we already do but don’t necessarily document in a legal way. It sounds like the Ministry of education is trying to make sure that they can tell parents that we’re doing our jobs.</t>
  </si>
  <si>
    <t xml:space="preserve">Teachers already have too much work! Please don't ask them to change the way they're doing it already--they're doing their best in the midst of a global pandemic. </t>
  </si>
  <si>
    <t>grade k-9 teacher, NA</t>
  </si>
  <si>
    <t xml:space="preserve">Students should not be giving themselves a mark on a government document (report card). Yes, students should be self-assessing, but the final mark/grade/report should be up to the teachers professional judgement. </t>
  </si>
  <si>
    <t xml:space="preserve">Teachers are already trying to do this. you need to stop mandating every aspect </t>
  </si>
  <si>
    <t xml:space="preserve">- increase from 2 written to 3 - takes away from meaningful celebrations of learning, more work for teachers. 
- written reports often end up being make work, rather than meaningfully sharing growth and learning. </t>
  </si>
  <si>
    <t xml:space="preserve">I love this language. It is much better than the current words used in my district. I find the language is clear, but also follows growth mindset ideas. </t>
  </si>
  <si>
    <t xml:space="preserve">I like the idea of this. I am concerned that it may be implemented in ways that take away from teacher's flexibility to do it in ways that are meaningful for their students. </t>
  </si>
  <si>
    <t xml:space="preserve">Again, it depends on how it ends up being implemented whether I agree or not. </t>
  </si>
  <si>
    <t>Of course this is very important. I wonder if there will be any training on how that might look for different learners?</t>
  </si>
  <si>
    <t xml:space="preserve">I want more flexibility as a teacher to make the communicating student learning meaningful to students and families. </t>
  </si>
  <si>
    <t xml:space="preserve">At least there are not added reports. Five is too many. Less reporting and more time for lesson planning and learning. </t>
  </si>
  <si>
    <t xml:space="preserve">This is a much more helpful way to measure and report on progress for teachers, learners and parents. </t>
  </si>
  <si>
    <t xml:space="preserve">I think SACC is worthwhile but it takes away time from curricular subjects. Students have to learn to reflect on and understand the CCs. Elementary students find this difficult and need lots of help and support to produce anything meaningful. </t>
  </si>
  <si>
    <t xml:space="preserve">Same as above, goal setting properly requires lots of teaching. </t>
  </si>
  <si>
    <t xml:space="preserve">Do less frequent but better reporting with proper time for student involvement abs goal setting. </t>
  </si>
  <si>
    <t>If the proposed changes does not change the quantity of reporting documents to be given out, in comparison to the past, then I am neutral on this issue.</t>
  </si>
  <si>
    <t>The expectation that teachers now must make more official documentation without added relief time, as prep time (not only are there issues of not receiving it due to shortage of staff or other unforeseen factors) is needed to be used to prep for in class learning, is only adding to the burn out rate</t>
  </si>
  <si>
    <t>Again teachers are now being asked to do more official reporting with no relief time. If the expectations for teachers are to report more than there needs to be paid relief time for teachers to do reporting during work hours. It is unethical to ask for employees to continue to commit to unpaid work.</t>
  </si>
  <si>
    <t xml:space="preserve">Teachers are being asked to do more official reporting with no paid time to work on the reports themselves. If the expectations are now for teachers to officially document more areas then there should be paid release time for teachers to do the reporting. </t>
  </si>
  <si>
    <t xml:space="preserve">I’m glad the number isn’t increasing, but at elementary school we really feel two written reports are sufficient. Term 1 and 2 reports end up being very similar as there is little change in two short months. </t>
  </si>
  <si>
    <t xml:space="preserve">We’ve used this scale for a few years now and it’s great. I’m glad the middle schools will use it as well. Kids don’t need letter grades and grades don’t match the curriculum changes. We got rid of letter grades years ago but then we send them to middle schools and they get letter grades again. </t>
  </si>
  <si>
    <t xml:space="preserve">Post secondary needs to make changes as our curriculum has changed and evolved. </t>
  </si>
  <si>
    <t xml:space="preserve">Yes t the proficiency scale, but letter grades need to go away. </t>
  </si>
  <si>
    <t xml:space="preserve">We’re working on core competencies all year, but they should only assess themselves on year end report. Student perspectives have been more open ended about their reflection and should remain that way. Not controlled by core comp. </t>
  </si>
  <si>
    <t xml:space="preserve">They are already goal setting, but my question is who is providing progress reports on their goals? If it’s the students then great! If teachers are expected to do that, it’s too much. </t>
  </si>
  <si>
    <t>I agree that all students be included. What gets confusing is where we can use Emerging for students. Also, if we’re saying they are proficient (with respect to the goals in their IEP) does that confuse parents into thinking they are doing regular curriculum when they’re not?</t>
  </si>
  <si>
    <t xml:space="preserve">I think two written reports are plenty for elementary school. We talk to parents a lot, have interim reports and student led conferences. 3 written reports on top of that is too many. </t>
  </si>
  <si>
    <t>How extensive will the Summary of Learning need to be, given the increase in overall reporting workload for teachers?</t>
  </si>
  <si>
    <t>Self-assessment is not developmentall appropriate, sensitive or realistic for 5 year old children in Kindergarten.  21 years of teaching and an Masters in ECE confirms this fact.</t>
  </si>
  <si>
    <t>Unrealistic and very challenging for Kindergarten students to complete this task</t>
  </si>
  <si>
    <t xml:space="preserve">Less reporting would be better, and more informal reports </t>
  </si>
  <si>
    <t>These are basically the same as letter grades so why are we not using letter grades or percentages still</t>
  </si>
  <si>
    <t xml:space="preserve">This is the way it should be </t>
  </si>
  <si>
    <t>Stop offering proficiency scales</t>
  </si>
  <si>
    <t>It’s not necessary and is a waste of time</t>
  </si>
  <si>
    <t xml:space="preserve">Indifferent </t>
  </si>
  <si>
    <t xml:space="preserve">Time consuming and stressful </t>
  </si>
  <si>
    <t>Five seems excessive. I agree with 2 written reports (report cards) but five reports is too many. Many teachers use apps and newsletters and are in (somewhat) regular communication with parents.</t>
  </si>
  <si>
    <t>I think the expectations need to be lower/ smaller for Kindergarten and early primary, as many students are just beginning to understand the concepts of reflection and growth. Having one or two reflections per year seems reasonable.</t>
  </si>
  <si>
    <t>I think the expectations need to be lower/ smaller for Kindergarten and early primary, as many students are just beginning to understand the concepts of goals, reflection and growth. Having one or two reflections per year seems reasonable.</t>
  </si>
  <si>
    <t>There is too much frequency with reporting.</t>
  </si>
  <si>
    <t>To much extra work, teachers have no time</t>
  </si>
  <si>
    <t xml:space="preserve">Still more work, no time. </t>
  </si>
  <si>
    <t>One or the other, either proficient scale or graded</t>
  </si>
  <si>
    <t xml:space="preserve">Students don’t find this valuable, there is no standard way to do this and it makes zero sense. Core competency language is not student friendly </t>
  </si>
  <si>
    <t xml:space="preserve">Very few students buy into this, it takes away valuable learning time trying to coordinate it. </t>
  </si>
  <si>
    <t xml:space="preserve">I assess all student learning on this scale already and find it very accessible. </t>
  </si>
  <si>
    <t>Putting together reports is time consuming and only a portion of the job teachers do. There needs to be time for growth between reports for them to be meaningful and not just a series of numbers added up.</t>
  </si>
  <si>
    <t>The language is vague and hard for parents to understand. Too much jargon. I have spent hours over the last 3 years working on trying to translate it into meaningful descriptors for parents. We need a fast way to capture what students can and can’t do</t>
  </si>
  <si>
    <t>While this is efficient I am not sure why it is any different from the expectations for grade 9. If the idea is to build skills I. A continuum why change the measurement. Grades still become currency and the undermine the proficiency scales at the lower levels.</t>
  </si>
  <si>
    <t>Running too many options is hard for teachers and parents. There are massive gaps in the ability to collate and pass on information contained in paper attachments vs MyEd. Teachers end up spending a lot of time performing administrative/clerical duties to maintain reporting information.</t>
  </si>
  <si>
    <t>This is onerous and typically dumped on one department at the high school level. Reflections on curricular competencies makes more sense.</t>
  </si>
  <si>
    <t>Many students struggle with the organization to see this through. Good teaching practice regularly has students set goals and progress toward those goals is decayed just because it isn’t written down.</t>
  </si>
  <si>
    <t>More time is needed to be able to generate more specific feedback. Until teachers only have 10 kids in a class (rather than 90-120 a semester), you’re going to get the minimum included because we don’t have time.</t>
  </si>
  <si>
    <t xml:space="preserve">Time to do this and smaller class sizes. </t>
  </si>
  <si>
    <t>Time and smaller classes are the only way to get meaningful, personalized instruction and assessment. Anything short of that is gaslighting and asking teachers to do more with less yet again.</t>
  </si>
  <si>
    <t xml:space="preserve">In SD71 the vast majority of teachers report using Scholantis, a portfolio based system.  Continuous reporting using this format is extremely time consuming.  If two formal reporting periods are going to be required, please ensure this includes those of us working in portfolios.  </t>
  </si>
  <si>
    <t>Very easy to understand system.</t>
  </si>
  <si>
    <t>Until post secondary stops demanding this for entry, we're stuck with this archaic system.</t>
  </si>
  <si>
    <t>Continuity is a good thing for everyone.</t>
  </si>
  <si>
    <t>Already doing this and it's important for students to assess themselves and be honest about their work and effort.</t>
  </si>
  <si>
    <t>We are already doing this.</t>
  </si>
  <si>
    <t>This is a given for every educator in 2021.</t>
  </si>
  <si>
    <t>Percentages and grades do not provide as much information as a proficiency scale in which the criteria met by a student has been described and the student themselves has also self-assessed.</t>
  </si>
  <si>
    <t>There is not enough time in the year for teachers to produce more than the three written reports as we are busy teaching and collecting evidence of student learning not to mention all the disruptions in a school year</t>
  </si>
  <si>
    <t xml:space="preserve">
I think we are going backwards here...no letter grades/percentages in K-9 then back into letter grades 10-12 as this is what they will have in post secondary...NO consistency...too wishy washy. Why not just pass all students and do no reporting as this is what we do anyways! </t>
  </si>
  <si>
    <t>Absolutely...this is what is expected at post secondary schools so why not have it at a high school level.</t>
  </si>
  <si>
    <t>All you are doing is trying to provide some continuity...just leave reporting the way it is as it has worked all these years. By doing the above, all you are doing is creating more work for Gr.10-12 teachers</t>
  </si>
  <si>
    <t>Students can't even assess themselves on the core competencies for report card purposes now that the ministry is requiring and now you are asking students to do something different or is this the same? Regardless, most students are not capable of doing this which in the end is meaningless.</t>
  </si>
  <si>
    <t xml:space="preserve">I do goal setting now with students in PHE and I end up giving the majority of the students goal setting back to be redone properly. If I don't sit down one on one with the students to properly write down their PHE  goals, they come back incomplete or improperly completed once again. </t>
  </si>
  <si>
    <t>Students don't have the ability to properly set goals on their learning</t>
  </si>
  <si>
    <t>The criteria for these reports appears cumbersome and will not be a valuable return on investment.</t>
  </si>
  <si>
    <t>These category headings are simply educational jargon that in reality mean very little.  Parents on the whole have little interest in them.</t>
  </si>
  <si>
    <t>Post-secondary institutions require a summary that is generally well understood.  It is not a perfect system, but it has been effective.</t>
  </si>
  <si>
    <t>The proficiency scale simply adds new words to the system.  What is wrong with the letter grades indicating levels of proficiency?</t>
  </si>
  <si>
    <t>The core competencies, let's be honest, are simply buzzwords.  Most students are mindful of these only when they have to "check a box" at reporting time.</t>
  </si>
  <si>
    <t>This idea is very vague.</t>
  </si>
  <si>
    <t>Teachers should already be mindful of student needs in their courses.  How does this policy change anything?</t>
  </si>
  <si>
    <t xml:space="preserve">It is unfortunate that I only had to choose one.  If these changes, in practice, are as widespread as they appear to be, it will be a ridiculous amount of work when most students just want their marks anyway.  Teachers' time is best spent on making learning more engaging, not on extra reporting. 
</t>
  </si>
  <si>
    <t xml:space="preserve">While it may be the same number of reports, we don’t currently have to report on every subject in every report so this would be a lot more work. </t>
  </si>
  <si>
    <t xml:space="preserve">We already use this. </t>
  </si>
  <si>
    <t xml:space="preserve">We already do growth mindset and SEL work in the classroom, this just seems like a way to track it. We currently have to do this for the final report. </t>
  </si>
  <si>
    <t xml:space="preserve">What happens if they don’t reach their goal? </t>
  </si>
  <si>
    <t xml:space="preserve">Does this mean we won’t have to do FSAs any more? </t>
  </si>
  <si>
    <t xml:space="preserve">The reporting of all subjects each reporting period. </t>
  </si>
  <si>
    <t xml:space="preserve">Overwhelming for parents to read that much information on an elementary report. </t>
  </si>
  <si>
    <t>3 formal report cards coincide with3 terms a school year.</t>
  </si>
  <si>
    <t>Clearly states learning outcome and how child is doing.</t>
  </si>
  <si>
    <t>This will be difficult and time consuming for a kindergartener to do throughout the year.</t>
  </si>
  <si>
    <t>Again, time consuming for a kindergartener to do. Will require teacher help.</t>
  </si>
  <si>
    <t>I find the explanation of this lacking exactly what will be done.</t>
  </si>
  <si>
    <t>Don’t understand the diversity and inclusion part.</t>
  </si>
  <si>
    <t>How does this work for semestered high schools? What if a student takes a course in first semester - how does a summary of learning get completed at that point?</t>
  </si>
  <si>
    <t>"Extending" is too subjective. To one teacher, extending might look very different from another teacher.</t>
  </si>
  <si>
    <t>Percentage grades can vary depending on the teacher and level of expectation in the class. Sometimes parents put pressure on a teacher because their student "needs" a particular percentage for admission into a program.</t>
  </si>
  <si>
    <t>In addition??? It is already enough work to provide a percentage, work ethic and comment explaining student progress. Why the need for the scale?</t>
  </si>
  <si>
    <t>I think it's important to have students self assess so that they can make good choices in their learning.</t>
  </si>
  <si>
    <t>How will this information be included in the reporting?</t>
  </si>
  <si>
    <t>As long as there is indication of what supports/adaptations were made, yes.</t>
  </si>
  <si>
    <t>Doesn't work well with semestered schools.</t>
  </si>
  <si>
    <t>Reporting reports take ridiculous amounts of time, are stressful and exhausting. BC needs to provide access to an LMS, like Canvas by Instructure that creates competency based rubrics and allows reporting in real time, keeping parents informed right away. Then, a summary for yearend could be created</t>
  </si>
  <si>
    <t>Reports take way too much time. We need a platform for realtime reporting.</t>
  </si>
  <si>
    <t>Not teaching high school at the moment.</t>
  </si>
  <si>
    <t>This should be done when each assessment is submitted by students on a rubric.</t>
  </si>
  <si>
    <t>When will this be done and will a standardized format be used? More platforms to learn is a lot for busy educators.</t>
  </si>
  <si>
    <t>We are so short of EAs and Learning Support Teacher time…. We already are not able to help those with special needs in our classes. Even though their IEPs say 1:1 support, students are not getting those supports.</t>
  </si>
  <si>
    <t>We have classrooms with a very diverse students. We are already exhausted differentiating for classrooms that don’t have enough educational assistance, learning support teacher time, or technology/resources. Let’s start there before adding more.</t>
  </si>
  <si>
    <t xml:space="preserve">I believe there should be a category for “practicing” which would refer to those students who mostly understand the concept but are not quite totally confident. </t>
  </si>
  <si>
    <t xml:space="preserve">This timeline does not let the older students learn early enough to understand the importance of grades for entry into university. </t>
  </si>
  <si>
    <t xml:space="preserve">Younger students (primary)often do not understand the concepts of self assessment. They are unable to give meaningful ideas with supporting evidence. They often want to please the teacher or parents and put down what they think we want to hear or what is in the exemplar.  </t>
  </si>
  <si>
    <t xml:space="preserve">These goals should be simplified for primary students and not add stress for them. There should only be one goal for the year </t>
  </si>
  <si>
    <t xml:space="preserve">I would like to include a visual for parents who are ELL or who are unable to read pages of assessment. </t>
  </si>
  <si>
    <t>Descriptive feedback is useful for all to support student's next steps, and celebrate their successes and progress.</t>
  </si>
  <si>
    <t>Excessive.</t>
  </si>
  <si>
    <t>Diverse learners need to celebrate and aim for a variety of goals; learning IS an individual experience.</t>
  </si>
  <si>
    <t>School is on a semester system, reporting twice a semester is adequate with informal reports as needed on a case by case basis. Too many reports overloads parents and makes an administrative classroom rather than a collaborative learning space.</t>
  </si>
  <si>
    <t>This is totally ineffective! Wish it died in elementary school. It is labour intensive and does not provide the information parents need. Parent need to know plainly, and in a concise manner if their child is doing ok or if they need help. Creating a large document about each outcome is a waste.</t>
  </si>
  <si>
    <t xml:space="preserve">Hard to leave the familiar. It works! Parents understand it. Can get a feel for progress or need for support very quickly. </t>
  </si>
  <si>
    <t>Please no. This should be removed after grade 4 not expanded</t>
  </si>
  <si>
    <t xml:space="preserve">Are you kidding me! This is an ideal that doesn’t work in practice. I have met a handful of university bound senior students who could do this, but beyond that you are asking students to evaluate something that is beyond their emotional and psychological ability </t>
  </si>
  <si>
    <t>This is good idea, however you need adequate counselling  support to make it work. Most students can think 5 minutes into the past, few can see what they need 5 minutes from now. Several have no idea what they want to do after school ends. This is something that was cut when counselling time was cut</t>
  </si>
  <si>
    <t>Again great idea, but needs limits and support. Inclusion needs help of capable adults to facilitate the process. This puts limits on class size, space in class and money! BC doesn’t have the money to do this. No government will fund it properly so it will work. Not doing it properly only harms all</t>
  </si>
  <si>
    <t xml:space="preserve">Worst move ever made in education </t>
  </si>
  <si>
    <t>I feel that 5 reporting events is excessive and puts an undue workload on the teachers. I think the three reporting events we currently have are more than enough. Teachers' time and energy should go into planning and creating engaging learning tasks and environments, not into bureaucratic reporting.</t>
  </si>
  <si>
    <t>My district currently uses a similar scale, and I find that both parents and students are confused by it and don't understand what it really means. The province should try to find clearer language to communicate student learning.
However, using the same scale across the board is a good idea.</t>
  </si>
  <si>
    <t>I don't teach secondary school.</t>
  </si>
  <si>
    <t>This will be useful only if a universal framework is provided by the ministry.</t>
  </si>
  <si>
    <t>Again, this would only be useful is a universal framework is provided to teachers. Otherwise, it just adds more workload and students don't tend to take goal setting very seriously.</t>
  </si>
  <si>
    <t>What does this even mean? It doesn't really make sense. Not every method works for every student.</t>
  </si>
  <si>
    <t>5 reporting events is excessive and places an unnecessary burden on teachers. BC teachers are already some of the lowest paid in all of Canada - let's not make their jobs even harder. Reporting takes time away that could be used for students actually learning things.</t>
  </si>
  <si>
    <t xml:space="preserve">I currently follow this practice and feel that it is effective in communicating student learning and aligns with the current curriculum. </t>
  </si>
  <si>
    <t xml:space="preserve">It would be an increase in written reports compared to current practice for my district. </t>
  </si>
  <si>
    <t xml:space="preserve">The language is extremely unclear, especially for families that don’t speak English. Please switch back to not yet meeting, minimally meeting, meeting, and exceeding. </t>
  </si>
  <si>
    <t xml:space="preserve">Language is unclear and is not helpful for parents or students. </t>
  </si>
  <si>
    <t xml:space="preserve">Self assessment is important but when only focused on the core competencies, the students are sick and tired of hearing about these. It should instead be on subject areas. </t>
  </si>
  <si>
    <t xml:space="preserve">Goal setting is also great, but some kids aren’t goal oriented. I’ve had many students who found goal setting so frustrating and annoying that they actively did not work for their goals out of spite. </t>
  </si>
  <si>
    <t xml:space="preserve">Both unhelpful and unnecessary </t>
  </si>
  <si>
    <t xml:space="preserve">Layers and layers have been added on to our roles as teachers in the last few years. We are not at the same levels we were at last year when we returned to teaching in the fall, but we are certainly still in the pandemic. Kids are still quite behind in their learning and we are all still stressed. </t>
  </si>
  <si>
    <t xml:space="preserve">The four point scale terms are not clear or universal. Think of ‘developing countries’ = poor - and emerging from water = above the water level. Confusing. </t>
  </si>
  <si>
    <t xml:space="preserve">Happy with letter grades, but we are not connecting and communicating with universities enough. Often I just want to give everyone 99% and let the unis sort it out. Too much weight is on us to meet student/parent expectations for uni entry. It’s an imbalanced system between the schools. </t>
  </si>
  <si>
    <t xml:space="preserve">No. Just no. </t>
  </si>
  <si>
    <t xml:space="preserve">More time is needed between reports. 
Maybe we should just move to pass or fail. 
Sorry. This is overwhelming and not coming at the right time, tbh. We are still in a pandemic. Can we address mental health issues of the students perhaps instead of this? Really. </t>
  </si>
  <si>
    <t xml:space="preserve">The current reporting periods for elementary students (at the end of Term 1, 2, and 3) gives children enough time to learn new things and for their teacher to assess them. </t>
  </si>
  <si>
    <t xml:space="preserve">The new language isn't as specific as letter grades, with 4 descriptors instead of 6 (if comparing to the A, B, C+, C, C, C- model). Parents don't enjoy reading a lot of information on report cards and are looking for a quick summary of where their child is at.  </t>
  </si>
  <si>
    <t>Grades 10-12 should prepare students for post-secondary education, where letter grades are used.</t>
  </si>
  <si>
    <t>By grades 10-12, parents are familiar with their child's learning style and areas they need help in. Descriptive feedback isn't necessary if letter grades are used.</t>
  </si>
  <si>
    <t>Self-assessment is already incorporated into every subject. This seems like another piece of paperwork, when teachers already include self-assessment as part of the students' assignments.</t>
  </si>
  <si>
    <t>Again, goal setting is already part of students' courses and in the curriculum. Students are already doing this.</t>
  </si>
  <si>
    <t>Consistent reporting and communication with student, parent, and teacher are key.</t>
  </si>
  <si>
    <t>Use of scale along with descriptive feedback can give students a better understanding of their holistic learning and development.</t>
  </si>
  <si>
    <t>Grade and percentages tell the student nothing of their areas of strength or areas of growth. They reduce their entire understanding and demonstration of learning down to one fairly arbitrary number. Education should be about student learning and growth, not appeasing universities.</t>
  </si>
  <si>
    <t>The proficiency scale should be used for gr.10-12. Along with written feedback it can be more helpful for a student to truly understand their strengths and areas of further growth.</t>
  </si>
  <si>
    <t>Student self-assessment and reflection on the core competencies is integral. Language reflecting this importance and perhaps a template of written responses could be provided. A multiple choice, check box assessment does not encompass the weight of the core competencies.</t>
  </si>
  <si>
    <t>Student ownership over learning and growth and student voice are key.</t>
  </si>
  <si>
    <t>Education is about learning and growth and a compilation of data and evidence over time. Percentages &amp; grades alone do not adequately express this learning and the associated process. If using % and grades, written feedback, student and teacher, along with the proficiency scale should be necessary.</t>
  </si>
  <si>
    <t>Types of reporting vary significantly from district to district. No performance standards that match new curriculum for teachers across districts. Too much subjectivity</t>
  </si>
  <si>
    <t xml:space="preserve">No performance standards provided for the scale. Scale is determined differently across districts. </t>
  </si>
  <si>
    <t xml:space="preserve">I don’t think the core competencies are meaningful to students. I think it is adults trying to make the students reflect. </t>
  </si>
  <si>
    <t xml:space="preserve">Great idea in theory but very hard to engage students in this process. More talk needs to be done around that. </t>
  </si>
  <si>
    <t xml:space="preserve">You can’t assess all students equally unless reference is made to IEPs </t>
  </si>
  <si>
    <t xml:space="preserve">If you understand anything about the work teachers do, you’ll know that they are always in touch with parents and guardians when things do not go well with a student’s learning. You’d know that students are evaluated daily and larger assignments or works go home when they are handed back. </t>
  </si>
  <si>
    <t xml:space="preserve">Teachers often use a 7 point scale with “in betweens” to be more accurate in their reporting. For example develop/apply which would be 4 on the scale from 1 to 7. </t>
  </si>
  <si>
    <t>This can also be achieved with the 7 point scale, each point being a percentage range that defines the final letter grade.</t>
  </si>
  <si>
    <t>It’s futile. Most students don’t care about it and for some it makes their time at school even worse. I which I could develop this point but this box is limited in characters. Training them to do it will not make things better. Meet students to find out.</t>
  </si>
  <si>
    <t>Even students with challenges could potentially aim for something that makes sense to them.</t>
  </si>
  <si>
    <t>Up o 210 students per semester in high school, up to 30 a year in upper elementary to 1teacher. We teach such large numbers we can’t be addressing every single individual needs, that would be 1 on 1 tutoring. Special needs students need specialist teachers as well.</t>
  </si>
  <si>
    <t>Explained above. There is more I do not like as explained above.</t>
  </si>
  <si>
    <t xml:space="preserve">IT is too much reporting along with parent teacher conferences. </t>
  </si>
  <si>
    <t xml:space="preserve">the descriptors for the proficiency scale are too broad -- what does it mean to be proficient as opposed to exceeding.  Is proficient a 'C/B mark of old and exceeding is an A. 
Also it is too constraining for kindergarten </t>
  </si>
  <si>
    <t>dont teach high school</t>
  </si>
  <si>
    <t>one or the other -- having to do both is redundant</t>
  </si>
  <si>
    <t xml:space="preserve">at the kindergarten level this is 100% teacher directed and for that matter extra work on the teacher. to have to scribe for t he students. 
Also, in a high ELL community, often the children do not have the language or even background knowledge to form their thoughts around. 
</t>
  </si>
  <si>
    <t xml:space="preserve">This is 1-00% put on to the teachers workload at the lower primary level with children not understanding the concepts of the core competences. Also language is often a barrier as well. </t>
  </si>
  <si>
    <t xml:space="preserve">Again,  this is 100% put upon the teacher to come up with various ways to convey the core competencies at the early primary level.  I really don't have time to come up with something for ELL students, english speakers, special needs kids ON TOP OF EVERYTHING ELSE THAT I HAVE TO DO IN A DAY. </t>
  </si>
  <si>
    <t xml:space="preserve">i WOULD CHOOSE STUDENT SELF ASSESSMENT AS WELL AS STUDENT GOAL SETTING AS UNNECESSARY EXTRA WORK FOR THE TEACHERS AT THE EARLY PRIMARY LEVEL.  </t>
  </si>
  <si>
    <t>My worry is the increase in workload. I already spend about 40 hours on each term report card. I think reporting on all subjects is a huge amount of extra work as there has been so many subjects added to our new curriculum. I prefer a quick email in between reporting periods like I always do to keep</t>
  </si>
  <si>
    <t>The scale is similar to what we already use</t>
  </si>
  <si>
    <t xml:space="preserve">Core competencies use complex vocabulary and it is very difficult for younger students to understand the words. It then becomes difficult to apply these words to their own learning. </t>
  </si>
  <si>
    <t>Too much for primary! Setting one type of goal is more realistic.</t>
  </si>
  <si>
    <t>These students would need in class support to help them .</t>
  </si>
  <si>
    <t>Self assessment and Goal setting need to be reduced for primary</t>
  </si>
  <si>
    <t xml:space="preserve">The proficiency scale for grade 9 will be extremely difficult to implement. The current grading system prepares these students for the realities of grades 10 to 12. They need to be able to understand that if they don't do the work or understand things that they can and will fail. </t>
  </si>
  <si>
    <t xml:space="preserve">The three written reports a year are already too much, now to increase to five? The second term in elementary is very short and it seems the expectations keep increasing for teachers on our end. With reports now being online, there isn’t the confirmation parents have seen the reports. </t>
  </si>
  <si>
    <t xml:space="preserve">I am fine to use the four point reporting scale. However, there should be a sliding scale especially in the Proficient range. There are students in various ranges of proficiency and a sliding scale would show this to parents very easily. That along with teacher comments would make more beneficial. </t>
  </si>
  <si>
    <t xml:space="preserve">Core competencies, are yet another thing for teachers to do. More and more is added to the teacher day, and nothing is taken away. Give me more prep time. </t>
  </si>
  <si>
    <t xml:space="preserve">I have my students make goals. However,  the time taken to explain and make it a productive solid goal, personal to them and a goal they can track is very time consuming. Then report on in Career. So much keeps being added as I have mentioned. </t>
  </si>
  <si>
    <t xml:space="preserve">When Q’s don’t count with IEP’S how again is there time to respond fully to all individual needs. In a class of 30 with 10 or more IEP’s there are just not enough hours in the day. I will do my best as everyone teacher does. </t>
  </si>
  <si>
    <t xml:space="preserve">The wording is terrible. 
Two words that start with the same letter and the other two look very similar when hand written.  
Lots of other letters in the alphabet. </t>
  </si>
  <si>
    <t>Proficiency scales are not transferable to letter grades. They measure different variables.</t>
  </si>
  <si>
    <t xml:space="preserve">Great in theory, but haven’t seen it make a difference. </t>
  </si>
  <si>
    <t>The wording used in the proficiency scale.</t>
  </si>
  <si>
    <t>Increased workload for teachers</t>
  </si>
  <si>
    <t>Students are not motivated under this system of reporting system, parents do not understand this reporting system</t>
  </si>
  <si>
    <t>Students struggle to be authentic with this type of reporting and complete it because they "need" to</t>
  </si>
  <si>
    <t>Goal setting is a positive experience if self-reflection and later evaluation occur</t>
  </si>
  <si>
    <t>Not all students are able to participate in this type of assessment and evaluation due to academic or behavioural abilities</t>
  </si>
  <si>
    <t>Students do not respond to the new proficiency scale, do not understand it, and in response care less about their learning</t>
  </si>
  <si>
    <t>I spend more time writing reports than I do teaching. Assessment informs my practice and I regularly communicate student learning to families. 5 times a year is excessive and I'm burning out! Teachers should havethe professional autonomy to communicate when needed to families outside of 2 reports</t>
  </si>
  <si>
    <t>5 point scale would be better</t>
  </si>
  <si>
    <t xml:space="preserve">It's a lot of work to do formally with young students. It should start in gr 4 when they are more self aware. The serious evaluations at early primary are not developmentally appropriate as they are not very self aware yet. </t>
  </si>
  <si>
    <t>Too much work for the teacher in the younger grades as they can't even write yet. Goal setting is important, but it should not new part of reporting</t>
  </si>
  <si>
    <t>Adequate reporting already</t>
  </si>
  <si>
    <t xml:space="preserve">Seems to work </t>
  </si>
  <si>
    <t>Not sure this would be effective</t>
  </si>
  <si>
    <t>Isn't it already?</t>
  </si>
  <si>
    <t xml:space="preserve">It is not clear . I prefer the old reporting policies language such as not meeting, minimally meeting, meeting, fully meeting and exceeding </t>
  </si>
  <si>
    <t xml:space="preserve">It is difficult for ELl and special needs students to self assess. </t>
  </si>
  <si>
    <t xml:space="preserve">Special needs are already assessed according to their learning needs. </t>
  </si>
  <si>
    <t xml:space="preserve">How about students that are not meeting expectations? </t>
  </si>
  <si>
    <t>As a parent, Consistency, some get an encyclopedia, others get a visual portfolio that they have to access online with data stored outside of Canada</t>
  </si>
  <si>
    <t>Unless you spend countless hours training parents as to what these might mean, you may as well give letter grades and save yourself time. That said I am against letter grades</t>
  </si>
  <si>
    <t>University's should get with the times.</t>
  </si>
  <si>
    <t>Would result in confusion, perhaps an area to assess work habits would be more logical</t>
  </si>
  <si>
    <t>Young children will parrot what they think their parents or teachers want to hear, may be useful for ages 12 and above, as students become more meta-cognitive.</t>
  </si>
  <si>
    <t xml:space="preserve">This is waffle language and also seems to set artificial parameters on personal inquiry, which should have no such parameters </t>
  </si>
  <si>
    <t>We have a one-size fits all education system. Ideal Diversity and inclusivity seem like a utopian dream at this point. This needs more funding from the government in order for a true assessment of diverse needs.</t>
  </si>
  <si>
    <t xml:space="preserve">Make it more fluid as to when it is needed, have some set/timed reports, others as needed. </t>
  </si>
  <si>
    <t>Our school recently changed from linear to semester.  The five-report system works well in linear, but I'm concerned that in a semester system we would be generating reports every month for four or five classes, creating a significant workload issue.  Reporting is important but balance is too</t>
  </si>
  <si>
    <t>I appreciate the move away from letter grades and percentages.</t>
  </si>
  <si>
    <t>Not realistic to move drastically from the current model.  I would love to see something more like the IB system of grade descriptors though, with less pressure on grade inflation.</t>
  </si>
  <si>
    <t>I am concerned that it would simply be viewed as a conversion, ie extending=A, which isn't really the point of the scale.</t>
  </si>
  <si>
    <t>I have met way too many students who have come through this model and are experts at producing glib, shallow self-reflections.  There is a gender disparity as boys tend to overestimate their own abilities, and girls underestimate.  It doesn't seem fair or genuine.</t>
  </si>
  <si>
    <t>While some students will excel at this, many kids(and probably adults too) just don't have the maturity or expertise to realistically set goals for themselves.  As teachers with a new set of kids in September we can't tell if a goal is valid because we don't know the kid yet.</t>
  </si>
  <si>
    <t>I think we're generally doing this anyway.</t>
  </si>
  <si>
    <t xml:space="preserve">I am concerned about increased workload as the extent of reporting, if not the frequency, is expanding.  I teach 200 students in a typical year, so every added step (extra reports, different scales, student content, etc) is multiplied by 200.  </t>
  </si>
  <si>
    <t>RE:  k-7. Creating a full written report in all subject areas within the first 25% of content is not necessary. Focus reporting on student goal setting, self assessment connected to the core competencies/subjects plus a short summary of social/emotional,works habits and Language and Numeracy skills.</t>
  </si>
  <si>
    <t xml:space="preserve">I am all in support of the proficiency scale and would prefer a sliding scale option to give parents a clearer picture of their child’s rather than a 4 point scale </t>
  </si>
  <si>
    <t>- what are the age appropriate guidelines? K-12 is a large range. Will there be a progressive timeline provided (what an be expected at each stage of development)</t>
  </si>
  <si>
    <t xml:space="preserve">How will this look for those students who are non verbal, cognitively unable to respond, create goals or assess their progress? </t>
  </si>
  <si>
    <t>One reporting policy does not fit all -k-12. Meaningful teaching takes time, Teachers should not be rushing to cram it all in to satisfy an all encompassing reporting order in the first two and a half months of the school year. Indigenous ways of knowing should also include assessment and reporting.</t>
  </si>
  <si>
    <t>If the end of year summary is in fact a summary, it should be brief. It should ONLY  be a summary of overall learning in the teacher comment box of my ED. The other subject areas should be scrapped. Especially for K-7.  No jargon. Just tell the parents about progress, and supports, and future steps</t>
  </si>
  <si>
    <t>Its what we already do</t>
  </si>
  <si>
    <t>students need to understand letter grades and efforts involved. It should be gr.8-12</t>
  </si>
  <si>
    <t>Their self assessment means something only if it can be graded. if child sets a goal, fails, or only partly reaches it, it should be officially graded by the teachers. Possible 3 way conference, parents, student and child, especially in high school. longer conference slots for high school teachers</t>
  </si>
  <si>
    <t>We already do this with each individual learner.</t>
  </si>
  <si>
    <t>Create a standard check list for grades. Like in the 70's. checklist with short teacher comment. That would be clear for parents and students. In k-7. who cares about all the subjects. Report on reading, writing, math, social emotional and thinking (making thinking visible). That is what counts.</t>
  </si>
  <si>
    <t xml:space="preserve">5 reporting periods is too much. Even if two of the three are not formal
Reports. </t>
  </si>
  <si>
    <t xml:space="preserve">I have had parents complain about the rating scale - especially those whose first language is not English - for what the scale actually means. It’s too wordy and not definitive enough for parents. </t>
  </si>
  <si>
    <t xml:space="preserve">Too much choice for how to report makes the assessment less clear and continuity is skewed. </t>
  </si>
  <si>
    <t xml:space="preserve">Self assessment for older students in high school makes sense. For younger kids, this becomes a make-work assignment that often provides little, and often inaccurate information. </t>
  </si>
  <si>
    <t xml:space="preserve">Again, for younger students this can be very difficult and often inaccurate/inauthentic goal setting. For intermediate grades and higher this is great. </t>
  </si>
  <si>
    <t xml:space="preserve">Again - the frequency in reporting seems too much. With online portfolios now, teachers and parents are connected on a more real time basis; so the 5 mandatory reporting periods seem excessive. </t>
  </si>
  <si>
    <t>There is way too many reporting periods especially requiring comments on ALL subject areas each time.  Three formal reports already give parents enough feedback. Teachers usually talk to parents if there are issues in between reports.</t>
  </si>
  <si>
    <t>A four point scale is too broad. Proficient has a huge range that makes it hard for parents and students figure out where they are within proficient. A fully proficient in a five point makes sense.</t>
  </si>
  <si>
    <t>Sometimes the scales are too fluffy and not clear.</t>
  </si>
  <si>
    <t>I think students should be involved in their learning and should be doing self assessment during the year. Having them report each term for a report takes a lot of time that teachers need for other things. The final self assessment that has been occurring at the last report card is good enough.</t>
  </si>
  <si>
    <t xml:space="preserve">Both frequency and student self assessment </t>
  </si>
  <si>
    <t>Why do we have to keep changing reporting? It is very hard on teachers to have to keep changing at the frequency that the ministry wants  us to. I wish the ministry would talk to the average teacher and see what their real concerns are.</t>
  </si>
  <si>
    <t>I feel that many parents don’t actually take the time to carefully read through these reports which are very time consuming to prepare, on the teacher’s own time, to warrant this number of reports to be completed throughout the year.</t>
  </si>
  <si>
    <t>I really like that I can teach the language of the proficiency scale to my grade 4/5 class and it makes the report card, as well as ongoing assessed assignments, more meaningful to them.</t>
  </si>
  <si>
    <t xml:space="preserve">To help students understand their marks under the percentages and letter grades descriptors before entering post secondary. </t>
  </si>
  <si>
    <t>I don’t see the point of using both letter grades and the proficiency scale; one or the other.</t>
  </si>
  <si>
    <t>Through personal experience of having to have students self-assess, it’s very difficult to get grade 4/5 to complete self-assessments in a personally meaningful and valuable way. It’s actually quite time consuming and takes away from valuable instructional time.</t>
  </si>
  <si>
    <t>I think this would be much more valuable at secondary level than elementary. It is a very abstract concept for younger students. However, there is certainly value in teaching them these skills, just not making it a mandatory part of reporting.</t>
  </si>
  <si>
    <t>There is so much unpredictability around this statement. ‘Diverse’ is an understatement for some learners and I find we still cannot repeat on all of them equally. This certainly depends on the composition of a class.</t>
  </si>
  <si>
    <t>A lot of personal time and energy from the teacher goes into reporting, which does not at all seem to be appreciated by many parents. Expecting teachers to put that much time into something that takes them away from their own families is not valuing what a teacher brings to the the profession daily.</t>
  </si>
  <si>
    <t>5 times a year is very unreasonable and would add more to our workload, as we are already feeling stressed teaching during covid.  This type of assessing is a step backward for the way we have spent the last few years participating in a new reporting order already.</t>
  </si>
  <si>
    <t>This type of proficiency scale has been well received and the students have already begun to use the language.  Over last few years, parents are learning what this means in their child's development.</t>
  </si>
  <si>
    <t>Until universities and colleges collaborate and align with the way we assess and give feedback, it would be harmful to not provide our students the assistance of reporting in a way to help them move on for their future.</t>
  </si>
  <si>
    <t xml:space="preserve">As stated previously </t>
  </si>
  <si>
    <t>Teach them young to reflect and give feedback, they start to use the language and become better reflectors as they grow!</t>
  </si>
  <si>
    <t>This would be very difficult in primary, as they have only begun to learn the language and would be difficult to objectively assess themselves</t>
  </si>
  <si>
    <t xml:space="preserve">I believe all students have the right to an inclusive space for learning. Their reporting should be based on their core competency learning plan, not necessarily aligning 100.percent with grade curriculum </t>
  </si>
  <si>
    <t xml:space="preserve">When doing online portfolios, providing student learning on a biweekly basis, I find it really redundant to report 5 times a year and 3 being written, when the parents have this info already on their phones.  </t>
  </si>
  <si>
    <t xml:space="preserve">Increased teacher workload for what purpose? The scale will simply be converted to letter grade. No actual change. Just new packaging. </t>
  </si>
  <si>
    <t xml:space="preserve">This is an unrealistic expectations for young students and is not developmentally appropriate. It also increased Primary teachers workload tremendously as most students would need someone to scribe for them. </t>
  </si>
  <si>
    <t>Requiring secondary teachers to provide WRITTEN feedback for all two hundred and ten students three times, plus two more reports, in the span of five months is completely unreasonable.  This reporting schedule does not take into account the semester system.</t>
  </si>
  <si>
    <t>A percentage is far more impactful when accompanied by a work habit and comment.  Provincial assessments have always had six levels.  Why are there only four levels here?  Also, this proficiency scale does not reflect students who are in more than one level.</t>
  </si>
  <si>
    <t>One of the factors universities and post-secondary institutions look at to determine which students to accept is percentages.</t>
  </si>
  <si>
    <t>No universities or post-secondary institutions recognize this scale at present.</t>
  </si>
  <si>
    <t>Considering student self-evaluations in their reporting should be at the teachers' discretion.</t>
  </si>
  <si>
    <t>Again, this should be at the teacher's discretion.</t>
  </si>
  <si>
    <t xml:space="preserve">1. This policy is not clear as to whether E-portfolios will be mandated for use in all districts.
2. A move from letter grades to proficiency scales is welcomed with elementary school, however , Myed is not set up for using Proficiency scales with the old report card. Why is that?  
</t>
  </si>
  <si>
    <t xml:space="preserve">Proficiency scales and feedback are more effective to help keep learners moving forward and parents are more relaxed around the grading of their children. </t>
  </si>
  <si>
    <t xml:space="preserve">Not my grade level . </t>
  </si>
  <si>
    <t xml:space="preserve">These self reflections are valuable to my students. </t>
  </si>
  <si>
    <t xml:space="preserve">Students enjoy and get better at goal setting with time and I can see the benefits because their reflections are very mindful and honest. </t>
  </si>
  <si>
    <t xml:space="preserve">This gives everyone a voice in their learning. </t>
  </si>
  <si>
    <t xml:space="preserve">Have drop down boxes in MyEd  with user friendly language, comments for teachers to use for reporting. Teachers with large classes will have a lot of writing to do, so predetermined comment banks will help lessen that load.  </t>
  </si>
  <si>
    <t xml:space="preserve">No change from before </t>
  </si>
  <si>
    <t xml:space="preserve">I’m finding that level of rigor in high school seriously lacking. There is serious discrepancy between assessments and therefore students and parents have an unclear understanding of readiness for next levels. This gap is only further exaggerated through increased grade levels. Scales are unclear </t>
  </si>
  <si>
    <t xml:space="preserve">There is no standard. The methods teachers use to assess vary widely and this is unfair to students trying to enter post secondary. Percentages should be used for all reporting periods at the very least </t>
  </si>
  <si>
    <t xml:space="preserve">There are no standards for assessment and grading curricular competencies is vague or not fully in line with base skills actually taught. Proficiency scales only work with courses not needed for post secondary </t>
  </si>
  <si>
    <t xml:space="preserve">Who is responsible to get students to do this? Is it required in every course or only overall? This feels like a lot of extra work for someone in a system where everyone is already overworked. </t>
  </si>
  <si>
    <t xml:space="preserve">Who implements this in a secondary setting? Who monitors it? Who follows up to make sure it is complete? With no home room in a schedule- this is another extremely time consuming job for someone </t>
  </si>
  <si>
    <t xml:space="preserve">Some courses are beyond the level of some students. I Ie Calculus 12 How do we meet the needs of all learners when their skill set is several grades below grade level? How do we find time to meet individual needs of all learners at the same time? In the same hour? Without support? </t>
  </si>
  <si>
    <t xml:space="preserve">Give teachers standards to work from for assessment </t>
  </si>
  <si>
    <t xml:space="preserve">So much confusion, no ministry guidance, lack of clarity, curricular competencies don’t align with base skills or content. No standards. We are meeting the needs of our lower kids but in doing so lower the standard of excellence for all others. It’s too much to do all at once </t>
  </si>
  <si>
    <t>While I welcome the chance to communicate student competencies, I worry that this increase will lead to more time spent preparing the reports than time spent teaching my students. This will result in classroom disruption. Teachers provide constant feedback to their students on a daily basis already.</t>
  </si>
  <si>
    <t>Letter grades are outdated modes of classification of learning. This is a good scale, and provides a breadth of information while acknowledging that each student might exist at a different point along the continuum.</t>
  </si>
  <si>
    <t>There is no reason to provide number grades. The difference between an 82% student and an 83% student depends on too many external factors not related to the student's competency. The job is to teach students, not work as intake services for post secondary institutions.</t>
  </si>
  <si>
    <t>See my previous two responses.</t>
  </si>
  <si>
    <t>I appreciate having students engage in meaningful self assessment, but I worry that formalising the process will rob the student of the chance to engage in meaningful thought by making it a rote process.</t>
  </si>
  <si>
    <t>My only concern here is what would be done for students who struggle to set goals for themselves.</t>
  </si>
  <si>
    <t>Each student is different, and should be assessed as such. We should also be given the time to enact this process, and not have this place an increased workload on already overburdened teachers.</t>
  </si>
  <si>
    <t>The change in frequency of reporting has too much potential to disrupt the actual teaching of students. The other suggested changes to educational policy will meet the goal of providing a more inclusive view of the student with the same frequency of reporting.</t>
  </si>
  <si>
    <t>I receive enough information about my child's progress and where their strengths and weaknesses are.  I do not need any more reporting periods.</t>
  </si>
  <si>
    <t>The proficiency scale is adequate in younger grades because I understand that that a each child learns at different rates. However students in middle school and especially grade 9 need to have a more concrete reporting system.</t>
  </si>
  <si>
    <t xml:space="preserve">People will just look at marks and if you accompany that with comments the learning proficiency continuum is not necessary. </t>
  </si>
  <si>
    <t xml:space="preserve">Students do not take it as seriously as it needs to be in order to be effective. </t>
  </si>
  <si>
    <t xml:space="preserve">Should not be included in report cards.  Goals will vary with students and just another hoop to jump through. </t>
  </si>
  <si>
    <t xml:space="preserve">This is unclear and does not say what exact steps that would entail. </t>
  </si>
  <si>
    <t xml:space="preserve">Students do not take the proficiency scale serious and they need to have grades and percentages in middle school and especially high school, including grade 9. 
The everyone passes attitude with the learning scale does not motivate students. </t>
  </si>
  <si>
    <t xml:space="preserve">Spanish </t>
  </si>
  <si>
    <t>I feel that the report card needs to be easier to understand. More simple. I know teachers already invest a great deal of time preparing them. I don’t think adding more to our teachers is the best way to go about this. Three times a year seems enough and if they were made simpler would be even bette</t>
  </si>
  <si>
    <t>Students are already doing this. The way it is right it’s ok, no need to add more. When I’ve discussed with my sons their report cards and the self-assessment part they don’t seem to fully understand why they did or how will that help them thorough out the year.</t>
  </si>
  <si>
    <t xml:space="preserve">As parents we do need to be informed about our children learning and development, but this can be done in an informal way. It could be a virtual meeting , a call or just an email. We don’t need to put our fabulous teachers under more stress than they are already feeling. </t>
  </si>
  <si>
    <t>I like the three formal and two informal but I feel that the conferences should count as two informal as we do them in a meeting format as well as a written document that goes with it.</t>
  </si>
  <si>
    <t>I like these terms and their description more than not yet, minimally, dully, exceeding</t>
  </si>
  <si>
    <t>These are needed for university around the world</t>
  </si>
  <si>
    <t>Doesn't mean anything if having the letter grades and percentage</t>
  </si>
  <si>
    <t>Elementary children K-6 don't really understand these</t>
  </si>
  <si>
    <t>Very difficult for K-6 even with extensive teaching which takes a lot of time.  Little to no follow through</t>
  </si>
  <si>
    <t>IEP kids are not always marked on the same scale-not sure what you mean?</t>
  </si>
  <si>
    <t>Reporting on all  subjects</t>
  </si>
  <si>
    <t xml:space="preserve">We have to write specific comments in all subject areas? This is a huge undertaking in K-7.  We have to write individual comments in each are unlike highschool where they choose from a drop down menu and provide only percentages. Reading, Writing and Math are already covering core competencies?  </t>
  </si>
  <si>
    <t xml:space="preserve">We are already using the scale for assessment and letter grades do not align with it. They do not accurately describe a spectrum of growth and learning. </t>
  </si>
  <si>
    <t>I prefer the past reporting system.</t>
  </si>
  <si>
    <t>This is very challenging for k-4 students.  It’s not progressive.  It’s a waste of time.</t>
  </si>
  <si>
    <t>Not realistic.</t>
  </si>
  <si>
    <t>There are too many report outs and written responses.  I would prefer utilizing this time to teach and interact with the children.  Too many new pressures are being placed on teachers with far too little support. We are burning out and the fun Im teaching is being lost.</t>
  </si>
  <si>
    <t>You are not being perfectly clear on exactly what is expected by these changes. Please provide a clear comparison of current expectations vs the proposed new expectations. How often will they do a self-assessment in each subject? If they do not complete it or have difficulty completing it, what do w</t>
  </si>
  <si>
    <t>You are not being perfectly clear on exactly what is expected by these changes. Please provide a clear comparison of current expectations vs the proposed new expectations.
How many times throughout the year must they set new goals and/or update progress. Is their progress on their goals (out of room</t>
  </si>
  <si>
    <t>Don't we already do this? What's the change from before?</t>
  </si>
  <si>
    <t>Less reporting K-9</t>
  </si>
  <si>
    <t>Reporting and assessment of learning is the least important aspect of our jobs. It does not help the students learn or take their understandings with them after they graduate. It only informs them and others of their progress when compared to the expectations of that grade. These do not ne (out of r</t>
  </si>
  <si>
    <t>In order to do a good job of reporting, teachers are not given enough time to write out personalized reports.  High school teachers may have up to 210 students to report on.  Prep time in not sufficient as that time is used to prep for future lessons.  Some disciplines have no in class time either.</t>
  </si>
  <si>
    <t>The scale is not accurate as there is always shades of grey.  Normally a discrepancy between student's perspective and teacher's.  In an Fine arts course, there is not enough time to discuss with individuals about discrepancies as the rest of the class is left unsupervised.</t>
  </si>
  <si>
    <t>It is clear and precise as to where they stand. No interpretation or mixed messages.</t>
  </si>
  <si>
    <t>We already have way to much work to do!!  The current reporting period takes hours for each reporting period with no time scheduled into the work day.  Prep is for prepping, class time is for teaching.  There is no time for individual discussion of rubrics or discrepancies. Students throw out rubric</t>
  </si>
  <si>
    <t xml:space="preserve">No scheduled time to go over with students.  Or if go over with students during class time the rest of the class is not being helped or supervised.  Need scheduled time for individual discussion on rubric.  </t>
  </si>
  <si>
    <t xml:space="preserve">The Index already shows what the goals need to be and how far they need to go to reach them.  It is redundant.  WE ARE IN A PANDEMIC AND DO NOT NEED MORE WORK RIGHT NOW!!!
Teachers are people too!  </t>
  </si>
  <si>
    <t>What are the IEPs for if the teacher's are going to have to create individual rubric's?  How about decreasing the number of IEP designated student's per class so they can get the one on one instruction they need.  We are overwhelmed with # of IEP's,  ELL, designated students  and max class sizes!</t>
  </si>
  <si>
    <t>Prep time permitted to do all this extra work!</t>
  </si>
  <si>
    <t>There are not enough hours in a day to teach, prep, mark, respond to parents, do IEPs and ELL individualized needs.  Deal with anxiety, traumatized students and general angst of students.  Please remember that teachers need a balance between work and home to be great teachers.  We are struggling.</t>
  </si>
  <si>
    <t xml:space="preserve">As a teacher of several grade 9 academic courses I would like to keep standard letter grades for grade 9. I see grade 9 as the transition into full high school and I think grade 9 assessment and reporting should be more in line with 10-12 than with K-8. </t>
  </si>
  <si>
    <t>I think its a good tried and tested system that everyone generally understands.</t>
  </si>
  <si>
    <t>I think its a reasonable option</t>
  </si>
  <si>
    <t xml:space="preserve">I'm unsure about this, I think several self assessments in 4 classes every semester in high school could get overly repetitive.  High school teacher could have over a 100 students in a semester, collecting, and reporting this could make report cards far more complex and time consuming. </t>
  </si>
  <si>
    <t xml:space="preserve">Again I think doing this in every high school course will get overly repetitive and will make reporting far more complex and time consuming. </t>
  </si>
  <si>
    <t>This doesn't seem new. Student IEP etc have always influenced assessment and reporting.</t>
  </si>
  <si>
    <t xml:space="preserve">Frankly I don't see any problems with the current high school reporting system. There really is only so much available time to be put into Pro D, new ideas, lessons, teaching practices etc.. and this change wouldn't be my first priority. </t>
  </si>
  <si>
    <t xml:space="preserve">I like this for high school with semesters, but feel like more reporting is needed in a full year or elementary program. </t>
  </si>
  <si>
    <t xml:space="preserve">So much more meaningful than letter grades. </t>
  </si>
  <si>
    <t xml:space="preserve">I think the core competencies are important but feel the reflection process needs to be meaningful. Including these as mandatory with reports is sometimes done arbitrarily rather than as part of the learning process. </t>
  </si>
  <si>
    <t xml:space="preserve">I like the idea of students setting goals and reflecting on them, but it would need to be students reflecting on the progress of these goals rather than teachers. </t>
  </si>
  <si>
    <t xml:space="preserve">Right now I am not required in grades 8-12 to provide written summaries. At 120 students that is far too many students to write a report for without a full week dedicated during school hours to create the reports. Even meeting with each student for 5 mins to talk about progress takes 10 hours. </t>
  </si>
  <si>
    <t xml:space="preserve">Great, it allows the focus to remain on progress &gt; outcome. At 120 students that is far too many students to write a report for without a full week dedicated during school hours to create the reports. Even meeting with each student for 5 mins to talk about progress takes 10 hours. </t>
  </si>
  <si>
    <t xml:space="preserve">It is the status quo. Not ideal but makes sense unless we want to force the hand of the post-secondary institutions. </t>
  </si>
  <si>
    <t xml:space="preserve">This is already happening. </t>
  </si>
  <si>
    <t xml:space="preserve">Where is this extra time going to come from? At 120 students that is far too many students to write a report for without a full week dedicated during school hours to create the reports. Even meeting with each student for 5 mins to talk about progress takes 10 hours. </t>
  </si>
  <si>
    <t xml:space="preserve">In the same classroom? I am all for respecting student diversity but not about creating 17 different lessons for one 80-minute period four times a day. That would equal 68 different lessons and assessments practices per day. IMPOSSIBLE even with additional prep time. </t>
  </si>
  <si>
    <t>I am fine so long as class sizes go down, classes are balanced for student diversification needs, and there is real TIME for educators to talk with students and create these reports that does not happen outside the school day or take away from current school subjects</t>
  </si>
  <si>
    <t xml:space="preserve">I believe in inclusion and meaningful feedback. The situation AS-IS is not tenable and this is adding HEAPS more work with no conversation around what time educators would have to implement any of these goals in the real education world. </t>
  </si>
  <si>
    <t>As a teacher, I spend a significant amount of time 'capturing' and uploading student learning through video and photos each week.This is time that could have been spent in teaching and guiding inquiry. I spend many months working toward writing the final summative report for each child, after school</t>
  </si>
  <si>
    <t>The words are misleading and do not truly articulate "where a child is" in their learning. As a parent I find it misleading.</t>
  </si>
  <si>
    <t>It provides a clear, simple understanding of a child's learning.</t>
  </si>
  <si>
    <t xml:space="preserve">Having 2 ways to say the same thing may be confusing to parents and seems redundant. </t>
  </si>
  <si>
    <t>Reflective thinking should be integrated into the child's work.</t>
  </si>
  <si>
    <t>As a teacher, I cannot reasonably continue with the demands of FreshGrade and report 5 times a year if I am expected to be teaching. At some point I would like to enjoy my own family.</t>
  </si>
  <si>
    <t xml:space="preserve">We have a reporting process already that is working. This new policy seems more of a time commitment  and confusing. </t>
  </si>
  <si>
    <t>We do this already with the reporting process we current use. Not sure why we have to change anything.</t>
  </si>
  <si>
    <t>Again, already doing this.</t>
  </si>
  <si>
    <t>Not enough time or support to manage this for every student.</t>
  </si>
  <si>
    <t>Already doing this</t>
  </si>
  <si>
    <t xml:space="preserve">3 formal reports and 2 interims is what we do now </t>
  </si>
  <si>
    <t>I already send home emails to my classes with grades and general feedback. I only send individual feedback to parents for my struggling learners. 
We only report on MyEducation and our school does not do paper reports anymore so I'm not sure how the written reports with evidence will work</t>
  </si>
  <si>
    <t xml:space="preserve">Grade 9 is now in secondary school and our MyEducation system is set to percent reporting not scale. </t>
  </si>
  <si>
    <t>This is what they are used to.</t>
  </si>
  <si>
    <t xml:space="preserve">Too much extra work for us teachers  and the majority don't read it anyway. </t>
  </si>
  <si>
    <t xml:space="preserve">Most kids don't do this critically. 
At our school this used to be a FLEX assignment for setting term goals and reflection. </t>
  </si>
  <si>
    <t>Always have considered IEPs and other learning needs.</t>
  </si>
  <si>
    <t xml:space="preserve">This is still a lot of work for teachers.  More informal updates and less formal ones would be more beneficial.  One informal late October, early November.  Formal end of January.  InformL late March early April and formal in June would be just as beneficial </t>
  </si>
  <si>
    <t xml:space="preserve">Letter grades are not necessary.  </t>
  </si>
  <si>
    <t>Can’t change until post secondary institutions change</t>
  </si>
  <si>
    <t>Don’t teach these grades</t>
  </si>
  <si>
    <t>Can’t wait to see how this will work</t>
  </si>
  <si>
    <t xml:space="preserve">We need time to complete these reports at school/during school hours. Many teachers do the work after school hours and it is exhausting. </t>
  </si>
  <si>
    <t xml:space="preserve">Again will teachers be given time in the day to help students assess themselves individually? </t>
  </si>
  <si>
    <t>Teachers try to be inclusive as we want to reach all of our students</t>
  </si>
  <si>
    <t xml:space="preserve">Lack of clarity and grades 8/9 be in with elementary aged students. Does not work well with semester system </t>
  </si>
  <si>
    <t>We are already doing this in 8/9</t>
  </si>
  <si>
    <t>This is not new.</t>
  </si>
  <si>
    <t>Pointless and if this is the direction grades are going in aka replace letter grades just drop grades all together</t>
  </si>
  <si>
    <t>Students really struggle with the core competencies language.</t>
  </si>
  <si>
    <t>Where will the time come from to do this?!</t>
  </si>
  <si>
    <t>Already happens.</t>
  </si>
  <si>
    <t xml:space="preserve">The self assessment piece and goals are paperwork and time consuming nightmare. If the school system is as completely altered to allow more tome for assessment and reflection then maybe. This is not IK with the current grind for high school teachers 4/4 and overworked elementary teachers. If one day of the week was allocated for this without teaching requirements. </t>
  </si>
  <si>
    <t>Teacher burnout with too much in our plates. Kids too…they are overloaded.</t>
  </si>
  <si>
    <t xml:space="preserve">It is the same amount but coupled with the other changes it will increase workload significantly </t>
  </si>
  <si>
    <t>I prefer these as they are growth based, but I do worry how this will translate and provide continuity into grades and percentages in 10-12. Perhaps it should be K-5 for this proficiency scale, and then 6 and up for percentages and grades</t>
  </si>
  <si>
    <t>This translates to an increased workload for teachers. What will drop from the curriculum or reporting expectations when we are asked to implement this in an increased way?</t>
  </si>
  <si>
    <t xml:space="preserve">Many of us do this anyway, but mandating it and making it so pervasive and prescriptive may decrease students authentic reporting/interest in this, and again will significantly increase teacher work load </t>
  </si>
  <si>
    <t>We are already inclusive of these needs. I don’t understand what the change would be.</t>
  </si>
  <si>
    <t>Increased workload in other areas. Something has to give. Also will we be taking into consideration how the pandemic has affected students mental health and academic well being. My students are not able to do what they typically can</t>
  </si>
  <si>
    <t>It seems a lot</t>
  </si>
  <si>
    <t xml:space="preserve">I think that requiring more than two formal written reports per school year is excessive. Formal written reports take an enormous amount of time for teachers. This time inevitably takes away from instruction and student learning. </t>
  </si>
  <si>
    <t>Report cards take an enormous personal toll on teachers. They require weekends and evenings to complete, inevitably taking a toll on teacher well-being.</t>
  </si>
  <si>
    <t xml:space="preserve">We already spend too much time preparing reporting documents. Reporting 5 times a year for each subject area is a crazy amount of work for generalist teachers who teach all subjects in elementary/ middle school. Our preps are barely enough time just to plan. We already use weekends to mark/report. </t>
  </si>
  <si>
    <t>Too much extra work! Reporting presently is already labor intensive. We're supposed to be educating our students to the best of our ability with passion... this will hinder that passion, as so much time and energy will be put into reporting, not planning, crating and teaching!</t>
  </si>
  <si>
    <t>I am elementary and don't know the secondary system.</t>
  </si>
  <si>
    <t>As long as  for my secondary colleagues that it would replace effort marks, so they don't have more work put on them.</t>
  </si>
  <si>
    <t>From my grade 2/3 teacher perspective, this "self assessment is very surface/literal and not very deep at my level. It's too much to focus on all the core competencies at the primary level. It involves too much abstract thinking, which primary students have a hard time with. Not yet age appropriate.</t>
  </si>
  <si>
    <t>Again, maybe grade 4,5,6 and up. Impossible at the primary level to do it all. You'd be spending so much time teaching them about how to goal set (even in just one area), that no quality curricular work could possibly be accomplished. Have any of the people deciding this ever taught primary?</t>
  </si>
  <si>
    <t>We're already overloaded in our responsibilities and cannot take on more work. Having talked to hundreds of parents over my 29 years teaching,many parents don't even read most of reports and certainly don't have time in their busy lives to have 5 reporting periods. I'm discouraged by this proposal.</t>
  </si>
  <si>
    <t>Way too many reports.  We spend our time collecting data and reporting instead of adapting and implementing curriculum.  Also, the Proficiency Scales are way too high compared to the last 2 years of covid learning, so now almost everyone is 'not meeting' and those are much longer meetings.</t>
  </si>
  <si>
    <t>Good.</t>
  </si>
  <si>
    <t>Grade need to start in Grade 8 or 9 to help the students self reflect soon with their learning process.</t>
  </si>
  <si>
    <t xml:space="preserve">Just don't make it all confusing for teachers to write and parents to read.  </t>
  </si>
  <si>
    <t>This is way too hard in primary.  It makes no sense to the students and it just ends up being a copy from the front board kind of response.  Intermediate are able to self-reflect.</t>
  </si>
  <si>
    <t>Students not meeting or developing who need to have goals find it so difficult to make a goal and so it ends up being a copy from the board activity.</t>
  </si>
  <si>
    <t>Fine.</t>
  </si>
  <si>
    <t>Performance Standards for numeracy, literacy (writing and reading) are way to high for the last 2 years of covid and moving forward.  Every student is behind.</t>
  </si>
  <si>
    <t xml:space="preserve">Covid 19 (2 years in) has caused there to be a complete disconnect from what the students can do compared to the Performance Standards.  And the fallout, the many years afterwards of students continuously being behind do not match the Performance Standards.    </t>
  </si>
  <si>
    <t>Parents/students equate the 4pt scale with letter grades.  ELL parents have some difficulty with the language.</t>
  </si>
  <si>
    <t>Ones definition of "proficient" may look different if one equates it to a certain percentage @ the Gr. 10-12 level.  From a teacher's perspective, I understand proficient as being 70-89%.  A parent may see it as being 80-90%.</t>
  </si>
  <si>
    <t>Not all students are ready or accurate with their self-assessment as they can be very unaware @ the elementary level.  However, it gives teachers sone insight into the students' perspective of themselves.</t>
  </si>
  <si>
    <t xml:space="preserve">Whether it is ABCD, or 1234 - you are still assigning a "grade" level. </t>
  </si>
  <si>
    <t xml:space="preserve">Only percentages are necessary at the 11 and 12 level. 
Grade 10 should be included K-10. </t>
  </si>
  <si>
    <t xml:space="preserve">Then if you use, 1234 we don't need letter grades. </t>
  </si>
  <si>
    <t>I value self-assessment but at the high school level, who is going to ensure students complete this? Which subjects will this fall on?</t>
  </si>
  <si>
    <t>I value goal setting but at the high school level, who is going to ensure students complete this? Which subjects will this fall on?</t>
  </si>
  <si>
    <t xml:space="preserve">Only one is necessary. </t>
  </si>
  <si>
    <t>same as what we've been doing</t>
  </si>
  <si>
    <t>many younger students have difficulty doing this in a meaningful way</t>
  </si>
  <si>
    <t>many younger students don't know how to set realistic or relevant goals</t>
  </si>
  <si>
    <t>it is hard for many younger students to do this meaningfully</t>
  </si>
  <si>
    <t>Unreasonable workload</t>
  </si>
  <si>
    <t xml:space="preserve">Students with diverse learning needs and special needs are simply not getting the support they need. This is largely due to a lack of teacher assistants and resource teachers. The system is chronically underfunded, and students are not getting the supports they deserve. </t>
  </si>
  <si>
    <t xml:space="preserve">Inclusion and supports for diversity only work when properly funded, staffed and supported. </t>
  </si>
  <si>
    <t>I find that the school year is structured in a way that this frequency functions well for most students, teachers and families.</t>
  </si>
  <si>
    <t>The language used to describe each category of the scale is too broad, using words that can be interpreted differently between different individuals. It requires quite a bit of explaining not only to students, but also to parents. The scale can potentially be subjective between educators.</t>
  </si>
  <si>
    <t>While letter grades and percentages can hinder the process of student learning, students still need letter grades and percentages for most post-secondary institutions.</t>
  </si>
  <si>
    <t>While the core competencies are important skills to practice and apply in the classroom, self-assessment is a learned process students need to practice all year, and still have a very hard time with. This makes it difficult when imposing an official self-assessment as part of final asessments.</t>
  </si>
  <si>
    <t>If the policy requires this kind of goal setting, educators need the time, resources and training in order to implement them into their practice effectively.</t>
  </si>
  <si>
    <t>Students with differing needs and abilities should be given the chance to be assessed based on their individual needs.</t>
  </si>
  <si>
    <t>The language used in the proficiency scale needs to be examined in order to be more clear, and to avoid any differing interpretations between educators.</t>
  </si>
  <si>
    <t xml:space="preserve">Written reports will create extra stress on teachers. Teachers will spend more time writing these reports instead of creating meaningful lessons. </t>
  </si>
  <si>
    <t>This proficiency scale uses friendlier language than the old one.</t>
  </si>
  <si>
    <t>Kids in high school should be prepared for what will come in university.</t>
  </si>
  <si>
    <t>I prefer letter grades and percentages. Universities don’t have proficiency scales.</t>
  </si>
  <si>
    <t>Students should assess their own progress.</t>
  </si>
  <si>
    <t>Younger kids have a difficult time setting meaningful goals.</t>
  </si>
  <si>
    <t>Everyone is equal.</t>
  </si>
  <si>
    <t>Written reports</t>
  </si>
  <si>
    <t>Written reports for each subject area are completely unnecessary. More reporting periods will cause teachers to burnout.</t>
  </si>
  <si>
    <t>Parents already find it difficult to go to the parent teacher or student led conferences as a lot of parents are working. Also, not all parents really read with understanding/comprehension the 3 written report cards. Therefore, 5 reports a year are sufficient.</t>
  </si>
  <si>
    <t>The existing 3 point scale for kindergarten is insufficient as meeting includes minimally meeting expectations. It is too broad. The 4 point scale is just another way of expressing the not yet meeting as emerging, minimally meeting for developing, meeting as proficient and exceeding as extending.</t>
  </si>
  <si>
    <t>I think letter grades and percentages should be given from grade 4 onwards as that is perhaps one of the few things that quite a number of parents look at and understand. Some parents who do not really understand the descriptive language that educators are required to use are shocked by grades and %</t>
  </si>
  <si>
    <t>Kindergarten and grade1 children cannot accurately self assess. They have to be slowly led to an answer. Waste of time for both children and teachers. A make work project for teachers. Time could be better spent on teaching.</t>
  </si>
  <si>
    <t>Young children do not yet know how to set goals realistically. Answers are led or guided by teachers questioning the children. Waste of time for teachers and children. A make work project for teachers.</t>
  </si>
  <si>
    <t>It is difficult for children with disabilities and diverse needs to self assess and goal set. It should be up to the teacher to assess these children to accurately reflect their learning.</t>
  </si>
  <si>
    <t>It's only useful if the information provided is formative in nature with growth as a mindset. The earlier any areas of need or strength can be identified, the better. Parents should be involved in their child's growth outside school. Ongoing portfolio style reporting method like freshgrade is best.</t>
  </si>
  <si>
    <t xml:space="preserve">This again is only useful when comparing children to a norm. Description is still better than a number. In a class of kids, everyone is differently skilled and learns at a different pace. Students are fully at the mercy of the teacher's preferences for teaching style. </t>
  </si>
  <si>
    <t xml:space="preserve">This is solely useful because universities operate in this antiquated manner of quantifying students' learning based on performances. Assessment practices vary completely by teacher, there is no set standard for allowing students' most recent data to reflect their grade. </t>
  </si>
  <si>
    <t>At least it's comparing students to a standard they're trying to meet with descriptive feedback about how they're doing to reach it. That's better than assigning a number/% to quantify the teacher's evaluation of their understanding/mastery based on assessments where the teacher decides the format.</t>
  </si>
  <si>
    <t>Motivation is not fuelled by letter/% grades... It's inspired by the student's learning and growth. It takes reflection and the teacher's careful guidance to curate and co-author an education, an ongoing learning experience.</t>
  </si>
  <si>
    <t xml:space="preserve">As long as it's focused on real growth and applicable skills that contribute to adult life and growth, not on "ability to take tests" or some nonsense. </t>
  </si>
  <si>
    <t>As long as teachers who were trained in preceding eras they don't ascribe to these excellent values are taught in-service for strategies and UDL and held accountable by the BCTRB for their ongoing professional development.</t>
  </si>
  <si>
    <t>Grades are not an accurate reflection of a student's ability &amp; they don't motivate students to actually grow as lifelong learners. It becomes less about the content &amp; individual interaction with it &amp; more about "getting a good grade". It defeats a student who loves to learn but can't get a high mark</t>
  </si>
  <si>
    <t>I think this is an excessive amount of reporting.  So much time spent on reporting will leave little time for what is really important, teaching, learning, assessing, REAL goal setting, student conversation and  planning to improve learning.  Anyone who is in a classroom would know that.</t>
  </si>
  <si>
    <t>I like the scale and it is a good indicator of student progress.</t>
  </si>
  <si>
    <t>You do not need two things that indicate the same thing.  Why do double duty and confuse people.</t>
  </si>
  <si>
    <t xml:space="preserve">Self assessment is important for student learning. </t>
  </si>
  <si>
    <t xml:space="preserve">Goal setting for students is very important but not realistic for every subject for every term.  There is not enough time in the day to fit in ALL of the expectations as it is. </t>
  </si>
  <si>
    <t>This is great and should be done.  Support in the classroom for ALL students would be nice in order to achieve this. We NEED extra hands to meet the needs of all our diverse students.</t>
  </si>
  <si>
    <t>I only had one choice.</t>
  </si>
  <si>
    <t>We as teachers are overloaded/overwhelmed.  We are dealing with Covid-19, increasing numbers of Special Needs students that never get enough support, increasing social-emotional problems with students (eg:  anxiety, selective mutism, fractured families, etc), lower literacy/numeracy skills, etc.</t>
  </si>
  <si>
    <t>What happened to "not meeting"?  If a Grade 2 student in June has no literacy/numeracy skills&amp;is absent for most of the school year, how is that not meeting?</t>
  </si>
  <si>
    <t>If I were a parent of a high school student, I'd like this.  Also when you are going onto to post-secondary school, you need these!</t>
  </si>
  <si>
    <t>Same as last one</t>
  </si>
  <si>
    <t>I'm good either way.</t>
  </si>
  <si>
    <t>We do this already, via a November&amp;February goal setting meeting with parent/child.</t>
  </si>
  <si>
    <t>Every year we get more&amp;more special needs students that don't fit the regular ways.</t>
  </si>
  <si>
    <t>We are all overwhelmed, overworked&amp;stressed already, especially with Covid-19.  Plus young primary students (eg:  k-grade 2) need more time before we test&amp;report on them, so the January/June works best.</t>
  </si>
  <si>
    <t>It can be difficult to understand the meaning of that words</t>
  </si>
  <si>
    <t>Three is more than enough.
Report writing is a stressful time for teachers and that stress gets reflected in our interactions with students.
Parents barely read what we send out now.</t>
  </si>
  <si>
    <t>The first part of the year should be a focus solely on social emotional development for primary students. This should be the only report to parents before winter break. There are too many elements that can not be summarized with one label of the proficiency scale.</t>
  </si>
  <si>
    <t>In primary,  this has to be done individually by the teacher for each student to ensure they have understood the question. Never once has a parent ever questioned or even mentioned the self-evaluations that have been sent home. Many children do not accurately report, invalidating the assessment.</t>
  </si>
  <si>
    <t>Children that are self motivated are already doing this even in kindergarten. This would take hours per week to meet with each student and discuss their goals. Valuable time that could be spent teaching curriculum would be wasted.</t>
  </si>
  <si>
    <t>We already do this.</t>
  </si>
  <si>
    <t xml:space="preserve">Honestly, I choose all of them.
</t>
  </si>
  <si>
    <t>After years of piloting and now formally using CSL , we are back to the same time line as BEFORE COVID-19! Most of the learning of this new format was done on teachers own time with very little. training during school hours. Too many changes!!!!</t>
  </si>
  <si>
    <t xml:space="preserve">We’ve been using a 5 point scale so yet another change. </t>
  </si>
  <si>
    <t>It takes the entire year for early primary students to notice and name the core competencies in a meaningful way. Asking for a formal self assessment beyond the final report is NOT  realistic at all. A “make work “ project for teachers that will inevitably or be authentic and take away from teaching</t>
  </si>
  <si>
    <t xml:space="preserve">I agree with setting goals with GUIDED support at early primary. </t>
  </si>
  <si>
    <t xml:space="preserve">This is a lot for early primary to do without a lot of teacher support. </t>
  </si>
  <si>
    <t xml:space="preserve">The reality is the world operates within a context of right/wrong and pass/fail. All children learn from A’s but equal value life lessons come from C/D/F grades. Without a grading system you are running expensive daycare..worse yet leaving children woefully unprepared for entering the workforce. </t>
  </si>
  <si>
    <t>Letter grades very simply describe where a child is at in relative terms. Descriptive fluff and crap terms make parents feel better about their child whom is emerging ( not doing his work and failing) but they do not change the reality. Wait until he gets a F in calc 1… Tell the truth from day 1</t>
  </si>
  <si>
    <t xml:space="preserve">Letter grades should be used. Failing and calling it something else helps no one. The child &amp; parent think they are ok until when the real world tells them in no uncertain terms their child has wasted 9 years of school because they are getting F’s. When that happens public education has failed them </t>
  </si>
  <si>
    <t>So now the child who bas never failed at anything enters the work force at 19. His first experience of an “ F” is getting FIRED because he failed to do his job. The kid isn’t equipped to deal with failure so he quits trying ? Drugs ? Suicide? Teach kids how to fail.. they all will at some point.</t>
  </si>
  <si>
    <t>Students dont grade their own work. How they feel about what they have done is primarily a family concern. If they want to the teach they are in class everyday. Their feelings are not relevant to their performance</t>
  </si>
  <si>
    <t xml:space="preserve">Students do not set curriculum. Adults do in order to prepare them with the skills they will need to survive. Reading, writing arithmetic &amp; technology are primary to success. Set the bar high. </t>
  </si>
  <si>
    <t xml:space="preserve">There is no point of having a child in a room whom has zero hope of doing the work his peers do. Its not called inclusion it is a distraction… for the students desperately trying to learn while someone screams or acts out. 
It wrong kids deserve a safe clean work environment. </t>
  </si>
  <si>
    <t>Letter Grades K-12</t>
  </si>
  <si>
    <t>Its simple and it works</t>
  </si>
  <si>
    <t xml:space="preserve">We're teachers involved in this decision? The case load for work increases dramatically with more written reports, with no extra time being given to us. Also, formally reporting in voter circles and student goal setting is something teachers do informally throughout the year and will eat up valuable teaching time for other subjects if we have to do it every reporting period. </t>
  </si>
  <si>
    <t>Grade 9 students need to understand the transition to authentic assessment that they should receive in the higher grades.  This should include both written feedback and letter grades/percentages to help with anxiety over marks.</t>
  </si>
  <si>
    <t>This format does not provide an opportunity for authentic assessment at the grade 9 level, and can lead to greater anxiety in grade 10 or above.</t>
  </si>
  <si>
    <t>Written comments for each student are a better indicator of strengths and areas that need improvement.  A proficiency scale is too generic to provide authentic feedback.</t>
  </si>
  <si>
    <t>Younger students do not have the cognitive skills in order to do an authentic assessment of their learning.  With time and maturation, these skills can become better resulting in a more accurate reflection of how a student views their growth.</t>
  </si>
  <si>
    <t>Is this not a mandate currently and best practices?</t>
  </si>
  <si>
    <t>It would be better to have 2 formal reports (beginning and end of the school year) and the middle one could be a checklist with an overall comment about growth and area for improvement, based on a digital portfolio. 3 written reports is a lot of extra work for teachers using digital portfolios.</t>
  </si>
  <si>
    <t>Again, it’s a lot of extra work. Languagd Arts and Math should be the only subjects we report on every term. For the other subjects, I like the current policy of twice a year.</t>
  </si>
  <si>
    <t>It’s important to make sure students have what is needed to apply for university.</t>
  </si>
  <si>
    <t>A lot of extra work for teachers and useless on my opinion as parents/students won’t care about it if there is a grade/percentage. They will only care about the grade.</t>
  </si>
  <si>
    <t>Already doing it.</t>
  </si>
  <si>
    <t xml:space="preserve">What does it mean in concrete terms? What would it look like? The wording is very vague in my opinion. </t>
  </si>
  <si>
    <t xml:space="preserve">Too much extra work for teachers. </t>
  </si>
  <si>
    <t>3 reporting periods is enough and they should all be formal written reports.  We connect with parents regularly so other non-formal reports are arbitrary.  Get each district to mandate 1 in-person meeting with parents at the beginning of the year for connection - encourage student attendance</t>
  </si>
  <si>
    <t>We are in an unfortunate position of having to continue to hold back progressive assessment strategies to work with a university structure that is outdated an ineffective at assessing student ability and performance.  Can we look at a directive to work with these institutions to incorporate change?</t>
  </si>
  <si>
    <t>Who thinks there must be assessment continuity? Parents don't.  Teachers don't. Smarten up on that one - brutal.</t>
  </si>
  <si>
    <t>Outstanding option to bring students into their learning process and give them a chance to have a voice and sense of value in their learning.</t>
  </si>
  <si>
    <t>I don't really like the proficiency scale for K-9 to be honest. Teachers must report on student progress in relation to the core competencies.  Each report should be very individual and not try to fit into 1 of 4 "words" or categories.  It's a weak version of proper reporting.</t>
  </si>
  <si>
    <t>Too much variation and too interpretive. I feel will end up being a more of a copy and paste report, rather than holding much value.</t>
  </si>
  <si>
    <t>Less perfectionist focus and more learner centered for growth (growth mindset).</t>
  </si>
  <si>
    <t>At this time, I can understand the need to have more precise performance driven, and does also prepare them for post secondary as well as the work force annual reviews.</t>
  </si>
  <si>
    <t>This provides some more individual reflection and more fosters mind growth set.</t>
  </si>
  <si>
    <t xml:space="preserve">I think this has value and does develop fundamental skills; however, I caution a great deal of self reflection as then I think students "zone out' and it becomes a frivolous waste of time. </t>
  </si>
  <si>
    <t xml:space="preserve">I would need more information to have a better idea of how this would work. Conceptually I agree, but can see many pitfalls if done incorrectly. </t>
  </si>
  <si>
    <t xml:space="preserve">Data and information can take one only so far. If it replaces practice, leaning and deminishe mind growth set, then one must be careful. </t>
  </si>
  <si>
    <t xml:space="preserve">The report cards don't give me a clear indication of where my child is at. I find that conferencing/chatting informally with the teacher provides me with a more clear sense of my child's learning. I think requiring additional reporting from teachers is excessive. </t>
  </si>
  <si>
    <t xml:space="preserve">Doesnt really make sense to me. </t>
  </si>
  <si>
    <t xml:space="preserve">Letter grades would make more sense. </t>
  </si>
  <si>
    <t>Teachers should not be writing report cards more than once or twice a year. Not necessary</t>
  </si>
  <si>
    <t>Parents have a hard time distinguishing what these mean. It doesn’t give a clear indication of where or if students are struggling.</t>
  </si>
  <si>
    <t>Seems unnecessary and redundant. As a parent of high school and university age students, the proficiency scale was not of any use.</t>
  </si>
  <si>
    <t>I would need to see examples.</t>
  </si>
  <si>
    <t>inclusion of all subject areas in each report.</t>
  </si>
  <si>
    <t>We already report on learning  in a written format 4 times a year as well as a student led conference where I teach. The first report which I will send home next week, will focus on the social/ emotional learning of my students. It is too soon to report on all academic subjects.</t>
  </si>
  <si>
    <t xml:space="preserve">This is similar to what my district does already
</t>
  </si>
  <si>
    <t>This is what I have been doing for the last 2 years on my learning summaries</t>
  </si>
  <si>
    <t>Grade 10 -12 not my area of expertise</t>
  </si>
  <si>
    <t xml:space="preserve">It is extremely difficult for children who are 4 and 5 years old to verbalize and rationalize their learning. </t>
  </si>
  <si>
    <t>Again very unrealistic for 4 and 5 year olds to accomplish.</t>
  </si>
  <si>
    <t>As stated above it is an unrealistic activity for 4 and 5 year olds to accomplish.  Perhaps this could be something they begin to discuss and think about in Grade 1.</t>
  </si>
  <si>
    <t>It's way too many times. Three reports cards and one face-to-face is enough. Teachers speak more often with children and families when support is needed. With all the demands of the curriculum including social/emotional learning stuff, it's just too much.</t>
  </si>
  <si>
    <t>The wording does not help parents understand how their children are doing. It is teacher speak, not common language speak.</t>
  </si>
  <si>
    <t>Why both?? Just piling on more and more work.</t>
  </si>
  <si>
    <t>The proficiency scale is even worse for high school. Why do teachers need to report the same thing in three different ways? Who is it actually helping? Again, piling on more work.</t>
  </si>
  <si>
    <t>While I do think self-assessment is important, I don't think it should be part of the official report card. Developmentally young children are not ready to do meaningful self-assessment and have. To have a K or grade 1 student do a self-assessment then add it to an official report card is not fair.</t>
  </si>
  <si>
    <t>We already do goal setting. For the primary grades, this exercise is not developmentally appropriate. This takes lots of teacher time in the lower grades, time better spent teaching reading and math and social/emotional skills.</t>
  </si>
  <si>
    <t>It's just too much. Being a teacher is causing way too much burn-out. The level of stress and anxiety our children have is overwhelming as well &amp; we are tasked as being teacher/counsellor/financial planner/parent etc. WITH NO EXTRA SUPPORT! My school of over 500 has a counsellor only 3 days a week!!</t>
  </si>
  <si>
    <t>We have only recently changed to two written reports per year. This change made it possible for teachers to include detailed and useful written reports. We have been learning new systems for writing the reports and new forms of online portfolios in order to provide ongoing assessment and reflections</t>
  </si>
  <si>
    <t>This has not changed</t>
  </si>
  <si>
    <t>Until post secondary changes the way they provide assessment and intake it does not make sense to change</t>
  </si>
  <si>
    <t>Same reason as above</t>
  </si>
  <si>
    <t>I already do this with my class. Although, if I was asked to provide an additional written report, I would not have time</t>
  </si>
  <si>
    <t>Again, we already do this. I will not have time to do it properly if an additional written report is required</t>
  </si>
  <si>
    <t xml:space="preserve">This has not changed for elementary teachers </t>
  </si>
  <si>
    <t xml:space="preserve">There is not enough time in the school year to cover all the material, provide proper written feedback, have students do goal setting and reflection, provide ongoing evidence of learning AND then also add another written report card. </t>
  </si>
  <si>
    <t>Five is an odd number and does not take into consideration a semester school. Five is NOT currently what schools operate on - we do FOUR reporting periods a year. If we want parents to be better informed about their child's progress we should be changing MyEd - most parents struggle with access.</t>
  </si>
  <si>
    <t>I think the proficiency scale promotes growth mindset and encourages students. However, I think teachers need clearer guidelines over what each point/word means - surely an Extending can not be a C+ or a B or an A.</t>
  </si>
  <si>
    <t>Good transition from proficiency scale to letter and percentage. Grade 10 is time to learn and make changes if they need too - it is not too late for admittance.</t>
  </si>
  <si>
    <t>Only if it was in addition to - not instead of.</t>
  </si>
  <si>
    <t>Students can not assess five times a year in EACH subject area. Grade 6 and up could be having multiple different teachers, who addresses this assessment?</t>
  </si>
  <si>
    <t>Oh my! Adults are not capable of that much reflection or goal setting. It takes time to write a quality goal and we destroy goal setting as an effective tool if we overuse it OR teach students to approach it as reflection only. Teachers are teaching content, very few are effective at teaching goals.</t>
  </si>
  <si>
    <t>Of course! Absolutely!</t>
  </si>
  <si>
    <t>As well as goal setting and self-assessment. Ugh!</t>
  </si>
  <si>
    <t>I feel like that is enough feedback for how students are doing</t>
  </si>
  <si>
    <t xml:space="preserve">For students who do not do as well, this is a more realistic look for how they are doing. </t>
  </si>
  <si>
    <t>I wish proficiency scales existed for all grades but university would have to be on board</t>
  </si>
  <si>
    <t xml:space="preserve">And they should!  Proficiency scales are much more inclusive </t>
  </si>
  <si>
    <t xml:space="preserve">Timetable systems need to be considered. 5 assessment reports in a 10-week course quarter system requires reporting out every two weeks, and it is exhausting. There should be flexibility in the number of reports required under certain timetables. </t>
  </si>
  <si>
    <t xml:space="preserve">It does not provide enough information. </t>
  </si>
  <si>
    <t xml:space="preserve">It's the best option currently available. </t>
  </si>
  <si>
    <t xml:space="preserve">Doesn't provide enough accuracy of students' abilities as the grading system - we are encouraged to be competent in assigning a percentage that reflects students' ability to meet learning standards - one vague word on the 4 point scale is inadequate. </t>
  </si>
  <si>
    <t xml:space="preserve">As mentioned earlier, if assessment frequency interferes with the quality of education I can provide, I am not doing what is best for students. If you want us to encourage growth mindset, you cannot expect so many formal reports because learning is evaluated over time, not in intervals. </t>
  </si>
  <si>
    <t>Too many reporting periods. I can't keep up with my child's learning. I'd rather have three full reports: one end of November, one end of March and one end of June.</t>
  </si>
  <si>
    <t>If there three full reports this is great. If its being used for all 5, I hope you pay teachers more as that's an insane amount of work along with teaching my child. 5 reporting periods mine as well have a report card every two months.</t>
  </si>
  <si>
    <t>If you're requiring K-9 to also include descriptive feedback and suddenly remove it for 10-12 and just require percentages and a letter grade how does that help a parent understand fully how they're child is doing. Require descriptive feedback for all from k-12 to accompany scales, %s, and grades.</t>
  </si>
  <si>
    <t>See previous comment.</t>
  </si>
  <si>
    <t>The core competencies have to much jargon, my children don't understand and I think they're too wordy. They need to be simplified.</t>
  </si>
  <si>
    <t>Why can't my child just focus on learning. Why so much things to report on. I won't have tome to read everything.</t>
  </si>
  <si>
    <t>Too much reporting and the no goal setting they already self assess on the core competencies which are confusing in and of themselves.</t>
  </si>
  <si>
    <t>See note under *other.</t>
  </si>
  <si>
    <t>This provides enough feedback and opportunities for parents/guardians to assist their child and students to succeed</t>
  </si>
  <si>
    <t xml:space="preserve">These categories are very broad. A student may be on the low or high end of a demonstrated ability it is not easy to tell. For example if they are proficient but very nearly extending. I suppose written comments could indicate this but that is not one of the currently available comments </t>
  </si>
  <si>
    <t>Students are ranked by post-secondary institutions as they do not accept thee proficiency scale. It’s much more clear on a percentage scale how a student has done.
Does this discrepancy show a flaw in the proficiency scale?</t>
  </si>
  <si>
    <t>Inconsistency. One teacher may choose to use percentages while another is using the proficiency scale even in the same subject area. How will this impact post secondary acceptance?</t>
  </si>
  <si>
    <t>I like this idea. For consistency teachers should be provided with a student level language proficiency rubric/resource in each subject per grade for this purpose.</t>
  </si>
  <si>
    <t>This is a very complex task. Goal setting is part of all assignments in my classes but in many classes there is too much course content to cover to also teach goal setting and set goals.</t>
  </si>
  <si>
    <t>This is always something I have done and I continue to learn better ways to do this.
It is important to meet students where they are.</t>
  </si>
  <si>
    <t>My concern is for grades 9-12 teachers who have 120 students at a given time to ensure all students are setting thoughtful, meaningful goals and then meeting them and setting new ones, it is too challenging to do/monitor with all students on a regular basis, in a genuine way.</t>
  </si>
  <si>
    <t>2 written reports with a couple of conferences is sufficient</t>
  </si>
  <si>
    <t xml:space="preserve">It is better when done naturally during teaching without the pressure of getting a good student sample for reporting. </t>
  </si>
  <si>
    <t xml:space="preserve">What exactly will this look like? What resources will be provide to schools in order to complete these assessments. </t>
  </si>
  <si>
    <t xml:space="preserve">2 written reports maximum in order to be able to collect enough data to report out. </t>
  </si>
  <si>
    <t xml:space="preserve">If this allows for more flexibility in reporting (i.e. digital portfolios like FreshGrade and MyBlueprint), that's great! Otherwise it seems like a useless language change. </t>
  </si>
  <si>
    <t>This is better than the 1-4 system (where many parents do not understand that a 3), but could be less clear for parents than the meeting/exceeding language. I encourage the team to think especially of ELL families and those who are new to Canada - is this as clear as it could possibly be?</t>
  </si>
  <si>
    <t>BC students need to be able to apply to schools worldwide. Letter grades and percentages are the standard in post-secondary and we need to match those requirements. If and when global post-secondary requirements change, then we could consider a change in BC.</t>
  </si>
  <si>
    <t xml:space="preserve">I think this creates excessive paperwork without communicating any more relevant details. We need to use one system in each grade level and use it well. This could lead to issues where some teachers assume an A is always extending and others do not. </t>
  </si>
  <si>
    <t xml:space="preserve">Self-assessment in the core competencies is a useless checkbox in elementary grades. We do meaningful learning about our learning and self-assessment throughout the year, but the self-assessment attached to reporting is not a meaningful learning opportunity, it's a box that needs to be checked. </t>
  </si>
  <si>
    <t xml:space="preserve">Tying this to reporting will make it a box that needs to be checked, not a meaningful learning opportunity. Teachers are already doing lots of great goal-setting and self-assessment work throughout the year with their students. Trust their skills and autonomy to teach goal-setting. </t>
  </si>
  <si>
    <t xml:space="preserve">What does this mean exactly? Assessment practices generally include all students already or provide adaptations or modifications based on a student's IEP. I'm not sure this language is necessary. </t>
  </si>
  <si>
    <t xml:space="preserve">Self-assessment and goal-setting in report cards is generally meaningless. Include it as a curricular outcome instead of putting it in the reporting policy if you want to ensure that teachers do meaningful goal-setting work with their students. </t>
  </si>
  <si>
    <t xml:space="preserve">Would prefer two written reports versus three. The middle written report is often a duplicate of the information shared during the term 2 family-teacher conference. </t>
  </si>
  <si>
    <t xml:space="preserve">I believe this a good concept however guidance would need to be provided as to what this looks like within each grade. </t>
  </si>
  <si>
    <t xml:space="preserve">Extreme amount of work for teachers. A minimum of 12-15 hours spent outside of contract time per set of report cards written. </t>
  </si>
  <si>
    <t xml:space="preserve">These should be naturally embedded and not reported on. Parents do not understand the competencies. </t>
  </si>
  <si>
    <t xml:space="preserve">This is not the same as what is currently. This is going to dramatically increase workload of teachers. Preparing written reports takes a huge amount of time (usually unpaid time by the way). The time spent doing this could be better spent preparing better lessons to actually improve learning. </t>
  </si>
  <si>
    <t xml:space="preserve">Some kids don’t do their work or don’t show up. What’s the response? Let’s enable a generation to not bother because they think they’re still passing? That’s going to lead to more learning gaps. 
I’m all for the proficiency scale, but we need to have a “not passing” as well. </t>
  </si>
  <si>
    <t xml:space="preserve">Either do proficiency scale all the way through to grade 12 or not. But don’t half do it. Switching back and forth is a pain! </t>
  </si>
  <si>
    <t xml:space="preserve">See above comment. </t>
  </si>
  <si>
    <t xml:space="preserve">They do this already. </t>
  </si>
  <si>
    <t xml:space="preserve">Time waster! We do this in high school in careers. </t>
  </si>
  <si>
    <t xml:space="preserve">Is this another make work project for teachers? We already do this, but this sounds like more recording and reporting work when we don’t have the resources to adequately help the students that need help. Start by increasing funds for students with diverse needs! </t>
  </si>
  <si>
    <t xml:space="preserve">In K-7, written reporting is done three times a year. In hs - in a semester system - teachers are providing six written reports a year!!! This year, they are more complex and detailed. Writing detailed reports for 60-120 students six times a year is nuts! Teachers are like mice on a spinning wheel! </t>
  </si>
  <si>
    <t>teachers have enough to do unless it correlates easily</t>
  </si>
  <si>
    <t xml:space="preserve"> templates provided? </t>
  </si>
  <si>
    <t>With the new curriculum in BC, we are supposed to give students more freedom, choice and time. How can we allow them those things if we are constantly providing assessment reports?</t>
  </si>
  <si>
    <t>Students still perceive that language as a grade.</t>
  </si>
  <si>
    <t xml:space="preserve">I think it should be like this from grade 7-12. </t>
  </si>
  <si>
    <t>Students do not understand language comments. They understand numbers better.</t>
  </si>
  <si>
    <t xml:space="preserve">Inconsistency in what fir insurance developing is. </t>
  </si>
  <si>
    <t>This is what universities require</t>
  </si>
  <si>
    <t xml:space="preserve">Students will focus more on their learning and less on “what do I need to do to jump a hoop fir a couple more percent “ 
Also really what is the difference between say a 78 vs a 80 percentage </t>
  </si>
  <si>
    <t xml:space="preserve">Students should reflect but may not take it seriously </t>
  </si>
  <si>
    <t>I like the language used.</t>
  </si>
  <si>
    <t xml:space="preserve">Self-assessment can be pretty tricky for the younger students, especially kindergarten. </t>
  </si>
  <si>
    <t>I’m not sure how well goal setting would go in the fall of a kindergarten year. Would be a good thing for older grades.</t>
  </si>
  <si>
    <t>So is the student “emerging” in all areas but actually working on content from a lower grade. “Not yet Meeting” fit this better.</t>
  </si>
  <si>
    <t>Taiwanese</t>
  </si>
  <si>
    <t xml:space="preserve">We only had to do 2 written reports for ePortfolios not three. You wanted to move away from report cards, and now it is basically report cards PLUS managing ePortfolios. </t>
  </si>
  <si>
    <t>it's so vague and we should be consistent in our reporting language from K to 12</t>
  </si>
  <si>
    <t>I don't care what we use, but we should be consistent. If we are using letter grades then use it starting in elementary. If we are using the proficiency scale, then use it starting in elementary school all the way to post secondary education.</t>
  </si>
  <si>
    <t>Post secondary schools don't use proficiency scales!</t>
  </si>
  <si>
    <t>students don't know what is going on and it doesn't mean anything to them especially in the younger grades</t>
  </si>
  <si>
    <t>It should be either traditional reporting or ePortfolios. We should not have to do a combination of both which means twice the workload.</t>
  </si>
  <si>
    <t>The amount of current reporting in manageable. The three written reports and two interviews/student led conferences is a format that allows good communication with families.</t>
  </si>
  <si>
    <t xml:space="preserve">These are not enough for students, especially grade 4-9. They need grades to keep them working to achieve academic success. Having teenagers myself I know that the proficiency scale is not an incentive to achieve. </t>
  </si>
  <si>
    <t>Needed sooner so not a shock to students and preps them for high school and beyond. Grade 10 is too late for grades to start.</t>
  </si>
  <si>
    <t>Could be in addition if the teacher wishes, but not required.</t>
  </si>
  <si>
    <t xml:space="preserve">This will take too much time away from classroom learning. Once at year end is fine. To have it with interview times makes no sense. </t>
  </si>
  <si>
    <t xml:space="preserve">Do this already to promote work habits. </t>
  </si>
  <si>
    <t xml:space="preserve">Students on an IEP- how would this reporting be done that does not cause a huge increase in work for classroom teachers?  Will inclusive ed teachers be responsible for these reports? </t>
  </si>
  <si>
    <t>Not needed for all reporting periods.</t>
  </si>
  <si>
    <t>The four-point scale is easy to use and to interpret. It would streamline reporting across grades and subject areas.</t>
  </si>
  <si>
    <t>Letter grades &amp; percentages should only be calculated for midterm &amp; final grades since they are often a poor reflection of a student’s while instruction is ongoing. The emphasis on percentage is discriminatory &amp; disadvantages less privileged students or those who take more challenging courses.</t>
  </si>
  <si>
    <t>Including proficiency scale and letter grades and percentages is redundant and creates extra work for the teacher. If a student is in A range, they know where they fall on a proficiency scale.</t>
  </si>
  <si>
    <t xml:space="preserve">Collecting student responses will take time away from instruction. What if students are absent that week? Many students especially in younger grades will not take self-assessment seriously. It adds more work for teachers and administrators. </t>
  </si>
  <si>
    <t xml:space="preserve">Students may not take goal-setting seriously, and doing this in an official manner takes time away from subject area instruction. Student goals may not be realistic. Compiling data is an unreasonable burden on teachers &amp; admin. </t>
  </si>
  <si>
    <t>Nice concept. How do you enforce it? What does that kind of individual reporting look like? How is this not just another unreasonable expectation for special education teachers or teachers with higher-needs classes?</t>
  </si>
  <si>
    <t xml:space="preserve">All of it. Please start again. </t>
  </si>
  <si>
    <t>The frequency of reporting is too high, and will only yield poor reports from burdened teachers. Student self-assessment puts too much responsibility on students without any clear purpose or result. Proficiency scale &amp; letter grades on the same report is redundant.</t>
  </si>
  <si>
    <t xml:space="preserve">districts are attempting to utilize online portfolios but tech is not being made a priority -many teachers simply write in the comments refer to online portfolio but with very little feedback given in the portfolio. More details on what specifically is being assessed </t>
  </si>
  <si>
    <t xml:space="preserve">Not enough detail about what constitutes what scale - have BOTH letter grades and a scale. </t>
  </si>
  <si>
    <t>Letter grades are important - do you want your physician or mechanic getting a proficient (70%) in the tests or proficient (80%)????? What does proficient even mean?? How is that measureable?</t>
  </si>
  <si>
    <t xml:space="preserve">Consistency is important across the province but letter grades are what academic institutions accept. </t>
  </si>
  <si>
    <t>I feel that most high school teachers don’t know what this is</t>
  </si>
  <si>
    <t xml:space="preserve">How can you expect a 10 year old to have goals? Teachers need to focus on teaching subject matter. Invest more time in early childhood literacy and numeracy specialists. </t>
  </si>
  <si>
    <t>They already are</t>
  </si>
  <si>
    <t>Letter grades are needed  - the reporting over the past 10 years has been very teacher centered - I constantly hear parents asking “ what does this mean? What does developing mean? “ 
The reporting system is so vague and wish you washy</t>
  </si>
  <si>
    <t>At our semestered school, reporting is done four times per semester in two interim reports and two report cards. This translates to eight times in the school year. As this is already a part of what I am expected to do, I am neutral to the idea proposed here.</t>
  </si>
  <si>
    <t>The grade system is not broken. There is value in criteria-based marking, and the proficiency scale dilutes a very universally known 0-100% scale without room for all the nuance in between. The absence of an option to fail--below "emerging" for our most struggling learners--is unhelpful.</t>
  </si>
  <si>
    <t>This is the standard being applied now, and is an "end goal" for post-secondary institutions. If this is indeed what we are working towards in the final three grades, it makes even less sense to adopt the new assessment policy for high school students, only to switch halfway in secondary.</t>
  </si>
  <si>
    <t>Letter grades and percentages will continue to be generated, so the Provincial Proficiency Scale is an add-on component. At that level, the Proficiency Scale takes less of a significance when the emphasis switches to letter grades and percentages for university applications.</t>
  </si>
  <si>
    <t>While this sounds great on paper, the reality is that we have students who cannot adequately self-assess: some are too humble and will rate themselves harshly, while others have an inflated opinion of their skills. Past undertakings have resulted in pedestrian self-assessments that are extra words.</t>
  </si>
  <si>
    <t>This is the one area I think I do value in the proposed assessment revisions. Goal-setting is a life skill and one that helps students take ownership. Teaching students how to set achievable goals is key: an ELL 1 student cannot hope to jump four levels in their first year, for example.</t>
  </si>
  <si>
    <t>Current assessment practices in the classroom are already receptive to students with disabilities and diverse abilities. This is not new, but I do enjoy seeing these words in stone.</t>
  </si>
  <si>
    <t>Re: Proficiency Scale as an option in senior grades -- Anything optional now has a way of becoming a requirement in years to come. Not a fan.
Re: Proficiency Scale as a requirement for 8-9 - great for K-7, but let secondary students get used to the idea of marks quickly, if that is the end goal.</t>
  </si>
  <si>
    <t>There is already too much reporting being done to satisfy Ministry requirements that does not in any way benefit students or families. The amount of reporting being done negatively affects educator workflow to the detriment of classroom learning.</t>
  </si>
  <si>
    <t>I already use the four-point scale for assessment and I find it to be streamlined and practical. I have no concerns with this particular proposed change.</t>
  </si>
  <si>
    <t>While I recognize the need for some form of standardized measurement for post-secondary applications, letter grades and percentiles rarely correspond to student success in and out of the classroom. Ultimately, post-secondary institutions should be responsible for their own admissions practices.</t>
  </si>
  <si>
    <t>The proposed policy should be replacing the existing letter grade system, not being done in addition to the current obsolete system. Doubling up on assessment systems is self-defeating.</t>
  </si>
  <si>
    <t>While self-reflection is a critically important skill for the growth and development of humans, it should not form the basis for student assessment. Including self-reporting as a mandated guideline will always lead to insincere self-reporting due to corrupted motivation.</t>
  </si>
  <si>
    <t>This is already done for students with diverse needs as part of the IEP process and I would be encouraged to see it done for the entire school community. However, schools do not currently have the necessary resources to implement this properly. Hire more special education teachers.</t>
  </si>
  <si>
    <t>Again, the critical weakness of this policy is that it cannot be implemented properly with current staffing levels. In practice, many schools cannot provide adequate supports for diverse learners as is - mandating this policy on teachers does not change what happens in the schools.</t>
  </si>
  <si>
    <t>Educators of all kinds in the schools are constantly bombarded with increasing bureaucratic responsibilities that make teachers less effective to the people in the schools who need them most- the students. Adding additional reporting requirements of increased detail will only worsen workloads.</t>
  </si>
  <si>
    <t>It is an adequate number of formal opportunities (there are ample informal opportunities) to provide feedback within the expected workload of teachers. Any more than this risks tapping teachers for more time than they have and factor of this potentially leading to less thoughtful/precise feedback.</t>
  </si>
  <si>
    <t>The proposed age bracket is too wide for the PPS. I understand this system could be helpful for young learners (K-5) but by Gr6 there is no evidence I'm aware of that indicates it is harmful to student development to use percentages and letter grades for conveying evaluation.</t>
  </si>
  <si>
    <t>This practice is an effective way of communicating evaluation to Ss, so long as assessment practices being employed are carefully constructed to best evaluate St understanding. Generic rubrics have been proven to be as far off as 7%, which has a dramatic effect on someone sitting at an 88%</t>
  </si>
  <si>
    <t>It is inconsistent with evaluation practices at post-secondary institutions and provides little inspiration for our more driven and competitive students to reach for a higher standard. It would be a definable mistake with our current educational infrastructure to defer to such a system.</t>
  </si>
  <si>
    <t>This has great potential to positively influence Ss adoption of a 'growth mindset', however, there is equal opportunity for it to become a flat and menial task, another box to tick, that Ts will be expected to complete with their already limited time. If adopted it must be implemented meaningfully.</t>
  </si>
  <si>
    <t>I love the potential this has to provide Ss with autonomy and again to help lead to valuing 'growth mindset', however, these things take time to be done meaningfully. If implemented it must be done in balance, addition of this philosophy requires subtraction of other expectations.</t>
  </si>
  <si>
    <t>The Inclusive Classroom philosophy is one of noble intentions, however, it does a disservice to our slightly/highly above average Ss. They simply do not receive the attention or advanced opportunities they deserve while we try to pull our lower Ss up to par.</t>
  </si>
  <si>
    <t>5 reporting periods? How many extra days off are you going to give us to complete these? Does anyone who is making these decisions currently teach within a public school classroom??</t>
  </si>
  <si>
    <t>No one looks at this. Students don’t use these for future reference. Parents don’t look at it. Waste of time. Come on.</t>
  </si>
  <si>
    <t>Aren’t we already doing this…?</t>
  </si>
  <si>
    <t>Resources at the school level to support online learners (who are now over a year and a half behind) in the classroom would be a better use of resources than changing a reporting system that is relatively new.</t>
  </si>
  <si>
    <t>What about a student who is above developing but not proficient?  These titles are not any better than what we have currently</t>
  </si>
  <si>
    <t>Letter grades should be available for all high school students.</t>
  </si>
  <si>
    <t>This system does not give continuity, it is too vague and too open to subjective assessment.</t>
  </si>
  <si>
    <t>Very difficult for ELL learners....</t>
  </si>
  <si>
    <t>Difficult for ELL learners and primary aged children</t>
  </si>
  <si>
    <t xml:space="preserve">Reporting is already a huge drain of personal time for teachers, this just adds to our workload....great timing during a pandemic </t>
  </si>
  <si>
    <t xml:space="preserve">This seems like way more reporting then currently exists.  I already get the information I need from the teacher through regular email correspondence and the reports that exist.  It seems like this takes away a lot of valuable time from teachers to be writing reports. </t>
  </si>
  <si>
    <t xml:space="preserve">This seems the same as what already exists in younger grades.  I also think it's important for students to understand the reality of education.  This seems like we're shielding them from the truth by not giving them letter grades.  I think a lot of students will be in for a real shock in grade 10. </t>
  </si>
  <si>
    <t xml:space="preserve">They should already have letter grades before grade 10. </t>
  </si>
  <si>
    <t xml:space="preserve">My child is already constantly being asked to do this.  It is a waste of my child's teacher's time to have to include this in a report.  For my son (in kindergarten), the teacher will end up having to fill most of this out herself.  The time she spends doing that could be spent teaching my son. </t>
  </si>
  <si>
    <t xml:space="preserve">This is way to vague for kids.  The teacher is going to end up telling the student what to say.  This is a huge waste of the teachers time.  I'd rather she spent some actual time with my child instead of spending all her time trying to manage reports. </t>
  </si>
  <si>
    <t>I'm worried that diverse students will end up seeing a lot of 'not meeting expectations' kind of comments because their ability level is so different the 'average' student.  This seems unfair.  Equality vs equity?</t>
  </si>
  <si>
    <t xml:space="preserve">Frequency and student goal setting.  Both are not a good use of a teachers time.  They're going to spend all their time writing reports instead of spending time preparing good lessons and actually teaching my child.  </t>
  </si>
  <si>
    <t xml:space="preserve">I think it is the right thing to move away from letter grades. I like the proficiency scale and descriptive feedback. </t>
  </si>
  <si>
    <t xml:space="preserve">Wouldn’t it be amazing if we used the proficiency scale K-12?! But I understand the need because of post secondary school requirements. </t>
  </si>
  <si>
    <t xml:space="preserve">I believe the self assessment of the core competencies ensures students are activity involved in their own learning and assessment. </t>
  </si>
  <si>
    <t xml:space="preserve">How else do we give students agency in their own learning if they aren’t involved in setting goals for their learning. I think this is very important to include. </t>
  </si>
  <si>
    <t xml:space="preserve">I prefer letter grades for intermediate students and higher. If there has to be a proficiency scale there should be FIVE choices. Four is terrible. Students are higher than developing but quite low on the proficiency scale and yet get the same 'mark' as the students who truly are proficient. </t>
  </si>
  <si>
    <t>Should have letters grades in grade 6- 10 as well. The proficiency scale is invalid and really 'says' nothing.</t>
  </si>
  <si>
    <t xml:space="preserve">Formative assessments as well as a model of direct and instant feedback is much more powerful and impactful than to add more reporting. The reporting does not inspire intrinsic desires to learn. It heightens stress levels of the students multiple times in a year. </t>
  </si>
  <si>
    <t>The idea is sound but it is not understood universally by parents, students, teachers and admin. Therefore the report is problematic. Extending is seen as the “A” and students are still driven towards that. However, that “grade” should be reserved only to those truly achieving what extending means</t>
  </si>
  <si>
    <t>Unless all systems change we are stuck with this method of assessment. The problem is the lack of context to the grade and what else should be said about the student</t>
  </si>
  <si>
    <t>Refer to every graphic equality!</t>
  </si>
  <si>
    <t>This Should be an ongoing thing for students. Some subject matters them selves to this better than others. Assessment in general should consider what subject matter it comes from</t>
  </si>
  <si>
    <t>Goals are great. Teachers also should have goals for their students that relationship between goals is crucial and is a negotiation. Therefore there is more nuance to simply writing a goal</t>
  </si>
  <si>
    <t>Wow this is a good idea, there are still expectations and goals for the classroom that should Work in conjunction with the individual</t>
  </si>
  <si>
    <t>More reporting leads to more test and not better teaching. The goal Of learning is best served by better educating teachers how to teach</t>
  </si>
  <si>
    <t>I would like to see an informal report in November and April,  with more formal reports in January and June.  I feel that there isn’t all that much to report on for Some of December and Jan hart and February.  I would like to see learning grids where teachers put in what they have been covering</t>
  </si>
  <si>
    <t>My districts report cards are very wordy.  I don’t think they meet the needs of many parents.  Especially those that may be ELL.  With a proficiency grid, it would be more clear for parents</t>
  </si>
  <si>
    <t>Not all that beneficial for students that are clearly smart but not book smart.</t>
  </si>
  <si>
    <t>Sometimes harder for K students</t>
  </si>
  <si>
    <t>Again,  harder for younger grades</t>
  </si>
  <si>
    <t>Feel like I don’t have much to say for the December to February timeframe</t>
  </si>
  <si>
    <t>I am concerned that the extra written reports will replace parent/teacher interviews, which I feel are a more valuable way to report to parents. I am also concerned that the extra written reports will significantly increase teachers' workload.</t>
  </si>
  <si>
    <t xml:space="preserve">I think it sounds similar to what we are already doing but probably makes it more difficult for parents to understand how their child is doing because the language doesn't seem like it would be very clear to parents. </t>
  </si>
  <si>
    <t xml:space="preserve">I have no experience teaching those grades. </t>
  </si>
  <si>
    <t xml:space="preserve">I have no experience teaching in those grades. </t>
  </si>
  <si>
    <t xml:space="preserve">I think that student self-assessment is very difficult to do in the early primary years, particularly in French Immersion when students do not possess the language to have discussions and reflect on their own learning in French. </t>
  </si>
  <si>
    <t xml:space="preserve">Again, this is impossible to do in French Immersion in the primary grades when kids are just learning to understand French. </t>
  </si>
  <si>
    <t>I'm not sure what this means but I would be disappointed if this meant we are no longer going to have student IEPs.</t>
  </si>
  <si>
    <t>I think whomever thought that kids in Grade 1 who are learning a second language (French) could do an inquiry project in their second language when they can barely understand French has not been in an early primary French Immersion classroom.</t>
  </si>
  <si>
    <t>the point of moving away from report cards towards digital portfolios should allow for flexibility on how the reporting looks.</t>
  </si>
  <si>
    <t>I like the concept of the proficiency scale. I'm not 100% sold on this as being the the ideal language - it's a bit wordy for young learners and family whose primary/preferred language is not english.</t>
  </si>
  <si>
    <t>making it a required part of reporting won't add mindfulness. 
Intentional integration of the CC throughout learning would be a better approach. Providing resources and support for this would be better than yet another mandate.</t>
  </si>
  <si>
    <t>goal setting is an integral part of my learning program and i find it helpful. Again, support for implementation rather than policies alone would help here.</t>
  </si>
  <si>
    <t>frequency is not synonymous with quality. Portfolios don't inherently make assessment meaningful, nor do mandated CC reflections throughout the year. 
In addition, the lack of flexibility with an inherently flexible learning tool is frustrating to me.</t>
  </si>
  <si>
    <t xml:space="preserve">As a teacher, I wonder about the format of the other two learning updates if they are not written. What about in-person meetings/interviews like before? Professionals miss the opportunity to have parents come to the classroom for a visit to see/discuss progress. </t>
  </si>
  <si>
    <t xml:space="preserve">I like the 4 point number. Fairly easy for parents to understand. </t>
  </si>
  <si>
    <t xml:space="preserve">I don’t teach that grade range, so I don’t know. </t>
  </si>
  <si>
    <t xml:space="preserve">Not relevant to me. </t>
  </si>
  <si>
    <t xml:space="preserve">Young students need simple ways to self-assess. Otherwise it is too complicated for them, not meaningful or authentic. </t>
  </si>
  <si>
    <t xml:space="preserve">Challenging for young students to set goals for the future. They live in a present day mind set. Again, it needs to be kept very simple for younger grades. </t>
  </si>
  <si>
    <t xml:space="preserve">Reporting to parents of all students should always be inclusive; adaptable styles/options should be available for that communication process. </t>
  </si>
  <si>
    <t xml:space="preserve">Teacher workload is greatly increasing for written reports/learning samples sent to parents. I would like to see some form of parent/teacher in-person interview return as an option. Why 5 times? Why not 4 times instead? Three (3) updates and then a final Summary of Learning should be enough. </t>
  </si>
  <si>
    <t>Teachers have clearly explained the areas of progress and sought feedback on my child's learning plan.</t>
  </si>
  <si>
    <t>I am able to understand the proficiency scale more as teachers have explained it in their reports to me.</t>
  </si>
  <si>
    <t>I</t>
  </si>
  <si>
    <t>There is no need to add more details to the letter grade if it comes with written feedback on student progress.</t>
  </si>
  <si>
    <t xml:space="preserve">Students need to understand what core competencies mean before they are asked to do written responses to it. </t>
  </si>
  <si>
    <t>Students need to know their options in a world that is rapidly changing and many disciplines are becoming interconnected.</t>
  </si>
  <si>
    <t>More funding and focus needs to be put towards students with learning challenges. They need supports to make the leap from high school to world outside of the school zone.</t>
  </si>
  <si>
    <t>Students need to learn the importance of the goals and what they are before they choose to apply themselves towards them.</t>
  </si>
  <si>
    <t xml:space="preserve">I feel like the current amount of reporting is good. </t>
  </si>
  <si>
    <t>It’s too vague and not standardized. Our education system is too laissez-faire already compared to most other continents. This current reporting style is frankly a joke and a lazy way of marking. Percentages and grades should be standard after grade 3 and if that’s too controversial grade 8 minimum.</t>
  </si>
  <si>
    <t xml:space="preserve">I agree but letter grades and percentages should be used way before grade 10. They should be used again starting in grade 4/ intermediate elementary age. </t>
  </si>
  <si>
    <t xml:space="preserve">It’s a completely stupid way of assessing. Percentages and letter grades are standard in all the other countries “I” am familiar with. To be honest when speaking with individuals from the EU our education system is laughable in comparison. Don’t make it worse. </t>
  </si>
  <si>
    <t xml:space="preserve">From what I have witnessed this is a waste of time. Absolutely check in with students on how they feel they are doing but the evaluations should come from the teachers. </t>
  </si>
  <si>
    <t xml:space="preserve">Student goals are good to make but they are not important in the overall reporting process. I only want to know how my kids are doing academically based on the curriculum.  </t>
  </si>
  <si>
    <t xml:space="preserve">I think that teachers need to teach to all abilities but I am tired of my children’s learning being sacrificed because of the amount of behaviours that teachers are faced with. Stop pushing kids through the system if they are not learning at their peers levels. Teach to the high as well as the low. </t>
  </si>
  <si>
    <t xml:space="preserve">Having to pick only one is hard as I think the current education system is extremely flawed in so many ways. We have gone too far away from actually educating students and are spending too much time talking and worrying about feelings. Teach them reading writing, math, geography, etc. </t>
  </si>
  <si>
    <t xml:space="preserve">It's a bit ridiculous to require 5 reports in a semester system, as high schools have.  The result is an uneven number of reports from one semester to the next.  4 is sufficient. </t>
  </si>
  <si>
    <t>The jump from the grade 9 proficiency scale to grade 10 percentages is too sharp.  It does not prepare students for the reality of marks in high school.  Middle schools should consider using letter grades to transition kids from a proficiency scale in elementary to percentages in high school.</t>
  </si>
  <si>
    <t>Why would you wish to add a more vague description to an already clear letter grade and percentage?  Wouldn't it already be obvious?</t>
  </si>
  <si>
    <t>Incorporating these self-evaluations into the rigid and not user-friendly framework of MyEd sounds like a nightmare.</t>
  </si>
  <si>
    <t>Again, incorporating these things into the rigid and not user-friendly framework of MyEd sounds like a nightmare.</t>
  </si>
  <si>
    <t>It is far too vague and does not give students a clear idea of where their performance really is. It does not motivate them to strive to do better.  It results in tears, stress, anxiety and the need to withdraw from classes in grade 10 because they finally realize they are too far behind to succeed.</t>
  </si>
  <si>
    <t>The expectation above takes a great deal of time. marks are available 24/7 online to parents, google classroom or similar programs are commonly used and available for parents to check in at anytime on their child's progress, as well as the ease of access to teachers via Email. parents can look it up</t>
  </si>
  <si>
    <t xml:space="preserve">the 4 point scale tells us nothing. its too broad and lacks any ability to effectively convey the complexity of a student's development. </t>
  </si>
  <si>
    <t xml:space="preserve">Though this is better than the 4 point it still often ends up not effectively portraying a student's strength and weaknesses. skill based, and evidence based competencies are better. a sick kid missing 4 assignments does not mean they don't get it. </t>
  </si>
  <si>
    <t xml:space="preserve">This would have to be broken down into multiple categories which i feel would be incredibly difficult for parents to understand when they are not familiar with the language of education. </t>
  </si>
  <si>
    <t>self assessment works for the students who are driven or attentive. many students who struggle with self worth, depression, anxiety, et cetera dont effectively or accurately self assess and others who dont care always give 10/10</t>
  </si>
  <si>
    <t xml:space="preserve">making a student in charge of their learning is always a good goal. though many struggle with it due to the openness of the style. </t>
  </si>
  <si>
    <t xml:space="preserve">current systems fail a great deal of students and is not designed for the understood complexity of todays students. a lot of talk around inclusion often falls short in practice due to lack of teachers, lack of EAs, lack of district supports, and lack of general supports. </t>
  </si>
  <si>
    <t xml:space="preserve">frequent reporting when marks are available 24/7 through the digital marking programs we use feels very antiquated. </t>
  </si>
  <si>
    <t>Vague descriptions in reporting do no one any favors. The traditional grade system is clear and more easily understood by parents and this new system just weakens confidence in our education system.</t>
  </si>
  <si>
    <t>Gives even less information for students and parents as students prepare to transition out of school.</t>
  </si>
  <si>
    <t>Adding on more work to what we are already doing. Currently, it already takes a long time to write 3 reports in a year and now we would have more expectations.</t>
  </si>
  <si>
    <t xml:space="preserve">Proficient is a very broad range. </t>
  </si>
  <si>
    <t>Too much work added. Make it less but more effective.</t>
  </si>
  <si>
    <t xml:space="preserve">I think three written reports is a good summary of student learning. I'd like more information about how the year end summary differs from the other two before I provide other feedback. </t>
  </si>
  <si>
    <t xml:space="preserve">This makes way more sense than letter grades and lets teachers more accurately communicate student learning to parents. </t>
  </si>
  <si>
    <t xml:space="preserve">I don't teach this grade so I dont' have enough information to provide feedback. </t>
  </si>
  <si>
    <t xml:space="preserve">This language is very abstract for students and is can be challenging to have them understand. I beleive student voice should always be reflected in learning, but teachers need more than a few months to really give students a good idea of what self assessment looks, sounds and feels like. </t>
  </si>
  <si>
    <t xml:space="preserve">Format for formal report card is too wordy and communicates less not more. Check lists are much more informative and communicate more clearly to families. We should be reporting two formals and 2 informals. One formal should go home at the end of  January and the second at the end of the year. </t>
  </si>
  <si>
    <t>You keep changing the language! We have moved from a five point scale of not yet meeting, minimally meeting, meeting, fully meeting, and exceeding to the 4 point scale which is less clear. The ministry needs to stick to a language and not keep changing it every 5 years. Ridiculous!</t>
  </si>
  <si>
    <t xml:space="preserve">I am not a teacher at this level </t>
  </si>
  <si>
    <t xml:space="preserve">Not a teacher at this level </t>
  </si>
  <si>
    <t>Ridiculous. Primary children can not adequately self assess or reflect. The self assessments my students have done are 9 times out of 10 fed to them by me just to get them done . They offer very little value to my students, my parents, or myself. A waste of valuable teaching time.</t>
  </si>
  <si>
    <t>Once again- ridiculous.</t>
  </si>
  <si>
    <t>Don’t we already do this??? What is an IEP for?</t>
  </si>
  <si>
    <t>The Ministry should be spending their dollars elsewhere. Put more teachers in schools instead of another useless reporting change.</t>
  </si>
  <si>
    <t>Our school is participating in the reporting pilot...two formal reports and many (not sure how many) informal contacts per year.  Now we have to write another report card?  Will we be provided release/extra prep time to complete these reports?  Will we be given guidance on how to meet the other repo</t>
  </si>
  <si>
    <t>Firstly, are the length of my answers limited?  I could not finish typing my comments in the above field.
I'm happy letter grades are gone.  They were a disservice to students and parents alike.</t>
  </si>
  <si>
    <t>Yes, this makes sense.  I have a child in grade 11.  He needs letter grades and percentages so he can compete for university.</t>
  </si>
  <si>
    <t>As long as this will not replace letter grades/percentages.</t>
  </si>
  <si>
    <t>I sure hope that these tools will be developed for us!  In our school, every teacher spent hours developing similar self-assess tools.  It was ridiculous.  If you want us to do self-assessments, provide us with the tools to do it!!</t>
  </si>
  <si>
    <t xml:space="preserve">Developing these documents takes forever.  Please develop a bank of documents that teachers can choose from   It is crazy to mandate this reporting but not provide any support with the format.  Please don't say that the ministry will leave it to the professionalism of teachers...that's a cop out.   </t>
  </si>
  <si>
    <t>Students with special needs and exceptionalities may not fit into the standard assessment model.  There needs to be flexibility for these students.</t>
  </si>
  <si>
    <t>Will you support teachers with documents to meet the new reporting policies?  I sure hope so.  We are so tired of admin saying to us...'well, here is the reporting order (or whatever)...go figure it out'.  That's EXACTLY what happens in schools.  It's pretty lousy.  Every teacher recreating thewheel</t>
  </si>
  <si>
    <t xml:space="preserve">Progress for my students comes in many cases in tiny incremental steps so reporting once a year during the IEP review is enough to show progress.  For instance, "A will be comfortable in the bathroom and void in the toilet and nowhere else on campus."  More reporting will not change progress. </t>
  </si>
  <si>
    <t>I don't use these four in IEPs so it is irrelevant to me.  Used to be A/B/C/D/F, changing the words or categories again doesn't change actual progress.  If parents have become used to the four words, then keep them to eliminate the stress of another change.</t>
  </si>
  <si>
    <t>I don't use these four in IEPs so it is irrelevant to me.  Used to be A/B/C/D/F, changing the words or categories again doesn't change actual progress.  If parents have become used to the letter grades, then keep them to eliminate the stress of another change.</t>
  </si>
  <si>
    <t>Transcripts are expected from these grades to enter post secondary education.  Schools around the world understand the letter grade system, so why bother changing it to 'dumb it down' to elementary language for grade reporting.</t>
  </si>
  <si>
    <t>Only verbal students can respond and self assess.  Students have been doing so for some time now, so it is not smart to keep switching things around.  Thus, the condition of each student will still have to be assessed by the teacher to report on those who are non-verbal, or lower capacity to do so.</t>
  </si>
  <si>
    <t xml:space="preserve">Majority of students tend to under-challenge themselves in creating their own goals.  I find it better to read aloud the teams' created goals and then ask the child to commit to them or give me feedback on how to adjust the goals.  Few adjust them. </t>
  </si>
  <si>
    <t>My students already have an IEP because of their challenges, so new reporting will ultimately segregate them, they will never feel 'successful' because the goal posts are different, and they will always be in the emerging category or insufficient evidence.  Parents will not be happy.</t>
  </si>
  <si>
    <t>Diversity, and Student Goal Setting, and Student Self-Assessment and Frequency of reporting.  Should have made this a prioritizing question rather than pick only one.</t>
  </si>
  <si>
    <t>Too many things wrong with proposed system for minimal benefits.  Poorly structured feedback form which should have allowed us to prioritize all these points.  Already indicated reasons for each of the categories.  When society is stressed, you don't add more stress to them with more change.</t>
  </si>
  <si>
    <t>too many reports = repetition and inauthentic information</t>
  </si>
  <si>
    <t>too much work. will just be hoop-jumping, especially in high school</t>
  </si>
  <si>
    <t>I don’t believe this method properly prepares students for the reality of expectations for not only further schooling but also for life after school</t>
  </si>
  <si>
    <t xml:space="preserve">I don’t believe the elementary way of grading properly prepares students for high school or post secondary education requirements. </t>
  </si>
  <si>
    <t>Children should be held accountable before grade 10 to properly prepare them. 
The last two years of school is not enough time to prepare for post secondary education. 
They should prepare earlier for easier transition.</t>
  </si>
  <si>
    <t>Most 10-12 courses are semesters. 5 reports makes no sense. Two formal reports per semester (one mid semester and one at end of semester) is sufficient. Informal progress reports as needed.</t>
  </si>
  <si>
    <t>This is much more aligned with the renewed curriculum goals</t>
  </si>
  <si>
    <t>100 point scale is false. Nobody could actually accurately differentiate the difference between a student earning 85% or 86%. This has become even more difficult as the curriculum has moved towards competencies rather than content. A 6 or 8 point scale would be a much better scale to grade on</t>
  </si>
  <si>
    <t xml:space="preserve">One or the other. Why force us to use a 100 point scale AND then make us convert it to a 4 point scale. This is a stupid waste of time </t>
  </si>
  <si>
    <t>This has already become a forced act that kids hate. The theoretical benefits of it have been lost in the forced repetition of it</t>
  </si>
  <si>
    <t>This already happens with career life education. There is not added benefit to doing this in each individual course. Again, it is forced and kids hate it</t>
  </si>
  <si>
    <t>Don’t we already do this?</t>
  </si>
  <si>
    <t>100 point scale is not a true assessment scale. I can easily differentiate between an A or B student. Or a C and C+ student. No person could differentiate between a 91 or 92%. Or a 49 or 50%. Assessment just isn’t sensitive enough to such a large scale</t>
  </si>
  <si>
    <t xml:space="preserve">I moved to the public system last year after teaching for 12 years at Mulgrave School. The draft report closely mirrors our reporting process. Moving away from letter grades increased intrinsic motivation for our intermediate students. </t>
  </si>
  <si>
    <t>It would be nice if we could be a leader in education and move towards more of a portfolio style assessment in the senior years.</t>
  </si>
  <si>
    <t>I support the inclusion of self-assessment with some teacher autonomy and adaptations for young grade levels.</t>
  </si>
  <si>
    <t>We do this continuously; however formalizing this into reports is adding onto the reporting workload without taking anything away. 3/4 of my class has entered below grade level, and it would be nice to devote more energy to small group instruction.</t>
  </si>
  <si>
    <t xml:space="preserve">Three written reports is the same as usual, however, the wording can be quite tedious and a bit beating behind the bush. </t>
  </si>
  <si>
    <t xml:space="preserve">I appreciate the four levels, but it doesn't seem clear enough. There is such a range like Emerging- Developing or Proficient- Emerging. It is quite vague and very subjective between teacher to teacher if the rubrics aren't clear. </t>
  </si>
  <si>
    <t xml:space="preserve">Seems to make sense. </t>
  </si>
  <si>
    <t xml:space="preserve">Letter grades seem a bit more concrete and easier to transfer between schools, provinces, and post secondary institutions. </t>
  </si>
  <si>
    <t xml:space="preserve">Students already do this all the time. Making it mandatory seems a bit tedious and the examples available online are not very helpful. </t>
  </si>
  <si>
    <t xml:space="preserve">Are these goals being tracked? Having a new set of goals throughout the year can be quite overwhelming. How many goals are we talking about? </t>
  </si>
  <si>
    <t xml:space="preserve">Inclusive is great, however, they will most likely be adapted for each student.. So how consistent is it? </t>
  </si>
  <si>
    <t xml:space="preserve">Goal setting just isn't authentic the way it is set-up. Also the frequency is too often and the new language makes it difficult for families to understand exactly what is going on. </t>
  </si>
  <si>
    <t xml:space="preserve">Style of reporting used is not clear and direct about a student's progress. </t>
  </si>
  <si>
    <t xml:space="preserve">It adds in more work for a teacher and new proficiency scales are not different from previous performance standards. </t>
  </si>
  <si>
    <t xml:space="preserve">It's appropriate for students to reflect on their growth and thinking but the amount of reflection is excessive. I'm also unclear why these reflections need to be shared if their purpose is for the student. </t>
  </si>
  <si>
    <t>Who is monitoring the goals and whether they've been achieved? What supports are in place to ensure a goal is achieved?</t>
  </si>
  <si>
    <t xml:space="preserve">Opening up how we view output of work is extremely important. </t>
  </si>
  <si>
    <t xml:space="preserve">Districts which chose ePortfolios have dramatically increased the workload of staff as it's unrealistic to expect 6 year olds to independently upload so much work. </t>
  </si>
  <si>
    <t xml:space="preserve">The workload currently already feels heavy.
</t>
  </si>
  <si>
    <t>This feels like a clear way to communicate student learning.</t>
  </si>
  <si>
    <t>These skills are important to student learning and a self assessment is important for them to understand where they are at.</t>
  </si>
  <si>
    <t>This sounds like a good idea in theory. However, I am concerned how much this will add to teacher workload to keep up with throughout the year.</t>
  </si>
  <si>
    <t>I am concerned how vague this statement is. What would inclusive assessment and evaluation practices look like? Once again good idea in theory. But in practice what does this mean?</t>
  </si>
  <si>
    <t xml:space="preserve">With the extra items added teachers should either be given the time during the day like once a month to work on student reporting or the frequency of reporting should be reduced. The workload is already to much and teachers should be given the time to produce quality assessment. </t>
  </si>
  <si>
    <t>As you begin to ask teachers to be more thoughtful in their feedback and consider assessment and reporting from a more holistic viewpoint, the continued reliance on percentages to represent complex learning is archaic and, frankly, reduces the student experience to a number that is not meaningful.</t>
  </si>
  <si>
    <t>When placing both a % and comments on assignment, students will only focus on the number, not the comments; the same is true for parents. What is the point of providing feedback in a broader range (i.e., saying a student is Proficient) when I also need to put a 78%? The percentage negates the scale.</t>
  </si>
  <si>
    <t>This is being not being done very well across subject areas and when is going to be difficult in a high school setting where students have up to 10 different teachers. This is a great idea but without more structure, isn't going to be implemented very well.</t>
  </si>
  <si>
    <t xml:space="preserve">This sounds great. Can we use something other than MyEd for this because that program is terrible and I can't imagine an efficient way to have 120 of my students' multiple goals and their progress shared in that system.  </t>
  </si>
  <si>
    <t>I have more than one choice for above, but I think that if you are requiring percentages still, don't bother with the other stuff because the percentage reigns supreme and no one will look at the other stuff, thereby rendering it as make work. And I am so frustrated about the character limit in thes</t>
  </si>
  <si>
    <t xml:space="preserve">  Are there any year-long schools in BC?  I don't want 4 reports PLUS an end summary in one semester!  That's too much.   One mid-term report and one phone call early in the semester (with the final report) is lots!   If I have other questions, I'll call the teacher.</t>
  </si>
  <si>
    <t>I like not having grades until grade 10.</t>
  </si>
  <si>
    <t>Isn't that redundant?  Just have the grades for grades 10 to 12.</t>
  </si>
  <si>
    <t>Isn't this the same as the one above?   Or if it's not, can't they be put together?</t>
  </si>
  <si>
    <t>My special ed child does not need to be comparing herself on a rating scale to other students.  She has a IEP that tells me everything.  Why should she need double?</t>
  </si>
  <si>
    <t xml:space="preserve">special needs kids don't need to have double the reports!  IEP is enough.  Also, we don't need 4 reports in one semester.  I like not having grades until grade 10.  </t>
  </si>
  <si>
    <t xml:space="preserve">There are currently two written reports or updates in a school year. The proposed changes would add an additional written report. Reporting takes time from instruction and planning. Two written reports a year is sufficient. </t>
  </si>
  <si>
    <t xml:space="preserve">The language is more palatable than 'not meeting', 'meeting' and it communicating fairly clearly where students are on a continuum. </t>
  </si>
  <si>
    <t xml:space="preserve">
As a parent I want my child to have access to post-secondary education. If post-secondary institutions are using letter grades then it seems simplest to communicate proficiency in a 'language' Universities 'understand'. </t>
  </si>
  <si>
    <t xml:space="preserve">Options are good. </t>
  </si>
  <si>
    <t xml:space="preserve">Self-assessment gives students more responsibility and ownership over their learning. </t>
  </si>
  <si>
    <t xml:space="preserve">Ownership of learning. </t>
  </si>
  <si>
    <t>I'm not really sure what you mean by the assessment and evaluation practices will be inclusive. You've said that reporting language should be clear and simple but this description is not clear or simple. What does inclusive assessment and evaluation look like?</t>
  </si>
  <si>
    <t xml:space="preserve">Over-reporting takes away time from the kind of instruction that the Ministry purports to promote. Deep, critical and creative thinking work does not always have a quick and easy assessment. It evolves through conversation, hands on projects. It takes time to facilitate that kind of learning. </t>
  </si>
  <si>
    <t xml:space="preserve">Keep it simple.  For my Elementary Child (Gr 6), I would like one written report at the end of each TERM (immediately before Christmas, immediately before Spring Break, and at the end of June).  For my High School Child (Gr 9) I would like one Interim report and one Final each semester. </t>
  </si>
  <si>
    <t xml:space="preserve">Keep it Simple.  Letter Grades for Grades 4 and up PLEASE!!! </t>
  </si>
  <si>
    <t xml:space="preserve">Clear, easy to understand.  Not subjective.  Should be used for Grades 4 and up across the board.  </t>
  </si>
  <si>
    <t xml:space="preserve">The proficiency language is ridiculous.  Use plain language:  Excellent, Very Good, Good, Satisfactory, Needs Improvement.  </t>
  </si>
  <si>
    <t xml:space="preserve">I'm more interested in my child's subject specific grades.  We can talk about personal growth at home.  </t>
  </si>
  <si>
    <t xml:space="preserve">I'm more interested in my child's subject specific learning.  </t>
  </si>
  <si>
    <t xml:space="preserve">Is this always realistic?  </t>
  </si>
  <si>
    <t>More letter grades</t>
  </si>
  <si>
    <t xml:space="preserve">Letter grades are important.  They are concrete and not subjective.  My children find letter grades motivating, and I find them easy to understand.  </t>
  </si>
  <si>
    <t>Am surprised that we are currently doing 5</t>
  </si>
  <si>
    <t xml:space="preserve">I still equate the scale with A to D scale for some reason </t>
  </si>
  <si>
    <t>Sudden change between Gr. 9 to 10</t>
  </si>
  <si>
    <t xml:space="preserve">Hybrid is good </t>
  </si>
  <si>
    <t>Don’t usually find these to be as insightful</t>
  </si>
  <si>
    <t>More frequent reporting will help catch struggling students sooner</t>
  </si>
  <si>
    <t>Frequent reporting needs to be streamlined, as the process is very time consuming and it ultimately takes away from student learning. Give students and families information in a concise, time-wise fashion.</t>
  </si>
  <si>
    <t>Not all reporting requires descriptive feedback to be effective. The more detailed and personalized the feedback that is required, the longer the process to report and this interrupts the quality and quantity of student instruction that teachers are able to provide.</t>
  </si>
  <si>
    <t>I think the value of this approach depends on the abilities of students and how we spend student time is a key factor in education and their progression. I haven't seen the value in this for early primary learners and feel their time is better spent elsewhere.</t>
  </si>
  <si>
    <t>I'd like to see a return some of the basic, simple formats of reporting, as I believe we've complicated things and thrown out the baby with the bathwater, so to speak. I look at reports cards from decades ago and think that they offered a snapshot of key benchmarks and developmental goals.</t>
  </si>
  <si>
    <t xml:space="preserve">I don’t believe there needs to be another assessment included. We report on them enough to parents throughout a year and adding another formal report is just extra work to the already heavy workload and unnecessary. </t>
  </si>
  <si>
    <t xml:space="preserve">I don’t have enough time in my day. </t>
  </si>
  <si>
    <t xml:space="preserve">The number of reports have been satisfactory for both of my children. During elementary school, the three written reports (terms 1, 2, and 3) were great, as there is enough time to make necessary changes. Having a report card in Jan is unsatisfactory as it is already half-way through the year. </t>
  </si>
  <si>
    <t>This does not give a concise report on my children's progress. Starting to give grades at a time when neurological development is occurring is cruel, especially if they have never received grades until grade 10. Anxiety will rise be even more. Please think about the psychological impacts!!!</t>
  </si>
  <si>
    <t xml:space="preserve">Grades should be given starting at a younger age. Students need to be familiar with them rather than being surprised in Grade 10, especially when adolescents' brains are developing. Was there research done before these changes were made? Theory and reality do not always mesh. </t>
  </si>
  <si>
    <t xml:space="preserve">The proficiency scales are very gray. Do all teachers have the same idea of what proficient or extending entails? If it says 73%, it is very different from 84%. However, as a parent, I have a good understanding of where my child is with percentages.  </t>
  </si>
  <si>
    <t xml:space="preserve">I think it is important for the students to be aware of their core competencies, but this should not dictate the report cards. Report cards are what the teacher reports to me as a parent. I talk to my kids about their progress; I don't need them to report to me on paper. </t>
  </si>
  <si>
    <t xml:space="preserve">I believe that the students should be setting their goals (short term and long term), but the report cards should not be dictated by my child's goal setting. I expect the teachers to be setting expectations and reporting to me about them. I talk to my children about their progress already. </t>
  </si>
  <si>
    <t xml:space="preserve">Is this real inclusion and diversity or is this about the different groups? Inclusion should be that the learning should allow the students to reflect about themselves to instill lifelong learning practices and not aimed specific groups. </t>
  </si>
  <si>
    <t xml:space="preserve">Proficiency scales do not tell me how my children are doing. It is very loose and unclear. It is frustrating to read a scale that is too broad and general. 
Having a cap on the characters was not appreciated. I wasn't able to fully answer the questions. The box was big and misleading. </t>
  </si>
  <si>
    <t>Providing additional reporting would be ineffective and inauthentic.</t>
  </si>
  <si>
    <t>I like that it is a scale and that children are not focused on grades but rather that they are making progress in each competency area.</t>
  </si>
  <si>
    <t xml:space="preserve">It would be unfair to students who wish to move on to post-secondary to not receive numerical grades.  </t>
  </si>
  <si>
    <t xml:space="preserve">A greater understanding of how to implement the proficiency scale while using numerical grades should be a focus before this is expected.  Teachers will simply convert letter grades into proficiency scale language and this only works to degrade the purpose of the proficiency scale.  </t>
  </si>
  <si>
    <t>How is this supposed to be demonstrated by students?  In each class?  Which subject area would be responsible for this type of assessment? Although it might be beneficial, more thought needs to be put into how we go about doing this in a way that is meaningful and systematic.</t>
  </si>
  <si>
    <t>Again, teachers will need support with how to do this.  There will be subject areas where this is unwelcome at best.</t>
  </si>
  <si>
    <t>Inclusivity is very important</t>
  </si>
  <si>
    <t>As per my comment above, who is responsible for this?  How and when will it occur? Much like with the goal setting idea, it's great, but high schools are not very collaborative places and a lot of work needs to be done before we can implement these things.</t>
  </si>
  <si>
    <t xml:space="preserve">Students in gr 10-12 will be used to the descriptive feedback and proficiency language. This will make for a less jarring transition from 9 &gt; 10. Additionally, this will encourage all teachers to become informed about proficiency reporting, not only current junior grades teachers. </t>
  </si>
  <si>
    <t xml:space="preserve">This has yet to be a meaningful use of student time. They get filed away never to be revisited. It’s just another “busy work” box that needs to be checked. </t>
  </si>
  <si>
    <t>Who is including this in the reporting: students or teachers? Meaningful assessment already takes time. If this falls to the teachers to report out, an already unmanageable load becomes unbearable.</t>
  </si>
  <si>
    <t>How is this different to what teachers currently do with IEPs?</t>
  </si>
  <si>
    <t xml:space="preserve">Going gradeless or de-emphasizing the numbers game with secondary students has proven to increase authentic engagement and meaningful learning. </t>
  </si>
  <si>
    <t xml:space="preserve">The district need to pick one platform for reporting. For instance last year we had moodle, fresh grade, simple grade book, google classroom all giving various pieces of information. You had no idea what teacher was using what and some were using two that didn’t link together. </t>
  </si>
  <si>
    <t>It is too subjective. There needs to be reference points so kids don’t get to grade 10 and realize they are behind or have gaps.</t>
  </si>
  <si>
    <t>Kids need an opportunity to show what they know. They need opportunities to show they have learned. One poor test shouldn’t destroy a GPA. If a kid knows it by the end….the grade should reflect that.</t>
  </si>
  <si>
    <t>It isn’t consistent and the scale is too wide.</t>
  </si>
  <si>
    <t xml:space="preserve">Kids need to know how to reflect in useful ways….not something that “has” to be done to check a box. </t>
  </si>
  <si>
    <t>As long as it isn’t evaluative as then kids will not take risks.</t>
  </si>
  <si>
    <t>This isn’t the real world. There are some hard lines. You can’t graduate a kid that can’t read or do basic math.</t>
  </si>
  <si>
    <t xml:space="preserve">Be honest that a program is modified/adapted. </t>
  </si>
  <si>
    <t xml:space="preserve">I don't believe young children, under the grade of 7 or so, are able to independently make goals for their learning. I think it's best to let the teachers guide their students learning goals. </t>
  </si>
  <si>
    <t xml:space="preserve">Keep it simple.  Just call this one formal, plus one informal per term.  This would give three formal written (December, March, June) and three informal (to be left to the teacher's discretion (conference, interim, etc).  </t>
  </si>
  <si>
    <t xml:space="preserve">I prefer letter grades for intermediate students.  The proficiency scale language is not family friendly.  Excellent, Very Good, Good, Satisfactory, and Needs Improvement would be better. There are six letter grades - there should be six corresponding descriptors.  </t>
  </si>
  <si>
    <t xml:space="preserve">Letter Grades and Percentages should be the standard for all high school students.  </t>
  </si>
  <si>
    <t xml:space="preserve">If there are six letter grades, there needs to be six corresponding descriptors on the proficiency scale.  A:Excellent/Extending, B:Very Good/Proficient, C+:Good/Developing, C: Satisfactory/Emerging, C- Needs Improvement/Minimal/Beginning...  The scales have to match, or there is confusion.  </t>
  </si>
  <si>
    <t xml:space="preserve">Be specific.  How often?  What does this look like?  What are the workload implications?  One self-assessment per term would be great (December, March, June) with the formal reports.  </t>
  </si>
  <si>
    <t xml:space="preserve">Is this always realistic given the diversity of students in our classrooms?  What are the workload implications?  For reporting to truly be meaningful and individualized, time must be provided.  Report Writing Days are needed EACH TERM for teachers of EVERY GRADE. </t>
  </si>
  <si>
    <t>Keep intermediate letter grades</t>
  </si>
  <si>
    <t xml:space="preserve">Letter Grades are efficient in terms of time, workload, and ease of understanding.  I currently provide each student with a letter grade, proficiency scale, and personalized comments.  It takes about 90 minutes per student (x28 students) each reporting period.  This is not a manageable workload. </t>
  </si>
  <si>
    <t xml:space="preserve">Workload, first and foremost. 
The never ending requirements put on teachers. </t>
  </si>
  <si>
    <t xml:space="preserve">Prefer 4. </t>
  </si>
  <si>
    <t>Concern for what higher education will require</t>
  </si>
  <si>
    <t xml:space="preserve">Goal setting could be difficult for some students </t>
  </si>
  <si>
    <t>Are you increasing prep time to complete these reports?</t>
  </si>
  <si>
    <t>Again, are we given more time to complete these scales?  Also, this is different language than we use currently.</t>
  </si>
  <si>
    <t xml:space="preserve">Currently we only have to complete the self assessments once why should we do this four more times?  </t>
  </si>
  <si>
    <t>Three formal reporting periods are currently enough.</t>
  </si>
  <si>
    <t xml:space="preserve">There is very little that can be reported in writing within the first quarter of learning, especially so soon after the goal setting conferences in October. </t>
  </si>
  <si>
    <t xml:space="preserve">Although a rather vague system, I believe we do not need to add unnecessary pressure onto the young students to obtain certain percentages. </t>
  </si>
  <si>
    <t xml:space="preserve">As stated, it is important students are in tune with their learning and progress. </t>
  </si>
  <si>
    <t xml:space="preserve">Students should be able to take accountability of their learning. </t>
  </si>
  <si>
    <t>It gives time to gather evidence of learning and time for the student to go through the learning process.</t>
  </si>
  <si>
    <t>The scale does not tell me HOW proficient or developing my child is ... my child didn't quite understand the difference between/along the scale.</t>
  </si>
  <si>
    <t>letter grades give a better indication of their abilities - in my opinion, it shows a clearer understanding of their academic standing.</t>
  </si>
  <si>
    <t>If a student is on an adapted/modified program, I could see how this could be beneficial, but otherwise, sticking with letter grades prepares them for post-secondary</t>
  </si>
  <si>
    <t>It is a life-long skill that would benefit students and identify purpose to their learning, work habits, etc.</t>
  </si>
  <si>
    <t>The existing reporting policy works for our family.</t>
  </si>
  <si>
    <t xml:space="preserve">Workload too much for teachers; information overload for parents.  5 times per year only a suitable target for literacy and numeracy.  </t>
  </si>
  <si>
    <t xml:space="preserve">Difficult to engage primary students in authentic self-assessment; their meta-cognition takes time to develop. </t>
  </si>
  <si>
    <t xml:space="preserve">Again, primary students have limited ability to engage in goal setting. </t>
  </si>
  <si>
    <t>I think it's too much.</t>
  </si>
  <si>
    <t>I think percentages should be back in K-12 system.</t>
  </si>
  <si>
    <t xml:space="preserve">That is very difficult to do. Teachers have enough to do. I want my child to have support too. </t>
  </si>
  <si>
    <t>Feels about right for reporting.  Too early and the reporting isn't on my kid's learning, but more just what they will be learning.</t>
  </si>
  <si>
    <t>This type of reporting on its own is utter nonsense.  By grade 5 or 6, you need to see some grades or percentages to get a sense of your child's learning.  The other reporting is ridiculously cryptic and confusing. Full feedback is quantitative as well as qualitative.</t>
  </si>
  <si>
    <t>Both quantitative and qualitative information is valuable.  It is needed in earlier grades too.  Maybe not elementary, but certainly by Middle school!</t>
  </si>
  <si>
    <t>The PPS doesn't mean much to us unless accompanied by some quantitative context.</t>
  </si>
  <si>
    <t>Students are not experts in assessment.  Their analysis often bares no reality to their abilities, performance, or actual effort.  Anyone who has children knows this!  It's good for them to reflect upon their learning, but their evaluations are not professional.</t>
  </si>
  <si>
    <t>This is also so phoney.  Kids fill in what they're told to fill in.  Again, it's good to be aware of ones learning, but these assessments are not genuine.</t>
  </si>
  <si>
    <t>This sounds political.  Of course all assessment and evaluation should be inclusive.</t>
  </si>
  <si>
    <t>As scientists, my spouse and I both appreciate the value of qualitative and quantitative information. It feels like the idea is to try not to hurt someone's feelings by avoiding reporting the quantitative information. This is not considered to be minimally acceptable reporting.</t>
  </si>
  <si>
    <t>Too many written reports (3). Too many formal reports to write equals less time spent on quality teaching. Should be just two formal written reports - one in January and one in June. Other reports of learning should be done via conferencing or other means.</t>
  </si>
  <si>
    <t>This scale is good to use until Grade 6. After this students should receive letter grades and percentages right through grade 12 in part for a more seamless transition to post secondary education but also so that assessment is less subjective and students have a better awareness of their learning.</t>
  </si>
  <si>
    <t>Better for post-secondary transition.</t>
  </si>
  <si>
    <t>Not sure this scale would be useful when percentages and letter grades are given.</t>
  </si>
  <si>
    <t xml:space="preserve">While some self reflection is good, having these done more than once a year becomes a make-work project for the teacher and rather contrived. I don't know Any parents who actually gain important information about how their children learn from these self assessments. </t>
  </si>
  <si>
    <t>In elementary school students are helped to set goals, to work towards them and to reflect on their growth. Student goal setting and self reflection does NOT need to become part of the formal reporting to parents - this whole process then becomes contrived and, again, a make-work project for teacher</t>
  </si>
  <si>
    <t>Does not provide valuable information to parents. Goal setting happens with student, parent and teacher input all of the time and does not need to be mandated as a part of every formal written report.</t>
  </si>
  <si>
    <t>This requires more work from us and we already have an ever increasing workload.</t>
  </si>
  <si>
    <t>Just let us do whatever we want. It is working. Kids need more structure and concrete language.</t>
  </si>
  <si>
    <t>Current policy asks teachers to report as they usually have &amp; my school board also asks that we use portfolios.   Most of my time with the kids is spend arranging portfolios and reporting on how they are doing rather than focussing on teaching. SIMPLIFY!</t>
  </si>
  <si>
    <t xml:space="preserve">As above, meaningless.  A four point scale is ridiculous.  It communicates nothing on a continuum. Most kids are developing or proficient and then teachers must write a paragraph to explain. Just bureaucracy at work. SIMPLIFY. </t>
  </si>
  <si>
    <t>At least percentages communicate as opposed to the portfolio and continuum proposed. See above comment. Use a five to seven point continuum and with each curricular area, divide into different sub-sections to be reported on each trimester.  MYP style</t>
  </si>
  <si>
    <t>Reporting should communicate learning and achievement clearly and concisely and not be onerous.  The policy proposed along with portfolios benefits neither parents nor teacher nor students.  My personal and professional opinion.</t>
  </si>
  <si>
    <t>Just not done the way it is now with the I can statements. Not authentic and meaningless.</t>
  </si>
  <si>
    <t xml:space="preserve">Agreed.  Students need to take ownership over their learning and reflect on their progress to their goals..  But regular written reports - onerous and the reports end up being meaningless as they become a chore to do. </t>
  </si>
  <si>
    <t>Of course.  All learners have needs.  These needs are diverse and specific to each individual.  Teaching (with differentiation) should follow suit as should reporting.</t>
  </si>
  <si>
    <t>procedures and manner of reporting</t>
  </si>
  <si>
    <t>Very hard to comment when space is limited.  Your policy is too onerous &amp; mostly results in superficial reporting to ease the task.  Parents want simpler as well. SIMPLIFY</t>
  </si>
  <si>
    <t xml:space="preserve">This is incorrect. We currently write only 2 written reports a year. This indicates that we write 2 written reports plus one summative making it 3 total. 
I prefer 2 written reports a year because it gives more time for us to gather evidence of learning. </t>
  </si>
  <si>
    <t>I like the wording and that it isn’t standardized language. However I think there needs to be more professional development around how properly use the proficiency scale.</t>
  </si>
  <si>
    <t xml:space="preserve">I think there needs to be more professional development on how to make this piece more valuable for students. </t>
  </si>
  <si>
    <t>We would need some kind of guidance on how this can look. Goal setting can be tricky for young children who don’t understand the concept of school, learning and growth.</t>
  </si>
  <si>
    <t>My District uses online student portfolios as a means of creating learning conversations between students, families, and teachers. I have found that parents are happier knowing their child's progress (or lack of progress) throughout the term rather than waiting until a mid-term or end of term report</t>
  </si>
  <si>
    <t>Common language and expectations between teachers can only make communication with families clearer.</t>
  </si>
  <si>
    <t xml:space="preserve">I have never been a fan of percentages as they do not tell you what areas need more support. </t>
  </si>
  <si>
    <t xml:space="preserve">Making the language of the core competencies central to student learning is very important.  They need to have used them throughout their years for them to build a strong understanding. </t>
  </si>
  <si>
    <t xml:space="preserve">My students set goals and reflect on those goals regularly, but I don't see the benefit for including them in parental communication.  One would hope that parents are already aware of their child's goals. </t>
  </si>
  <si>
    <t>I already report to families based on the expectations of IEPs</t>
  </si>
  <si>
    <t>We have been in session for six weeks, for me to report on student progress at this time would be difficult.  There has not been enough time for my students to demonstrate proficiency in any area.  Looking at their social-emotional learning and how they are fitting in with routines is more important</t>
  </si>
  <si>
    <t xml:space="preserve">Lack of online portfolios, timelines for all subjects and student data hard for elementary </t>
  </si>
  <si>
    <t>These self-assessments are not accurate. They provide opportunities for students to learn the language but elementary students do not have the expression or written  skills to accurately do this.</t>
  </si>
  <si>
    <t>Students at elementary don’t have knowledge to set reasonable goals in this area. They have focus areas that are often supported by teachers in describing during reporting</t>
  </si>
  <si>
    <t>Digital portfolios, reflection</t>
  </si>
  <si>
    <t xml:space="preserve">Who is going to write the Summary of Learning at the end of the year in high school?  If teachers have to write this for up to 120 students (more if it is per semester) is a lot more writing than any elementary or middle school teacher will have to write. </t>
  </si>
  <si>
    <t>Why do Grade 9s in high school have different reporting requirements than 10-12? That makes things confusing for teachers who teach multiple grades. This might be okay if it replaced having to provide a letter grade as well.  However, parents of grade 9 students generally want %, not a scale.</t>
  </si>
  <si>
    <t>This sounds like no changes to existing reporting unless I've missed something.</t>
  </si>
  <si>
    <t>% are in effect a proficiency scale. This sounds like a make work project that parents and students will not value as much as % , and it is more work for teachers.  What does "encouraging" mean in this context? Will teachers be called out by admin if they do not use this?</t>
  </si>
  <si>
    <t>Organizing this for 90-120 students each semester is a lot of work. And, students will not value this if they have to do it in every class they take, 8x per year (high school).</t>
  </si>
  <si>
    <t>This sounds like a career planning course in high school, not something classroom teachers need to be doing as well. Again, students in high school doing this for each class 8x per year - it won't be valuable, it will feel like work for them and just a box to check off.</t>
  </si>
  <si>
    <t>Good teachers already do this to the best of their ability.</t>
  </si>
  <si>
    <t>Comments given in survey already.</t>
  </si>
  <si>
    <t xml:space="preserve">It's too much.  We're burning out.  </t>
  </si>
  <si>
    <t>Ministry has not done a good job demonstrating clearly what the scale really means, especially re emerging and extending.  It is not uniform across the province and is highly subjective, which is unfair to students</t>
  </si>
  <si>
    <t>Makes sense, they need those for post secondary</t>
  </si>
  <si>
    <t>It's so much extra work for kids</t>
  </si>
  <si>
    <t>Who assesses this progress, and based on what criteria</t>
  </si>
  <si>
    <t>Ministry continues to add workload for teachers without support.  It's exhausting</t>
  </si>
  <si>
    <t xml:space="preserve">Instead of another written report, I think it would be better to help support teachers in using online portfolios. Some of my child’s teachers have used Myblueprint and fresh grade. These two forms were more helpful for seeing what was going on all year. </t>
  </si>
  <si>
    <t>This seems to be what report cards already use</t>
  </si>
  <si>
    <t xml:space="preserve">Yes, grades are needed to get into programs at universities </t>
  </si>
  <si>
    <t xml:space="preserve">Not helpful for applying to universities </t>
  </si>
  <si>
    <t>The students seem to be goal setting often already</t>
  </si>
  <si>
    <t>Help teachers to use online portfolios not another written report card</t>
  </si>
  <si>
    <t xml:space="preserve">I don’t find written report cards as useful as seeing my child’s work online and seeing their self reflections on the work. Some teachers use this and some do not. I wonder if this is because there is not enough support for teachers to learn to use new technology </t>
  </si>
  <si>
    <t xml:space="preserve">Too onerous - will take away from the actual teaching time - student feedback is continually given = redundant to have so many official reporting periods - you need to simplify the whole system not the opposite! </t>
  </si>
  <si>
    <t>Despite understanding the system, many parents don't like it and would rather have grades.  (As a teacher, I'm satisfied with it)</t>
  </si>
  <si>
    <t>repetitive - many students have difficulty expressing their thoughts in such detail leading to the teacher having to step in and write the 'self-assessment' - x28 x all the core competencies x several times a year = a nightmare! Simplify to one page once or twice a year!</t>
  </si>
  <si>
    <t xml:space="preserve">We understand that you want students to reflective learners etc; however, formal reporting = too onerous/redundant (already part of teaching practices). So formal = extra stress/anxiety on students  </t>
  </si>
  <si>
    <t xml:space="preserve">Workload is becoming unmanageable for both teachers and students (I would also reduce the amount of formal student self-reflections - they already do it in their day to day portfolio posts). </t>
  </si>
  <si>
    <t>Five is excessive with four in paper. Two Student Led Conferences and Three report cards is already a lot. Some places don't even report until January! That would give kids more time to adjust and learn. Term one is way to close to the beginning of the year for grades that have significant jumps</t>
  </si>
  <si>
    <t>I am fine with this, but I do wish parents understood that it is a sliding scale for the entire year.</t>
  </si>
  <si>
    <t>I think they should see their grade earned because they will need to know this in University. It would mentally harm them if we didn't show their percentage and grade earned when they will not get free passes in university.</t>
  </si>
  <si>
    <t>Too much work for the teacher, one grading scale is sufficient.</t>
  </si>
  <si>
    <t>This is a hoop to jump through. It shouldn't be a requirement for primary grades. K-2 do not think abstractly enough for self-reflection to be beneficial. Having to have K and 1 complete self-reflection is an authentic representation of student awareness it how they fell in that exact moment.</t>
  </si>
  <si>
    <t>Again... this is another hoop to jump through. It is a waste of time, it doesn't have value it won't be done authentically and it cannot be done at the early years. This is just another task teachers have to complete rather than focus on actual teaching.</t>
  </si>
  <si>
    <t>Some students cannot be assessed at the same level or form of their peers and will always require modification.</t>
  </si>
  <si>
    <t xml:space="preserve">Self assessment is time consuming, not authentic, takes away from academics and is not a valid representation of ability or reflection... especially for primary. It should not be required for primary. The end of the year self assessment is wasteful enough, all year is not possible or valueable. </t>
  </si>
  <si>
    <t>An additional written report during the school year does not make sense, especially if it is to go out within 25% of the course/year has been covered, as this is not sufficient time to create a sufficient and meaningful report.</t>
  </si>
  <si>
    <t>Keeping the current proficiency scale will make sense for families.</t>
  </si>
  <si>
    <t>Letter grades are still being used when applying to post-secondary institutions.</t>
  </si>
  <si>
    <t xml:space="preserve">The jump from proficiency scale in grade 9 to letter grades in grade 10 can be confusing and jarring--this would allow for some continuity. </t>
  </si>
  <si>
    <t xml:space="preserve">Frequency of reporting --An additional written report during the school year does not make sense, especially if it is to go out within 25% of the course/year has been covered, as this is not sufficient time to create a sufficient and meaningful report. </t>
  </si>
  <si>
    <t xml:space="preserve">I feel that we do enough reporting throughout the year. When are we going to truly be able to just focus on the needs of our students! More reporting means less planning time. Let’s see teachers be appreciated and as if our time matters instead of adding to our workload some more. </t>
  </si>
  <si>
    <t>Stated above</t>
  </si>
  <si>
    <t xml:space="preserve">Minimum of five reporting is way too often.  This takes away teacher’s valuable time away from  planning instructions and supporting students.  </t>
  </si>
  <si>
    <t xml:space="preserve">The scales can be too wide of a range.  It’s to provide accurate grades
</t>
  </si>
  <si>
    <t xml:space="preserve">The frequency of reporting can be too redundant and time consuming for teachers, which take away teachers’ time from supporting supporting and planning of instructions. </t>
  </si>
  <si>
    <t>There is a big disconnect between the amount of time it takes to communicate/write report cards and the amount they actually communicate to parents.</t>
  </si>
  <si>
    <t xml:space="preserve">I preferred the old proficiency scale over this one. I think it many cases a 5 point scale is better than a 4 point scale. </t>
  </si>
  <si>
    <t>I don't agree with letter grades</t>
  </si>
  <si>
    <t>I don't teach this grade, but I think a proficiency scale is better than letter grades</t>
  </si>
  <si>
    <t>it is very difficult and time consuming to get young students to effectively communicate and assess themselves in the core competencies. The early years should be a time for exposing students to self assessment, goal setting etc and the language involved but not required across the school year.</t>
  </si>
  <si>
    <t>Similar reasons mentioned for previous question. Goal setting is very important but the amount of time it takes for the early years to effectively communicate this in a reporting document is not a good use of time. the primary years should be a time to introduce students to the language, process etc</t>
  </si>
  <si>
    <t>Our district just moved to semester system from linear. Five reporting events seems like a lot over 4 months. We've been asked to do 3 reports each semester, which seems reasonable.</t>
  </si>
  <si>
    <t>I find that students get more feedback with this scale even though it requires more of my time.</t>
  </si>
  <si>
    <t>This is what is happening currently, so there doesn't seem to be a change. I've heard some universities are broadening their admission requirements, which might open the door to a different grading scale for these grades in the future.</t>
  </si>
  <si>
    <t>While this is a bit more work, it provides students and parents more detailed feedback.</t>
  </si>
  <si>
    <t>I like the idea of students taking ownership of their grades. I worry that some students will give themselves better marks while others give themselves lower marks, which seems to be more of an indication of confidence. I sometimes see very good students give themselves lower marks.</t>
  </si>
  <si>
    <t xml:space="preserve">As the range of learners and assessment strategies grows for each classroom, shouldn't the number of students in the classroom be reduced? Preparations and assessment take more time for diverse learners, but the length of the school day and the number of students is the same. </t>
  </si>
  <si>
    <t>Public education should support everyone in becoming a life long learner.</t>
  </si>
  <si>
    <t xml:space="preserve">Too many reports. Not enough time for growth between each. </t>
  </si>
  <si>
    <t>Might mislead parents on the actual performance of a student.</t>
  </si>
  <si>
    <t xml:space="preserve">Pick one or the other </t>
  </si>
  <si>
    <t>Keep it simple</t>
  </si>
  <si>
    <t>Too many subject areas, core competencies, work habits…
It’s hard to do anything right when there are too many areas to work on. Revisiting the whole way of reporting rather than keeping adding new reporting components would be better.</t>
  </si>
  <si>
    <t xml:space="preserve">Stop adding reporting components. </t>
  </si>
  <si>
    <t xml:space="preserve">We’ve been doing the Ongoing Communication of Student Learning in SD68 for a few years with teacher feedback and student voice. This a LOT of work that doesn’t get kept in any student file. We had to develop our own templates for reporting, none were provided. </t>
  </si>
  <si>
    <t xml:space="preserve">The scale is fine with explanation and definition for parents. For the younger learners we have used a visual learning target to help them see growth snd goals. </t>
  </si>
  <si>
    <t xml:space="preserve">This is a big jump flinging from grade 9-10 never having percentages or grades. I would like to see this phased in earlier in grade 8. </t>
  </si>
  <si>
    <t xml:space="preserve">Keeping the proficiency scale standing letter grades should be done earlier, grade 8. </t>
  </si>
  <si>
    <t>We’ve been doing this, it’s a challenging process for younger students who can’t read or write to self-evaluate. It’s a very time consuming job for teachers to record their ideas just for reporting purposes. 
Parents want to hear formally from a qualified teacher how their child is doing.</t>
  </si>
  <si>
    <t>This is a great idea in theory but SO much more difficult in practice, conferencing one on one to get authentic feedback for non readers and non writers. What about French Immersion? Is the report for parents or students? Should classroom time be spent in English on goals? Where do these reports go?</t>
  </si>
  <si>
    <t>We need a provincial format and dates for reporting not just guidelines. It is too open and not consistent. It doesn’t tell parents what they are looking for. Three way Conferences are the best way to report focusing on authentic evidence that can be shared in person with regards to learning standards.l</t>
  </si>
  <si>
    <t xml:space="preserve">The ongoing communication of student learning has been very frustrating and inconsistent. It’s a ton of work for each subject area and doesn’t even get looked at by administration and it’s not available in any file or online for any other teachers or counsellors to view. 
</t>
  </si>
  <si>
    <t xml:space="preserve">This is far too much reporting, especially early in the year when there hasn’t been enough time to assess student progress.  </t>
  </si>
  <si>
    <t>It is adequate, but not terribly specific.</t>
  </si>
  <si>
    <t>Letter grades make sense, but not percentages as they are too specific to take into account the huge amount of variability between schools and teachers.  Only in certain subjects would they be appropriate, and in the grade 12 year.</t>
  </si>
  <si>
    <t>This is somewhat vague for the high school level and could use more specificity and nuance.</t>
  </si>
  <si>
    <t>This is important, but once a year the student could report on this, which would be adequate- plus the students need to be taught what the competencies are which requires some specific learning.</t>
  </si>
  <si>
    <t>Doing this each reporting is too much,  Setting goals once the student is well into the year, and assessing progress with these goals later in the year would be more appropriate.</t>
  </si>
  <si>
    <t>This seems like a given.</t>
  </si>
  <si>
    <t>The increased frequency of reporting does not give a clearer picture of student learning, especially if it is pushed too close to the beginning of school in the fall when teachers haven’t had a chance for very much assessment and observation of student learning.</t>
  </si>
  <si>
    <t xml:space="preserve">Reporting on all subject areas 5 times per year is too much.  Reporting after 25% of the year is too early, teachers are just developing routines and expectations in elementary years </t>
  </si>
  <si>
    <t>time</t>
  </si>
  <si>
    <t xml:space="preserve">- time consuming to do, if you are also doing student self-evaluations; depending on the grade level, students are able to do this at different levels of independence; otherwise depending on the age of the child, the self-evaluations become very time consuming although valuable </t>
  </si>
  <si>
    <t>Students are not prepared when they get to grade 10 for what grades they are getting.  It could be very stressful for them.</t>
  </si>
  <si>
    <t>Yes, but would want this for all secondary grades; not just 10 to 12.</t>
  </si>
  <si>
    <t>Not necessary.  Just feedback from the teacher about ways to improve, things that are going well would be helpful.</t>
  </si>
  <si>
    <t>Yes, and this is helpful as children are able to do this more independently in a way that is meaningful for them.</t>
  </si>
  <si>
    <t>depending on the age level and independence level of children; it shouldn't be done in a way that takes away from their actual learning time; it shouldn't be every age group regardless of age has to do the same thing</t>
  </si>
  <si>
    <t>This is only feasible if supports are in place to help teachers do this assessment for all types of learners.</t>
  </si>
  <si>
    <t>It would allow more time for children to gain skills; give them a chance to think of goals and act on them.  I think children are motivated to do well because of their marks.  I also don't think Elementary aged children need to be evaluated exactly like high students.</t>
  </si>
  <si>
    <t>The frequency and content of these reports provide sufficient information for me</t>
  </si>
  <si>
    <t xml:space="preserve">The descriptors are thorough and straightforward </t>
  </si>
  <si>
    <t>Not applicable to me at this time</t>
  </si>
  <si>
    <t xml:space="preserve">My child is 5 and I think it would be difficult for her to articulate her area of growth or areas needing additional support. This seems like a great idea for students at the high school level </t>
  </si>
  <si>
    <t xml:space="preserve">This idea seems difficult for a 5 year old to articulate but relevant fir high school students </t>
  </si>
  <si>
    <t xml:space="preserve">All learners need to be addressed </t>
  </si>
  <si>
    <t xml:space="preserve">Younger children have difficulty expressing their goals. I asked my daughter what she was td to do in kindergarten and she says have fun. Student led goals assessments etc are for older students </t>
  </si>
  <si>
    <t xml:space="preserve">Manageable and provides enough information </t>
  </si>
  <si>
    <t xml:space="preserve">There is not enough description as to what these mean. Students aren’t motivated or inspired. Proficient is mediocrity. </t>
  </si>
  <si>
    <t xml:space="preserve">I teach elementary </t>
  </si>
  <si>
    <t xml:space="preserve">In my grades students don’t have the capacity to self assess accurately. They give themselves perfect because it is self protection. It is an executive function of the brain. They haven’t developed it yet. </t>
  </si>
  <si>
    <t xml:space="preserve">Some can do inquiry but they don’t have the research or ability to fully explore a topic at age 9/10. </t>
  </si>
  <si>
    <t xml:space="preserve">Some students are non verbal or brain damaged and have very little ability to perform this task </t>
  </si>
  <si>
    <t xml:space="preserve">They give themselves extending all the time. Lack the ability to accurately assess. </t>
  </si>
  <si>
    <t xml:space="preserve">I don't think parents need to know their child's progress in P.E., art, socials studies, and science 5 times per year in elementary school. I can see communicating about L.A. and math five times, but parents and teachers have enough e-mails from school/ communications. </t>
  </si>
  <si>
    <t xml:space="preserve">I don't think the terms "emerging, developing, proficient, and extending" are inclusive of ELL families. I think they should only be used if there also has to be a visual shaded bar that shows you were your child is on the scale. This visual needs to be in the policy. </t>
  </si>
  <si>
    <t xml:space="preserve">How often is the self-assessment included? </t>
  </si>
  <si>
    <t>I don't know how this looks for early primary/ ELL/ special needs students goals to be included in student reporting without added workload for the teacher.</t>
  </si>
  <si>
    <t xml:space="preserve">I don't feel it is the best use of the early primary teachers time to have to report on student set goals in reporting. We already report on all the subjects and provide the core competency self-assessment I don't know why we need to add student goals to the report too. </t>
  </si>
  <si>
    <t>It seems like a bit much if students are doing well. I would say less reporting if students are meeting goals and add in extra for students needing assistance. I would rather teachers spend more time on lessons and lesson on writing to me. I think they use codes for set sentences anyways.</t>
  </si>
  <si>
    <t>Parents just translate the fancy words back into letter grades in their heads. Kids do too. Getting an emerging or developing doesn't make them feel any better than getting a C.</t>
  </si>
  <si>
    <t xml:space="preserve">We need more standardized marking in the higher levels. An "A" or 90% in one high school does not mean a student is at the same level as an A in another high school. Are examples of what one teacher thinks is an A compared to a teacher of the same grade/subject in a different school?  </t>
  </si>
  <si>
    <t xml:space="preserve">That would be pointless, unless you want to enforce the "translating" of proficiency words with letter grades in the lower grades. </t>
  </si>
  <si>
    <t>How would this be done? do the teachers have to transcribe what the student writes out into the official system? do the kids type it in themselves as to not be influenced by the teachers views? do the teachers have to proof read all these and are the self assessments than graded?</t>
  </si>
  <si>
    <t xml:space="preserve">Goal setting is a very good idea, also the self evaluation of whether the goals were met or not is essential. Again how would this be done? Do the teachers need to re type all their students written work? How long would that take for a high school teacher to do? </t>
  </si>
  <si>
    <t>Isn't this already done? I do want to voice the situation of advanced/ extended learners. I feel like the system does not serve their needs well and the teachers have so much on their plates that they aim for proficient as basically "A's" and extended learners do not have anywhere higher to go.</t>
  </si>
  <si>
    <t>enforcing standards</t>
  </si>
  <si>
    <t xml:space="preserve">My kids does well, I don't really trust the grades he gets from some of his teachers....too easy. I tell him to be prepared for lower grades in university. I don't want him to be depressed when he meets the real "A" students. I hear of Uni students doing self harm when their grades plummet. </t>
  </si>
  <si>
    <t xml:space="preserve">Too time consuming. </t>
  </si>
  <si>
    <t>Parents want numbers/%</t>
  </si>
  <si>
    <t>With the addition of a written summary of learning that is specific to the individual student, it appears we are returning to the previous model of three written reports. What will be the format of the two other learning updates? Two parent/teacher conferences? Clarification and examples are needed.</t>
  </si>
  <si>
    <t xml:space="preserve">I don’t know of anyone who is satisfied with the four-point scale. Many parents and students are extrapolating a letter grade from the scale anyway. I think we are making reports too complicated. Teachers spend many hours writing comments that are not read closely by caregivers. </t>
  </si>
  <si>
    <t xml:space="preserve">I don’t teach at this grade level. </t>
  </si>
  <si>
    <t>I’m concerned this will just add more to teachers’ workloads. We need to make the reporting process more streamlined. More isn’t necessarily better. If the ministry wants teachers to include even more information on their students’ learning, then release time should be provided. Why isn’t it?</t>
  </si>
  <si>
    <t xml:space="preserve">The self-assessments process is largely a waste of time for elementary students. It sounds good, but generally my grade four and five students don’t yet have the self-awareness to accurately assess their own learning. We teach the process as best we can, but it’s not realistic at this age level. </t>
  </si>
  <si>
    <t xml:space="preserve">It’s unrealistic to expect elementary students to be able to do this with any level of understanding. This is high level thinking and requires greater maturity. Based on what I’m currently seeing in self-assessment, this is beyond the vast majority of elementary students. It’s not having an impact. </t>
  </si>
  <si>
    <t xml:space="preserve">It sounds like a great idea, but unfortunately teachers are not given the means to do this particularly well. Lack of substantial support for students with diverse abilities and challenges makes this an expectation that can’t be currently met. More funding is needed. 
</t>
  </si>
  <si>
    <t xml:space="preserve">Over my career I’ve watched the demands of reporting steadily increase without substantial benefit to students and caregivers. We are already doing so much with so little. Make the process less onerous for everyone. </t>
  </si>
  <si>
    <t xml:space="preserve">It's strange being on both sides of this equation. As I teacher, I see how much time and effort my colleagues put into reporting - seriously it's WAY too many unpaid hours of work. On the parenting side, I really just want to know that my child is happy and is enjoying school. </t>
  </si>
  <si>
    <t>I like the sliding scale. It gives a better picture of assessment as a journey. The reality that grades are often not a true reflection of a child's learning or potential and more of a reflection of if the teacher likes them or not, has always unsettled me. Especially as I teach a performing art.</t>
  </si>
  <si>
    <t>If the other way of reporting is good enough for K-9, why does it stop being good for 10-12? Are we only doing this to satisfy university requirements? If so, isn't that harmful to students, particularly the ones who aren't headed for university?</t>
  </si>
  <si>
    <t>Just a bunch of extra work for the high school teachers. If they're working on a semestered timetable, the timing of your reporting requirements (especially as no "paid" time is included in this plan), is going to add a HUGE amount of work and stress to the high school teachers.</t>
  </si>
  <si>
    <t>I don't think parents understand the relative importance of these Core Competencies. That either needs to be communicated or the skills need to go back to being assessed in conjunction with the subjects they're taught. Again, more work for teachers. No real gain in communication to parents.</t>
  </si>
  <si>
    <t>Setting, evaluating, and adjusting goals is what a lot of life is all about. More of this.</t>
  </si>
  <si>
    <t>Nice statement. What does it actually look like on the ground?</t>
  </si>
  <si>
    <t xml:space="preserve">Trust teachers to communicate student learning well. What that looks like will be different for every kid/teacher. Maybe your policy should "be inclusive of all learners and teachers and respond fully to individual needs, including those of students with disabilities and diverse abilities." </t>
  </si>
  <si>
    <t xml:space="preserve">Too many options. Choose one (letter grades) for ease of understanding </t>
  </si>
  <si>
    <t xml:space="preserve">Currently there are 3 formal reports and 2 times a year to check in (interims) which gives plenty of feedback on how the student is doing. Teachers also have informal meetings and give feedback on top of these 5 reporting times. </t>
  </si>
  <si>
    <t xml:space="preserve">The frequency of reporting on all subject areas in all reporting periods </t>
  </si>
  <si>
    <t xml:space="preserve">To report on all subject areas in all 5 reporting periods is not feasible. It doesn’t allow time to accurately teach each subject and makes for rushed teaching and assessing which is not best practice. This does not benefit the students or teachers. . </t>
  </si>
  <si>
    <t xml:space="preserve">I like having continued feedback about my child's academic progress but I do not need standardized assessments or reporting that compares them to others. </t>
  </si>
  <si>
    <t xml:space="preserve">I like the 4 point scale but would also like anecdotal, specific information on how I can support my child's learning. </t>
  </si>
  <si>
    <t xml:space="preserve">Letter grades are inherently competitive and compare students to each other. Many post secondary institutions do not require letter grades anymore and are themselves moving towards different modes of assessment. </t>
  </si>
  <si>
    <t xml:space="preserve">This is incredibly hard to do with a letter grade or proficiency model of reporting. That is one of the biggest challenges with our current model of assessment- it is a one-size- fits- all approach to learning. </t>
  </si>
  <si>
    <t>Kindergarten competencies are often difficult to categorize into the proficiency categories.</t>
  </si>
  <si>
    <t>Kindergarten and early primary students don’t have the meta cognitive abilities to understand where they need to grow academically. Goal setting at these ages is often teacher led and not meaningful for the student.</t>
  </si>
  <si>
    <t>Supporting student goal setting and reflection throughout the year would require too much 1-1 time from the teacher. Assessment already takes up much individual time in kindergarten and it’s very challenging to leave the remainder of students almost unsupervised during such engagement 1 to 1.</t>
  </si>
  <si>
    <t>Kindergarten is already a very challenging grade to teach. The assessment that occurs requires 1-1 conferencing. Adding further goal setting and self assessment would require the teachers attention to be away from the remainder of the group more often.</t>
  </si>
  <si>
    <t>My school has been experimenting with new report templates every term for the past several years --  teachers are exhausted.  Actual reports have no space for meaningful reporting - 1 line per term reports nothing about my students.  The workload is ridiculous.</t>
  </si>
  <si>
    <t>Emerging &amp; developing are fine. A level b/t developing &amp; proficient needed.  Proficient means the child 'gets it' and is competent -- not always true.  Ministry definition of extending eliminates 98% of students for my criteria &amp; families equate EX to A / A+ and are upset when child doesn't achieve.</t>
  </si>
  <si>
    <t>isn't it redundant to have both?</t>
  </si>
  <si>
    <t xml:space="preserve">Need better examples of how to incorporate easily -- teacher workload to add student voice is very high; space is limited; access to technology to add student voice is limited; </t>
  </si>
  <si>
    <t>Good ideas == but ministry-funded staff / support is actually needed to achieve all of the things you are asking.  Teachers are burning out as Ministry downloads more and more responsibility without removing other workload requirements.</t>
  </si>
  <si>
    <t xml:space="preserve">Hours are spent on reporting -- and often, the families do not really understand what is said, or even care to read the reports.  Easier process needed -- time to be consistent and get good at reporting because it is always changing.  Funding, staffing, and paid time to do reports is needed. </t>
  </si>
  <si>
    <t>We have been writing 2 reports for the past several years, so why are we being asked to go back to 3 written reports?  We are still in the middle of a global pandemic, facing increased workloads mentally and physically, dealing with students who have not had a normal full school year since 2018-19!!</t>
  </si>
  <si>
    <t>Why are the names of the four-point scale being changed again?  Beginning and Applying are easier to understand for parents who have a second language.</t>
  </si>
  <si>
    <t>I teach elementary.</t>
  </si>
  <si>
    <t>I teach Grade 1.  They don't quite understand the complexities of evaluating themselves in a meaningful way.</t>
  </si>
  <si>
    <t>Goal setting is important.</t>
  </si>
  <si>
    <t xml:space="preserve">Easier said than done. </t>
  </si>
  <si>
    <t>Teachers' workloads are already have at an all-time high!  We do NOT need any more extra work on top of everything else we are dealing with.  Just stick to the current CSL guidelines and leave it alone.  You can re-visit this when the pandemic is over.</t>
  </si>
  <si>
    <t xml:space="preserve">Two written reports, in January and June, are sufficient. Providing three takes away teachers’ time and energy from providing rich learning opportunities.  Non-written reporting activities are often more informative at the elementary school level. </t>
  </si>
  <si>
    <t xml:space="preserve">Stick with Beginning, Developing, Mastering and Extending. Students and parents are finally becoming familiar with these terms. I see no reason to change them. </t>
  </si>
  <si>
    <t xml:space="preserve">At the elementary level, goal setting and reviews of progress towards these goals are best achieved at goal setting conferences and student led conferences, not on written reports. </t>
  </si>
  <si>
    <t xml:space="preserve">I feel strongly that teachers should focus their time and energy on teaching rather than writing laborious reports which are often relatively meaningless to elementary school students and their caregivers. Instead, let’s provide meaningful and impactful non-written reporting opportunities. </t>
  </si>
  <si>
    <t>Too many written reports. Should be one written learning update mid year and one written summary of learning at end of year. 
All other feedback should be done with use of portfolios or parent conferences.</t>
  </si>
  <si>
    <t xml:space="preserve">Prof scales work well with student agency, ownership and learning. Letter grades do not. </t>
  </si>
  <si>
    <t>Not informed enough.</t>
  </si>
  <si>
    <t>Not informed enough</t>
  </si>
  <si>
    <t>The time it will take to properly do reports as outline in the Ministry documents. The Ministry like many administrators and parents believes that fulsome report cards will somehow make teachers 'accountable' and deliver a better program for students. This wishful thinking forgets teachers' workload</t>
  </si>
  <si>
    <t>The 4 point scale is a pathetic joke of assessment. There is no clear standard for what is 'emerging', developing, etc. at each grade level. Where are the writing exemplars which once informed assessment?  Nor are teachers required to tell parents if students are emerging, etc. with their reading.</t>
  </si>
  <si>
    <t>What's different? This continues the status quo though standards are now absent from Ministry directives. Where are the writing exemplars? Where the reading skills required for each grade? Nor do most secondary teachers know how to assess student skills as tests are taboo in today's pedagogy.</t>
  </si>
  <si>
    <t>This is a huge waste of time. Without clear standards for each grade the Prov. Proficiency Scale is nothing more than verbiage. The Literacy tests are a joke. We are graduated illiterates by the dozen. You wan provincial standards then measure them with provincials not marked by the teachers within.</t>
  </si>
  <si>
    <t>Self-assessment is good practice but this just generates much paperwork and little in real assessment. But if you are to do them require students to write a paragraph so parents can see how poorly they write (despite good results on their gr. 10 &amp; 12 Literacy tests.)</t>
  </si>
  <si>
    <t xml:space="preserve">Again, this is good practice but isn't required in report cards. Are you trying to have your cake and eat it too? Percentages et al and all the wonderful remarks of a kind, caring elementary teacher? Class sizes are over and IEPs are everywhere. Let me guess - a two-page report for IEPs too? </t>
  </si>
  <si>
    <t>See above. What does this mean in practice? A long written report for each IEP and then customized educational goals too? Have any of you guys in assessment taught in the classroom? Your 'word from the Mount' are well- intentioned but actually impossible to achieve. Can you say SIP?</t>
  </si>
  <si>
    <t>If you believe in provincial competencies then bring back provincial testing based upon minimum required competences - especially in Language Arts. I'm sure the wonks in assessment can put together a Literacy test thought the grade 12 one is taking forever!</t>
  </si>
  <si>
    <t>Who is going to give me the time to write a written report for four classes of Grade 8s or 9s.  That could be 120 students</t>
  </si>
  <si>
    <t>At the grade 8, 9 level that scale is not specific enough</t>
  </si>
  <si>
    <t>Students need clear and specific feedback.  Percentages give students very clear feedback at were they are at.</t>
  </si>
  <si>
    <t>Letter grades and percentages are specific.</t>
  </si>
  <si>
    <t>Tha system already does this.</t>
  </si>
  <si>
    <t xml:space="preserve">Way too much. What on earth can be written about 5 times that varies so much from the previous report. It is a journey, not a sprint. We do not need that many reports. Also, we’re communicating student learning informally throughout the year. This is bogus </t>
  </si>
  <si>
    <t xml:space="preserve">Because it’s basically same scale I use now </t>
  </si>
  <si>
    <t xml:space="preserve">Useful for post secondary </t>
  </si>
  <si>
    <t xml:space="preserve">It’s not meaningful or helpful </t>
  </si>
  <si>
    <t xml:space="preserve">Good skill </t>
  </si>
  <si>
    <t>My school spent lots of time developing a proficiency scale already. This contains difficult vocabulary for elementary students. Extending should not be the 4th point on the scale as it represents proficiency approximately 2 grade levels above the current grade. It ought to be an addendum.</t>
  </si>
  <si>
    <t>I am not teaching high school so do not feel I know enough to make a well informed choice.</t>
  </si>
  <si>
    <t>Sounds confusing, and may defeat the purpose of the proficiency scale by using both, anyways.</t>
  </si>
  <si>
    <t>Students are so tired of self assessing that they stop taking it seriously and don’t give thoughtful answers. This could be very beneficial if done with care but if it’s overdone or the approach is not varied it could backfire.</t>
  </si>
  <si>
    <t>Teachers already do this. It is over the top to ask for this to be a part of reporting. The teacher load is enough.</t>
  </si>
  <si>
    <t>The scale should be personalized for schools if they want to.</t>
  </si>
  <si>
    <t>The students who are hard workers dislike the 4 point scale.  The 4 point scale has been a negative in our school.</t>
  </si>
  <si>
    <t xml:space="preserve">Students are preparing for university (Many of them) and need percentages.  The lack of rigor and the new watered down curriculum has done little to prepare these students for post secondary.  </t>
  </si>
  <si>
    <t>I surveyed my class of 30 today.  Every single student said they hated the Proficiency scale because "everyone gets a 3 or 4."  As a parent of academic students, they can't stand the scale either.</t>
  </si>
  <si>
    <t>Formal student self-assessment is a complete waste of time.  Most students don't like it because they already know how they are doing.</t>
  </si>
  <si>
    <t>I'm not even sure what is meant by this statement.</t>
  </si>
  <si>
    <t>Get rid of the proficiency scale.  This 4 point scale was ripped off from Maine, USA.  In Maine, the system crashed and they moved back to the old percentages.   Maybe the ministry should go to the emoji scale.  Students either get the happy or sad emoji.</t>
  </si>
  <si>
    <t>The inclusion of “written reports” and “learning summary”. Teachers currently already provide written feedback, no need for it to be a policy change. If forced to write written reports it will result in generalized feedback as teachers will not have time to make feedback personalized.</t>
  </si>
  <si>
    <t>This is done in most settings, may be beneficial for parents to be aware of student goals.</t>
  </si>
  <si>
    <t>Not sure how this is different then current policy</t>
  </si>
  <si>
    <t>Written reports and learning summary</t>
  </si>
  <si>
    <t xml:space="preserve">Time restraints </t>
  </si>
  <si>
    <t>The frequency is in line with what we are currently doing.  However, the reporting order doesn't consider how this looks different in semester and linear programs.  Progress in the first 25% of a program makes sense, but in semester schools we do that twice.</t>
  </si>
  <si>
    <t xml:space="preserve">There needs to be greater clarity by what is meant by emerging and extending. Is emerging considered a passing grade? Because across our school that answer varies by dept.  In gr 8-12 this looks way different than in elementary school, and it's unfair to kids and parents to vary in expectation </t>
  </si>
  <si>
    <t xml:space="preserve">This is fine - but the transition from 9 to 10 is going to leave the unending question, is proficient an A or B? emerging an F or C-? Parents and kids will have confusion translating skills to numbers/letters without greater clarity for all teachers about this to be on the same page. </t>
  </si>
  <si>
    <t>I already use proficient scales, but there is again the question about what emerging and extending mean when translating to a letter grade.  Consistency across province would be important.  Also, there is a lot of in between areas.  4 points isn't enough for my subject area.  I need at least 5 or 6.</t>
  </si>
  <si>
    <t>I agree with SA - but in high school students are with 4-8 different teachers.  Is this done in each class? school wide? have you considered how much more challenging this is outside of elementary school with a single teacher?  I'm guessing the answer is no.  Again - more clarity!</t>
  </si>
  <si>
    <t>Same as before.  In high school (8-12) do you expect this for every course? or one per report card? who is responsible? who knows the kid well enough in each area to help them with this so it is meaningful? This plan makes sense in elementary, but is missing things for high school implementation</t>
  </si>
  <si>
    <t xml:space="preserve">Depth of reporting </t>
  </si>
  <si>
    <t>The depth of reporting (proficiency, feedback, commenting on growth and areas to improve) makes more sense up to grade 7 - when one teacher has 30 kids.  But a high school teacher has anywhere from 90 - 210 at one time.  Do you know how long it takes to provide that for 210 kids? or even 90?</t>
  </si>
  <si>
    <t xml:space="preserve">As a teacher, our expectations have become much higher than this. Continually keeping up current grades online for parents/other staff, and fielding questions 24/7 is a lot of work that makes formal reporting occasionally less important. </t>
  </si>
  <si>
    <t>This four point scale is vague, difficult to apply, and does not come with enough standardization (or exemplars). 
Especially for the grade 8/9 level, "proficiency" does not include "content learned". Students might be "proficient" without completing half the course!</t>
  </si>
  <si>
    <t xml:space="preserve">I do like percentages because they include a sense of how much content has been completed, but they are becoming rapidly meaningless without any standardized exams and rampart mark inflation. </t>
  </si>
  <si>
    <t xml:space="preserve">This makes sense. I can give a student "proficient" but also deliver a failing mark if they have not completed the course. 
I could also give a student 50% because I am encouraged to increase the graduation rate, but be honest that they can't really read and are not "proficient". </t>
  </si>
  <si>
    <t xml:space="preserve">The "core competencies" are only tangential to the curriculum, and could be deleted. Many of them can be put into specific curriculums (like Social Studies) and then reported on properly. </t>
  </si>
  <si>
    <t xml:space="preserve">Student ownership has pros and cons. If students have the option, they will often choose the easiest route or less accountability. It would be nice if the adults were more empowered to encourage accountability and excellence. </t>
  </si>
  <si>
    <t>What does this mean? no more "modified" marks? we can be honest about grade-level abilities?</t>
  </si>
  <si>
    <t xml:space="preserve">The "proficiency scale" lacks clarity, examples, and standardization. 
As a parent, I find the reports cards are longer and tell me less than ever. 
Why can't we have more than one grade at all levels? (Proficiency/Content Completion/Work Habits)
</t>
  </si>
  <si>
    <t xml:space="preserve">it’s seems reasonable to have a consistent reporting however for a semester system 5 reporting periods is unreasonable in the amount of time. It would mean 5 reports in 4 months. </t>
  </si>
  <si>
    <t xml:space="preserve">I find this to be better than letter grades to express a student’s progress. </t>
  </si>
  <si>
    <t xml:space="preserve">I would prefer to get rid of percents but I realize that may not be realistic with regards to post secondary applications </t>
  </si>
  <si>
    <t xml:space="preserve">I would prefer it for the subject that I teach. </t>
  </si>
  <si>
    <t xml:space="preserve">I think that is important but within a reasonable amount of time as time to teach course content is already limited. </t>
  </si>
  <si>
    <t>I feel it is important for students to use goal setting skills</t>
  </si>
  <si>
    <t>I agree</t>
  </si>
  <si>
    <t xml:space="preserve">Letter grades are not as accurate a tool to measure achievement or development of student learning. </t>
  </si>
  <si>
    <t>My kids like letter grades and not some four point scale.</t>
  </si>
  <si>
    <t>The four point scale actually discourages students who are high achievers.  Even the kids who don't work get a three.</t>
  </si>
  <si>
    <t>You better keep some standards at the high school level.</t>
  </si>
  <si>
    <t>If they get percentages, the scale is a waste of time.</t>
  </si>
  <si>
    <t>My kids don't like wasting their time on self assessment.  Work hard and do your best.  Pretty simple stuff.</t>
  </si>
  <si>
    <t>Take the four point scale and tossed it.</t>
  </si>
  <si>
    <t>2 formal written reports and 3 reporting would be sufficient.   With FreshGrade and parent talk, phonecalls there is a lot of time spent communicating.</t>
  </si>
  <si>
    <t>The scale is excellent but having a checkmark for feedback would be great.  To write descriptive feedback is a lot of writing.  Parents do not want a novel and a lot of time do not read the written comments.</t>
  </si>
  <si>
    <t>Self-assessment is great.  Sometimes primary children find it difficult to self-assess several times a year.</t>
  </si>
  <si>
    <t>Goal setting is excellent.  Some primary children find this difficult when goal setting several times a year.</t>
  </si>
  <si>
    <t>2 formal written reports and the use of FreshGrade, phone calls, and meeting talks would be sufficient.  A lot of time spent writing instead of communicating to parents.  Ongoing feedback by FreshGrade, phone calls, and in person are more valuable than 3 formal written reports according to parents.</t>
  </si>
  <si>
    <t>The current structure and frequency of reporting clearly shows student's learning progress throughout the school year.  Parents are able to have a clear understanding of their child's progress, while teachers have sufficient time to collect data in between each reporting period.</t>
  </si>
  <si>
    <t>Parents and students may not be truly concerned about the learning in these areas and the self-reflections in the reports may not necessary be useful information to them.</t>
  </si>
  <si>
    <t xml:space="preserve">This goal setting may not be truly authentic for all students in K-3 as a lot of them may still be developing independent thoughts and goal-setting may be taught or more teacher-directed.  </t>
  </si>
  <si>
    <t xml:space="preserve">For K-3 students, the clause that "the first update must be provided within in the first 25% of the learning period for a particular subject or course," may be quite restrictive as young students are often just adjusting to school routines and expectations. </t>
  </si>
  <si>
    <t xml:space="preserve">the number of reporting events create inequity between different school systems (linear vs trimester vs semester vs quarter), especially for those teaching in the secondary. In addition, teachers need time to ensure/verify authenticity of the student-generated content. </t>
  </si>
  <si>
    <t>While I am familiar with the 4-point scale in GNA, this system is new to many others at the secondary level. More training is needed to ensure all teachers feel confident (and consistent) using the 4-point scale</t>
  </si>
  <si>
    <t xml:space="preserve">using different systems for k-9 and 10-12 creates more confusion for students and parents especially when switching from gr9 to gr10. If letter grades and percentages are that important to the post-secondary, they can come up with their own systems or use entrance exams (e.g. LPI or SAT). </t>
  </si>
  <si>
    <t>finally we are making students be more responsible of their learning. But teachers must be given time to run interviews with students and moderate the student-generated content for the purpose of authenticity.</t>
  </si>
  <si>
    <t>the ministry needs to provide students with guidelines/strategies for setting goals</t>
  </si>
  <si>
    <t>it's time to get rid of grades and percentages. that's how you can get students to really focus on learning.</t>
  </si>
  <si>
    <t>Reports are a lot of work. Expecting teachers to report formally to parents 5 times a year isn’t practical in the number of hours given for prep—since teachers have to use that time for lesson prep and are frequently interrupted—which means they have to sacrifice their own time.</t>
  </si>
  <si>
    <t>Conceptually I like this idea. Practically, when needing to convert to letter grades for things such as college applications, a difference between a 3 and a 4 can be massive if the teacher is only reporting on a few competencies per reporting period.</t>
  </si>
  <si>
    <t>Again, these grades are necessary for practical reasons more than pedagogical reasons.</t>
  </si>
  <si>
    <t>I haven’t found a way to do this that is as meaningful as I feel it should be for the students, but the idea is good.</t>
  </si>
  <si>
    <t>It’s good that students set goals but they may not know what goals to set if they’re entering a new domain.</t>
  </si>
  <si>
    <t>I wish this were done in my school. We are told in that our “expectation” grades have to align with certain letter grades so that we have consistency, which means the standards for everyone are the same.</t>
  </si>
  <si>
    <t>I’ve had several very serious mental health episodes from overworking myself. Five reports per year is unnecessary and causes teachers a great deal of stress.</t>
  </si>
  <si>
    <t xml:space="preserve">Previously, with Report Card Central, the process was lots of work but reasonable.  Parents understood what we were communicating and they were happy to get paper copy.  MyEd has increased the amount of work exponentially for teachers.  Parents don’t get what is being said and they don’t read them. </t>
  </si>
  <si>
    <t xml:space="preserve">People do not get this language.  Even not yet meeting, approaching, meeting, and exceeding is tricky for some people. Emerging is not a clear word.  Nor is developing for that matter.  </t>
  </si>
  <si>
    <t>Until the world changes, we can’t have kids just graduate with a portfolio or some self-assessments saying they are ready for university.  Standards set and standards met = entry.</t>
  </si>
  <si>
    <t xml:space="preserve">That would muddy the waters.  As it is, people get confused with letter grades.  </t>
  </si>
  <si>
    <t xml:space="preserve">This is taking away from other parts of the curriculum.  The more time I spend doing this with primary students, we aren’t doing all those other important things. </t>
  </si>
  <si>
    <t>It’s important for kids to see a connection between goal setting and achievement.  This is a contrived waste of time.  Too difficult for young students especially in French Immersion.</t>
  </si>
  <si>
    <t>Who is supplying assessments that are inclusive of all learners?  What are these assessments? When I have children who struggle and need help beyond what is possible in the classroom, I get the response of “there isn’t any to give beyond what you can offer.”</t>
  </si>
  <si>
    <t>I think the language is good for academics but it is ignorant of the audience of reporting.  I also really wanted to take away the goal setting unless someone is going to give me time to sit one on one with each child.  This is not something a grade 2 FrImm student can communicate on their own.</t>
  </si>
  <si>
    <t>My secondary teaching assignment is mostly term (10 week courses). In a typical year I have 14 to 16 different courses which I have to generate final reports. This policy might work for secondary teachers with a 7 course assignment. As an elective teacher it significantly impacts my workload.</t>
  </si>
  <si>
    <t xml:space="preserve">It would be easier to give a non-letter grade for Grade 8 and Grade 9 students in electives, especially since they're already aware that their grades aren't reflected on a final transcript and that they don't need to pass the elective course in order to move on to the next grade. </t>
  </si>
  <si>
    <t>Separating the grading process for Grade 8/9 and 10/11/12 at secondary make sense. However, effort must be made to eliminate combined 9/10 classes that would require two different grading systems.</t>
  </si>
  <si>
    <t>Might be a good option for electives at secondary level.</t>
  </si>
  <si>
    <t xml:space="preserve">Don't feel that most students have the skill or motivation to self-assess. </t>
  </si>
  <si>
    <t xml:space="preserve">I teach mostly term elective classes - 10 weeks isn't enough time to achieve more than really basic skills in the subject matter. In order for this to be truly effective, all electives would have to be semester (20 weeks) in duration. </t>
  </si>
  <si>
    <t>Difficult to do in term classes.</t>
  </si>
  <si>
    <t>As a teacher with mostly term courses I'm writing 2 to 3 times more final reports than most teachers in the school.</t>
  </si>
  <si>
    <t>I find face to face conversations with parents more useful than written reports. I would like the option to have  only 2 written reports, one learning update and the final summary of learning. I think 3 face to face learning updates, at least 2 which include the student would be more valuable.</t>
  </si>
  <si>
    <t>I would like to see “consolidating” instead of “proficient” as I feel it makes a clearer distinction when compared to “expanding” and also more clearly indicates what students are actually doing at this stage of learning acquisition.</t>
  </si>
  <si>
    <t>It’s true grades are currently needed for post-secondary admission but it would also be helpful to push these institutions to develop more holistic criteria when evaluating applicants.</t>
  </si>
  <si>
    <t>It encourages parents and admission officers at post secondary institutes to look beyond just the number, especially if comments are thoughtfully written and not just a cut and paste for the majority of students.</t>
  </si>
  <si>
    <t>It is important to hear the student voice. It would help to have a way to ensure this is done more authentically.</t>
  </si>
  <si>
    <t>It is good to involve students in their own learning. It would help to have a set format on what this should look like so it is a meaningful and authentic inclusion in the report card.</t>
  </si>
  <si>
    <t xml:space="preserve">The report needs to clearly acknowledge if a student is working towards learning outcomes that are on grade level. If the student has personal learning goals the format of the report card should clearly show that the student is being evaluation on these learning goals, not the curriculum standard. </t>
  </si>
  <si>
    <t xml:space="preserve">I prefer 3 face to face leaning updates and 2 written ones as opposed to the 3 written updates and 2 face to face meetings currently proposed. Interactive meetings with families, students and teachers provide more meaningful and nuanced communication than written reports. </t>
  </si>
  <si>
    <t>You cannot order teachers to volunteer their personal time.</t>
  </si>
  <si>
    <t>Teachers will act in the best interests of the students, NOT in gov't's interests. It is not in the best interests of 5-6 year olds to be constantly graded.</t>
  </si>
  <si>
    <t>Obviously you know nothing about primary students or child development or you wouldn't even ask 5 and 6 year olds to be constantly assessing themselves.</t>
  </si>
  <si>
    <t>see previous answer re your complete lack of knowledge on child development.</t>
  </si>
  <si>
    <t>Assessment is already done with this in mind. If you knew anything about what is already happening you wouldn't make such a stupid declaration.</t>
  </si>
  <si>
    <t>Hire new gov't officials who actually know about education.</t>
  </si>
  <si>
    <t xml:space="preserve">Reporting takes a lot of time. I have found it difficult to meaningfully keep up with 5 reporting periods. In theory I support the idea, but in practice I find it challenging with the time we are provided. I have had to take a point reduction simply to keep up with my work. We don’t have the time. </t>
  </si>
  <si>
    <t xml:space="preserve">I think this is a great idea, but again, it’s another organization layer added to a teacher’s job without any additional time to manage it. </t>
  </si>
  <si>
    <t xml:space="preserve">Time given to teachers to organize reporting </t>
  </si>
  <si>
    <t xml:space="preserve">Time. These changes, while good in theory, are not considering the teachers who must implement them. Reporting takes a lot of time do be done well. This is a bit cart before horse. </t>
  </si>
  <si>
    <t>There are too many reporting periods</t>
  </si>
  <si>
    <t xml:space="preserve">Four points does not seem sufficient to describe progress. </t>
  </si>
  <si>
    <t xml:space="preserve">It shows exactly where a student is - the only thing that makes it unfair is that some teachers are more generous markers or better at explaining some concepts to students, leaving some at a disadvantage </t>
  </si>
  <si>
    <t xml:space="preserve">Students should be aware of their responsibility in their learning </t>
  </si>
  <si>
    <t>I would need to hear more about this</t>
  </si>
  <si>
    <t xml:space="preserve">Less written reporting, more conversations </t>
  </si>
  <si>
    <t>Reports should be a back and forth conversation with parents and students about goal setting, areas of strength and ways to improve. Not a top down large report that some parents aren't interested in reading and teachers aren't given any extra resources to write</t>
  </si>
  <si>
    <t>This may not be necessary as grades and proficiency scales are closely tied, but I suppose in terms of assignments it may provide consistency for students.</t>
  </si>
  <si>
    <t>As students get older they don’t necessarily take this seriously and doing these all year may be too much. Twice a year (Start and finish) seems like plenty.</t>
  </si>
  <si>
    <t>Students ultimately need to take responsibility for their learning goals. Putting it on paper helps record their commitment and make students more accountable.</t>
  </si>
  <si>
    <t>The level of detail can be overwhelming and very time consuming for teachers.</t>
  </si>
  <si>
    <t>The level of detail can be overwhelming and time consuming for teachers often taking away from personal and professional time.</t>
  </si>
  <si>
    <t xml:space="preserve">This is already what we are doing in my district so it’s no change in terms of frequency, but it doesn’t address how the change effects online portfolios for communicating student learning. </t>
  </si>
  <si>
    <t xml:space="preserve">Some teachers might alternate between Socials and Science throughout the year because learning takes patience and time. This way students can have deep meaningful learning in different subjects. Reporting on areas 5 times a year is going to force a lot of rushed vs deep learning. </t>
  </si>
  <si>
    <t xml:space="preserve">I think this is good accountability, though many teachers I know already do this. </t>
  </si>
  <si>
    <t>Many teachers I know already do this.</t>
  </si>
  <si>
    <t xml:space="preserve">We already do this. </t>
  </si>
  <si>
    <t xml:space="preserve">The frequency of reporting on all subjects is not ideal for our learners to have deep, meaningful learning opportunities in elementary. High schools don’t report on all subjects throughout the year if they have terms with different subjects. Elementary students need the same flexibility. </t>
  </si>
  <si>
    <t xml:space="preserve">Teacher time would be spent on assessment, not guiding young minds through the learning process. With constant reporting five times a year, the focus automatically becomes the outcome which is contrary to inquiry based learning, or the idea behind the new curriculum. </t>
  </si>
  <si>
    <t xml:space="preserve">Descriptions need to be included to identify the work that should be found in each category. The BC Performance Standards work well for that purpose. Inquiry based learning and self-exploring outcomes cannot be assessed on a scale without them. </t>
  </si>
  <si>
    <t xml:space="preserve">There should not be inconsistent reporting from k-12. </t>
  </si>
  <si>
    <t xml:space="preserve">Leadership needs to make these decisions, not parents nor educators. The dog must wag the tail, not the tail wagging the dog. </t>
  </si>
  <si>
    <t xml:space="preserve">This exercise is useless. No one refers to or uses the mandatory self assessment we complete now. The topic is generated randomly and has no meaning as no one sets a goal, creates an action plan, and then self assesses. This is missing. </t>
  </si>
  <si>
    <t xml:space="preserve">This process happens now. Nothing is new here. </t>
  </si>
  <si>
    <t xml:space="preserve">This action is happening. Nothing new. </t>
  </si>
  <si>
    <t xml:space="preserve">When there is expected assessment, the focus becomes the output, or product, not the progress or path taken. Value what is important and the outcome is not important. No one remembers who won the Stanley Cup, but remember the plays getting to the end. </t>
  </si>
  <si>
    <t>I use digital portfolios, parents get regular feedback on their child's progress and I already spend a lot of my non-teaching (personal, at home) time ensuring that these portfolios are updated and communicating with parents. I feel that I don't need to generate more written reports as well.</t>
  </si>
  <si>
    <t xml:space="preserve">I already do this but still find the language confusing to parents, especially ELL ones
</t>
  </si>
  <si>
    <t>I realize universities need letter grades and percentages for entrance, however, this does not provide accurate feedback to the student or parent. There needs to be some personal feedback to show what areas the student understands and where students may need support.</t>
  </si>
  <si>
    <t>for those who can interpret the scale it may help provide clarity to some parents and students.</t>
  </si>
  <si>
    <t>Early primary students really don't understand the core competencies as many are still in the phase of pedagogical development where they are concrete thinkers. They find it difficult to generate individual reflections on the competencies and generally use the examples provided by the teacher</t>
  </si>
  <si>
    <t xml:space="preserve">This adds more to the teacher's workload and I feel that goal setting should be a personal choice, not forced upon students. Many will set goals to improve in things they know they are good at so they can "show growth" rather than work on weaknesses as intended. </t>
  </si>
  <si>
    <t>With a  diverse range of students in public school system, some students simply do not have the capacity to generate goals &amp; share reflections on core competencies &amp; if they are required in the report they will just be generated by the EA's and teachers anyway, adding to the heavy workload</t>
  </si>
  <si>
    <t>Reporting needs to be timely - especially when student progress is at risk of being IE</t>
  </si>
  <si>
    <t xml:space="preserve">A 4 point scale is clearer for parents to understand and easier for teachers to differentiate. </t>
  </si>
  <si>
    <t xml:space="preserve">Why should the public institution provide data for private school screening? Universities will develop their own (likely more wholistic) methods for selecting their entering crop of students if we drop this archaic ranking system. </t>
  </si>
  <si>
    <t xml:space="preserve">If used throughout a students career, this language will be fully understood by all stakeholders. </t>
  </si>
  <si>
    <t>I would like a monthly email sent out with a brief outline of what they will be focusing on that month so it can be followed up at home if wanted.</t>
  </si>
  <si>
    <t>It is helpful to know if my child needs extra help in curtain areas and where to put the focus</t>
  </si>
  <si>
    <t>Time!!</t>
  </si>
  <si>
    <t>As a parent, the reports are very 'wordy' , not personal and confusing to look at. I prefer a mark or grade system of A, B, C.  Giving everyone a "pass" does not serve the child or society by teaching them no one can ever fail.</t>
  </si>
  <si>
    <t>These words are ridiculous and are too nice, and really what do they mean? Either my child needs improvement or is excelling in the subject.  Kids have strengths in different areas, it's ok to be good at something but NOT good at something else. We need to teach our kids to identify their strengths.</t>
  </si>
  <si>
    <t>Yes, Letter Grades are a good way to indicate a level of performance. It has been a standardized language that the world has used for a long time and many understand.</t>
  </si>
  <si>
    <t>The Provincial Proficiency Scale is hard to interpret at best.  You can add it, but the letter Grade and the teacher comments are more important and more telling.</t>
  </si>
  <si>
    <t>Self assessment is a great thing to learn.  Self reflection is very beneficial too.</t>
  </si>
  <si>
    <t>Goal setting would have to be age appropriate. Some kids have great anxiety and overwhelm when thinking about future/goals.  Some teachers are equipped with skills to teach goal setting appropriately, some teachers do not know how to do this effectively.</t>
  </si>
  <si>
    <t>Diversity and inclusivity are extremely important , so yes, there are always exceptions and extenuating circumstances. The teacher comments on the report would reflect this.</t>
  </si>
  <si>
    <t>I want the system to go back to letter grades and get rid of the proficiency scale.  The proficiency scale has no meaning to me as a parent, there is too much room for interpretation.  It will not help the child thrive in society in the future.</t>
  </si>
  <si>
    <t xml:space="preserve">In our district we have recently gone to two formal written reports, one smaller written update and two other updates, usually meetings. My students have worked harder to continue learning because they have so much opportunity to show growth before the first report card. I want this to continue. </t>
  </si>
  <si>
    <t>The language is not common across districts. Or sometimes even programs within districts. The meaning is interpreted differently amongst teachers</t>
  </si>
  <si>
    <t>They need this for university</t>
  </si>
  <si>
    <t xml:space="preserve">Don’t teach it.  Sounds like unnecessary extra work </t>
  </si>
  <si>
    <t xml:space="preserve">The kids see it as a meaningless hoop jumping task. My kids who really need it are often exempted by admin due to behavioural blow outs </t>
  </si>
  <si>
    <t>This is currently missing and important</t>
  </si>
  <si>
    <t xml:space="preserve">It should be this way but it depends on who you are working with.  Understanding nor there. Not equally applied. </t>
  </si>
  <si>
    <t xml:space="preserve">Going back to 3 full written reports with be a move backwards. </t>
  </si>
  <si>
    <t>It takes a lot of instructional time, especially for early primary, to continuously do the 5 reports. Report cards alone takes 2-3 weeks working on it DAILY.. after school during family time and on weekends. We are already doing a lot.</t>
  </si>
  <si>
    <t xml:space="preserve">Better wording I find. Parents resonate better with this wording! </t>
  </si>
  <si>
    <t>We do this every single time we do report cards, as well as talk about it throughout the year so the students are always aware.</t>
  </si>
  <si>
    <t>This already takes up a lot of instructional time. We can barely teach teach curriculum as is. What's more important- goal setting or them knowing their letters and numbers?</t>
  </si>
  <si>
    <t>There is not enough time within the term to sufficiently teach 9 subject areas (French Immersion) and then to be required to report on them seems like subjects are barely covered.</t>
  </si>
  <si>
    <t>At the moment student proficiency is very subjective, based upon the teacher's perspective.</t>
  </si>
  <si>
    <t>I think we need to hold high standards to encourage students towards achieving these outcomes.</t>
  </si>
  <si>
    <t>It is a learning process to self-assess.  Many students lack the maturity to do so effectively.</t>
  </si>
  <si>
    <t>Goal setting is already in the Grade 5/6 Career Education.</t>
  </si>
  <si>
    <t>Teachers have too much on their work load to be caught up in TOO frequent reporting.  Where the case presents itself, teachers will generally increase communication about specific student progress with parent to encourage success.</t>
  </si>
  <si>
    <t>Teachers in BC are provided with ½ the prep time as other Canadian provinces but are expected to asses and plan to the same degree. Reporting is important but there is no time being provided to do it properly. Tired of loosing whole weekends to report cards</t>
  </si>
  <si>
    <t xml:space="preserve">While I agree the proficiency scale is better for education. I can see thus coming to a shock to some 10-12 when they hit letter grades. No opportunity to adjust to the system before there marks become important for university </t>
  </si>
  <si>
    <t xml:space="preserve">I think would like to see high school students 10-12 move to proficiency scale and universities to start making adjustments accordingly </t>
  </si>
  <si>
    <t xml:space="preserve">Why report on all three especially the letter grades if we have only been doing proficiencies?? Seems a bit much </t>
  </si>
  <si>
    <t>I don’t think this is really happening in a meaningful way in schools right now and feels a little like checking a box</t>
  </si>
  <si>
    <t xml:space="preserve">Again this is a lovely idea but BC teachers receive around ½ the prep time teachers in other provinces do who is going to type in these goals? I don’t have time to add this to my workload </t>
  </si>
  <si>
    <t>Teachers need more training and support for working with these diverse learners in more meaningful ways</t>
  </si>
  <si>
    <t xml:space="preserve">Having 1 prep period per year to teach 7 different classes and provide feedback 5 times isn’t enough. You can’t ask more of teachers without providing support </t>
  </si>
  <si>
    <t>Adding student</t>
  </si>
  <si>
    <t>This adds a enormous amount of work in the early primary grades, as they are not able to record their thinking with words, nor do they really grasp some of the concepts.</t>
  </si>
  <si>
    <t>Again, in the early primary grades, students cannot record their thinking. As well, reasonable goals that apply to learning are very difficult for most 5 year olds. I want to get better at the monkey bars invariably is a top goal.So it becomes about an adult steering them to the goal</t>
  </si>
  <si>
    <t xml:space="preserve">Goal setting in early primary seems very contrived. The adults end up throwing choices  at the kids as most of the 5 year olds have a tough time making reasonable school related goals. </t>
  </si>
  <si>
    <t xml:space="preserve">Teachers are already going above and beyond the new process should be more streamlined than before.  </t>
  </si>
  <si>
    <t xml:space="preserve">This language is great I prefer it over than it saying exceeding. </t>
  </si>
  <si>
    <t>2 times a year is perfect!</t>
  </si>
  <si>
    <t xml:space="preserve">For 4-12 great but in the primary grades this is quite difficult and requires 1-1 teacher support for each child and we already do this for core competencies etc.  </t>
  </si>
  <si>
    <t>It's too many reports -- written reports take a long time to create and there is very little parent engagement!</t>
  </si>
  <si>
    <t xml:space="preserve">Students are totally disengaged by the core competencies -- they hate reflecting on them and engaging with them. Very rarely do we get genuine examples of students engaging with and reflecting on their growth in these areas. </t>
  </si>
  <si>
    <t>This seems like a great idea in principal, but will likely add even more work to teachers' workload</t>
  </si>
  <si>
    <t>This sounds great in theory, but I would need to see real practical examples of how this would work</t>
  </si>
  <si>
    <t>They should all have letter grades k-12</t>
  </si>
  <si>
    <t>Letter grade and percentages k-12 is what I want as a parent</t>
  </si>
  <si>
    <t>All of it. We keep going away from kids getting marks and as a parent I want to know exactly where my child is at. What does meeting expectations mean if we have teachers with lower expectations for certain kids.  This is putting our weaker students at a big disadvantage academically as they move forward</t>
  </si>
  <si>
    <t xml:space="preserve">Give kids marks so we as parents know where they are at.  Not meeting expectations does not give a parent a good idea of where their kids are at academically.  Are they not meeting at a 49% or a 1%. Huge difference but still means the same thing.  </t>
  </si>
  <si>
    <t>Teachers do not need an increase in reporting opportunities. The quality of the reporting has shifted for the better I think.</t>
  </si>
  <si>
    <t>However, there will need to be lots of parent education on this piece and I'm not sure the schools are equipped to take this on. We are still trying to get inclusion happening and I see that as priority and more meaningful to the student over parent education around a Ministry document.</t>
  </si>
  <si>
    <t>How will we prepare the students for letter grades if they have not had them for 10 years?</t>
  </si>
  <si>
    <t>It is important for students to have a voice. The goal setting and self-report is helpful for student learning. Parents do not appear to review the self-assessment thus far though, so please consider making the official self-report process simple so that it does not take up anymore time for teachers</t>
  </si>
  <si>
    <t>Students are motivated by these goals even at a young age. It is an important skill for career development and life long learning.</t>
  </si>
  <si>
    <t>How are we ensuring inclusivity and response to individual needs? How clear is the policy? Currently my child with invisible disabilities has to fight each term for accommodations and she does not always receive them. Is the Ministry allowing teachers to report when adaptations were not provided?</t>
  </si>
  <si>
    <t xml:space="preserve">I feel the diversity and inclusion piece needs to be more specific to high school. It needs to ensure that marks cannot be provided until proof of adaptations is in place and the student has to agree that the adaptations have been provided. </t>
  </si>
  <si>
    <t>The real problem is how few parents pay attention to reports from school.</t>
  </si>
  <si>
    <t xml:space="preserve">Only a very few students have the metacognitive skills needed to do this accurately. </t>
  </si>
  <si>
    <t>I feel there isn’t enough reporting by teachers.  I am frequently following up with teachers as they wait too long in advising me there is an issue.  Student accountability is great but it only works if the student cares enough.</t>
  </si>
  <si>
    <t>Letter grades or a percentage provide greater clarity for me as a parent.  The four point scale is really useless.</t>
  </si>
  <si>
    <t>Letter grades or percentages provide clarity on my children’s academic achievements.</t>
  </si>
  <si>
    <t>Again, letter grades or percentages provide clarity.</t>
  </si>
  <si>
    <t>Student involvement is good, as it helps them understand where they are at in their learning in comparison to letter grades or percentages.</t>
  </si>
  <si>
    <t>Students need to set goals so they can achieve what they set out to do.  If they do then that’s great.  If they don’t then it serves as a lesson in where changes can be made in their goals or where they need to pay extra attention.</t>
  </si>
  <si>
    <t>Already stated above.</t>
  </si>
  <si>
    <t>I feel frustrated that the way we report on student learning keeps changing.  Just as parents get accustomed to how we are reporting it gets changed.  I don't want there to be any more changes for a while.  The way it is set up now is working very well.</t>
  </si>
  <si>
    <t>We often do student self assessment.  Making it a larger part of formal reporting will unnecessarily add to teacher work load.</t>
  </si>
  <si>
    <t>For some students this is really valuable and for others, I feel, it doesn't help them.</t>
  </si>
  <si>
    <t>I don't think there needs to be any changes to what we are doing currently.  Parents are well informed about how their children are doing.</t>
  </si>
  <si>
    <t xml:space="preserve">The effectiveness of feedback, like a report in learning, requires the student, and the guardian, to act on the feedback. If this is done as a result of the report has never been clear, so increasing or changing the style or format of the report will have no impact. </t>
  </si>
  <si>
    <t>When this type of assessment is used properly, students feel less stress around the difference between 1 or 2 percentage points.</t>
  </si>
  <si>
    <t xml:space="preserve">The reporting should use the same language as K-9, because it gives the false idea that grades 10-12 are somehow more important or serious. </t>
  </si>
  <si>
    <t xml:space="preserve">See the response to the previous question. </t>
  </si>
  <si>
    <t xml:space="preserve">Unless the students use the language of the core competencies regularly and are specifically taught how to self assess properly, this is not effective. Self assessing on the curricular competencies is more important. </t>
  </si>
  <si>
    <t xml:space="preserve">Students need to take control of their own learning. Otherwise, it has little meaning. </t>
  </si>
  <si>
    <t xml:space="preserve">I reserve my answer until I see exactly how this would be structured. An report that is similar to the one given currently to elementary students in high school would result in approximately 420 reports per year for the average teacher. Paid time to do these reports is necessary. </t>
  </si>
  <si>
    <t xml:space="preserve">See previous responses. In order for any changes to be effective, feedback must be acted on, and teachers need to be given fully paid release time to write thoughtful and effective reports. Time given now is ridiculously inadequate. Stop adding more work to teachers; provide time + training. </t>
  </si>
  <si>
    <t xml:space="preserve">It is not informative enough. </t>
  </si>
  <si>
    <t>It is needed for further schooling.</t>
  </si>
  <si>
    <t xml:space="preserve">In the primary grades, the core competencies is not accurate, as it is very scaffolded, and they do not fully understand it. </t>
  </si>
  <si>
    <t>Too difficult in the early primary classes.</t>
  </si>
  <si>
    <t>It’s important to allow a length of learning time between reporting periods. But it’s also important for teachers and students to reevaluate goals and to keep parents up to date on a regular basis</t>
  </si>
  <si>
    <t>Rubrics have a greater tendency to show ability at the end of learning as opposed to being averaged out with grades that demonstrate prior knowledge or lack of prior knowledge. However I think parents should receive these rubrics. Not just the snapshot Mark</t>
  </si>
  <si>
    <t xml:space="preserve">Although I would like to see it go all the way to grade 12 we need to be consistent with the rest of the world and we do not want our students moving on to higher education to be impacted from universities or schools that would require letter grades to base admissions </t>
  </si>
  <si>
    <t>When students transition from with 3° for and go from rubrics to let her grades they are often shocked and surprised when a family meeting can be a C+. It’s important that students understand and parents understand the correlation between these marks before students hit grade 10.</t>
  </si>
  <si>
    <t>Students who are aware of their learning can affect it</t>
  </si>
  <si>
    <t>Students require a lot of 1 to 1 support on creating a goal as this is not some thing day really truly understand. I definitely think it’s important I don’t know if I like that they are goal is tied to their reporting</t>
  </si>
  <si>
    <t>If this is the case children with diverse needs need to be allowed to be graded on different grade level rubrics. Which would also make things clear to parents. But we can’t simply say on a rubric that  they’re not meeting again and again and again because they are not grade level</t>
  </si>
  <si>
    <t>Proficiency skills should be included in grade 10 to 12 grading but they should not be a sole option letter grades should be mandatory in order to meet other countries other provinces Apple education guidelines</t>
  </si>
  <si>
    <t xml:space="preserve">kashmiri, hindi </t>
  </si>
  <si>
    <t>I think that the number of report cards that we have right now is fine, but I'm arguing quality over quantity. As a student, I dont want to be bombarded with like 5 report cards a year, I just want a better, more succinct one. or if you're doing 5, make them detailed.</t>
  </si>
  <si>
    <t xml:space="preserve">I've past K to 9, and considering those grades do not count for credits, I dont really think change is necessary for that system. I just want more done for juniors and seniors  </t>
  </si>
  <si>
    <t xml:space="preserve">From my POV, I actually care about getting into university, and I care about my percentages, but I think that letter grades&gt;percentages. If I got an A, it shouldn't matter if it was an 89 or a 94.  I'd just prefer letter grades.  </t>
  </si>
  <si>
    <t xml:space="preserve">I like that to be honest, it gives you an idea of where you need to be without letter grades which may be better and more effective for some people </t>
  </si>
  <si>
    <t xml:space="preserve">TBH from a student point of view, "self assessment" is a royal pain in the ass. I know very well how I'm doing as a student, where I'm struggling and where I'm doing well.  I don't need to waste time with this. If I need help I get help. Assessment is the teacher's job. </t>
  </si>
  <si>
    <t xml:space="preserve">Now this is something I can get behind. Setting goals is proven to help drive and motivate you, so why not? Learning this now could help us later, and it has been something I do at the beginning of each year since grade 5. It really has aided my academic success. </t>
  </si>
  <si>
    <t xml:space="preserve">This is awesome. Being on the autism spectrum, I have immense difficulty working with large groups of people. I freaking hate when my grades go down because "I can't work in a group". I may be high-functioning, but that doesn't mean my struggles aren't real. Same for others. </t>
  </si>
  <si>
    <t xml:space="preserve">I've been screwed over by the school system my whole life. I just want to get good grades and not have to feel like a failure because I can't communicate as clearly as other people can within their age group, or work with like 8 people at a time. Inclusion and diversity are the future. </t>
  </si>
  <si>
    <t>Japanese</t>
  </si>
  <si>
    <t>The absence of English provincial exams means that extreme pressure is being placed on senior level academic teachers to inflate grades or suffer the wrath of students/parents who want their child to go to UBC when in fact they are not an "all A" student. Grade inflation is real, and getting worse.</t>
  </si>
  <si>
    <t>Proficiency scales are generalized and therefore lack specific content. I end up explaining what each student is doing well and what they are struggling with in the individualized comments, and parents have remarked that this is far more useful information than a category on a proficiency scale.</t>
  </si>
  <si>
    <t xml:space="preserve">The time involved in creating the documents, recording student responses, and then including them in report card comments and interim reports is excessive and increases the already significant workload on teachers at assessment time. </t>
  </si>
  <si>
    <t xml:space="preserve">Greek </t>
  </si>
  <si>
    <t xml:space="preserve">Yes I think this is a good thing for teachers to put on students report cards to let the parents know where there kid is in his/hers learning. </t>
  </si>
  <si>
    <t xml:space="preserve">I had this in K-9 and i liked it.  It was easy for my parents to understand and for me to improve. </t>
  </si>
  <si>
    <t xml:space="preserve">I think these are amazing because letter grades are easy for the students to understand and for parents to understand.  If report cards get too complicated it's hard to read or fully understand. </t>
  </si>
  <si>
    <t xml:space="preserve">For higher grades i think this is okay.  It's good to improve on. </t>
  </si>
  <si>
    <t xml:space="preserve">I always never knew how to properly answer the questions they gave for core competencies.  For younger grades yes, older grades, no. </t>
  </si>
  <si>
    <t xml:space="preserve">I think goal setting is a really good thing.  During middle school i was very lukcy with my grade 8 teacher because he helped us remember our goals.  So again I think younger grades yes, older grades, no. </t>
  </si>
  <si>
    <t xml:space="preserve">I think everyone is equal so i like this. </t>
  </si>
  <si>
    <t xml:space="preserve">If it is the teachers writing the summarys about their students, then yes I like it.  But if it is the students no. </t>
  </si>
  <si>
    <t xml:space="preserve">Mostly all parents don’t even read the report cards to begin with. We spend up to 40 hours a term writing reports for parents to mostly not even glance at them. </t>
  </si>
  <si>
    <t>Persian</t>
  </si>
  <si>
    <t>Never needed feedback</t>
  </si>
  <si>
    <t>nice</t>
  </si>
  <si>
    <t xml:space="preserve">no
</t>
  </si>
  <si>
    <t>no</t>
  </si>
  <si>
    <t>not adequate for high school aged students - they need numerical qualifiers. If they are in high school, they should be treated like senior students. Elementary is done.</t>
  </si>
  <si>
    <t>Gives appropriate feedback.</t>
  </si>
  <si>
    <t>gr 9 need letter grades</t>
  </si>
  <si>
    <t xml:space="preserve">Feels like a lot. Almost too much. With all of this information coming home, parents and students are having trouble actually sifting through what's important and what's just being sent home because it has to be. </t>
  </si>
  <si>
    <t xml:space="preserve">This might be good for K-7, but 8 &amp; 9 need to be preparing for grades and percentages. It also is just more language that parents don't really understand. </t>
  </si>
  <si>
    <t xml:space="preserve">It has it's weaknesses, but as long as universities are doing the same thing, we need to be preparing students for it. </t>
  </si>
  <si>
    <t xml:space="preserve">The only scenario this might work would be for electives which are not looked at by universities. </t>
  </si>
  <si>
    <t xml:space="preserve">It's a good thought but if the teacher doesn't do it well then it's a waste of time. This should be optional. </t>
  </si>
  <si>
    <t xml:space="preserve">I think schools should be encouraged to do this based on their context and grade range. Making things a requirement takes away a level of it's ability to impact well. A student required to set goals vs a student choosing to set goals will have significantly different results. </t>
  </si>
  <si>
    <t xml:space="preserve">This needs to be unpacked more in order to respond. Inclusivity is great on paper and I am definitely on board with that vision. However, there are scenarios where students with disabilities would benefit from other options rather than sitting in a class where they cannot succeed. Case by case. </t>
  </si>
  <si>
    <t>More often does not mean better. The multiple reporting periods paired with the written requirements is a lot for parents to take in. It's pretty evident that by the time students get to high school, most parents do not read the reports. It could be better if it was simplified, and had less writting</t>
  </si>
  <si>
    <t>I like to be aware of my progress throughout the course.</t>
  </si>
  <si>
    <t>I prefer that method of grading to percentages.</t>
  </si>
  <si>
    <t>Id rather see Developing, Extending etc. rather than A or 87% for example.</t>
  </si>
  <si>
    <t>I no longer want letter grades and percentages.</t>
  </si>
  <si>
    <t>I dont mind doing Core Competencies</t>
  </si>
  <si>
    <t>Not a fan of goal setting</t>
  </si>
  <si>
    <t>I feel as though everyone should be included.</t>
  </si>
  <si>
    <t>I hate the way we are graded</t>
  </si>
  <si>
    <t xml:space="preserve">More reporting will take away valuable time dedicated to getting to know my students. The classroom will become purely about academic work and as teachers will no longer have time to focus on all aspects of the student's learning. </t>
  </si>
  <si>
    <t>I think the scale is excellent. However, it has not been widely used and it will take time for parents/guardians to become familiar with the new language. They all know what an A is, but what does extending mean?</t>
  </si>
  <si>
    <t>Students will see exactly where they lie within the specific grade boundary, e.g. are they an 87% or 95%. This will provide more accountability for the student, however it also opens up the argument for, "What is the difference between 82% and 84%?"</t>
  </si>
  <si>
    <t>Moving from the proficiency scale to grades/percentages may be difficult as it is a completely different way of reporting. So the student is proficient in grade 9 then all of a sudden they have a C or 60%? Where is the correlation?</t>
  </si>
  <si>
    <t xml:space="preserve">Self-assessment is an extremely valuable took for teachers and students. It allows them to become active learners and to take account for their own learning. </t>
  </si>
  <si>
    <t>An excellent idea, but this will require experts in the specific fields to be involved in the creation and administering of assessment. Will there be continuity across the district with this assessment?</t>
  </si>
  <si>
    <t xml:space="preserve">Time spent report writing is time taken away from family, which is something that many school districts constantly reinforce....take care of yourself and spend time with family. Teachers already give so much of their spare time helping others, coaching, offering support to students. </t>
  </si>
  <si>
    <t>This is more than enough reports. If I have further questions about my child's performance in the classroom between reporting periods I feel that it is MY responsibility to make contact with the teacher. School is the most important thing my child does each day.</t>
  </si>
  <si>
    <t>This proposed proficiency scale is misleading. If you break this all down to 0-25, 26-50, 51-75, 76-100 ranges of development there are big differences within each section. Emerging skills would basically be failing level, but the title makes it sound positive like things are starting to catch on.</t>
  </si>
  <si>
    <t>I like the % reporting model. It gives me an accurate overall view of performance. Not hey they're good at this section, but poor in the other portions of the subject. Would you go to one tattoo artist for line work, one for colour, one for shading...etc? I think not.</t>
  </si>
  <si>
    <t>Honestly, I just want to see the letter grade. If I have questions about what that means then I'll call my child's teacher. By high school I probably wouldn't understand what the proficiency scale descriptions would be referring to anyways.</t>
  </si>
  <si>
    <t>Why do we keep trying to instill adult reflective practices on school aged kids? I mean the level of depth of introspective thought for meaningful self-assessment requires a level of maturity and experience beyond highschool. Wasting time with it really.</t>
  </si>
  <si>
    <t>Is my child's "level of ownership" of their learning on a daily basis really going to impact their learning. Let's get on with the show here and put in the work to improve each week on their skills. Introspective expressions of career interests in K-9... precious!</t>
  </si>
  <si>
    <t>I think that if we are talking about inclusiveness of all learners we really need to make sure the pendulum swings both ways on that one. From what I see, when people talk about this they always forget the higher end students, who then aren't challenged when the bar gets lowered.</t>
  </si>
  <si>
    <t>Please see reasons already provided in the previous sections.</t>
  </si>
  <si>
    <t xml:space="preserve">At the moment, we are not given much more than one hour to complete these written reports for as many as 120 secondary students.  If asked to provide more detail, with more specifics of the proficiency scales for specific learning goals, we must be given much more time to complete these reports. </t>
  </si>
  <si>
    <t xml:space="preserve"> We are not given enough time to do this. </t>
  </si>
  <si>
    <t xml:space="preserve">Teachers are not given enough time to do this. </t>
  </si>
  <si>
    <t xml:space="preserve">Self- assessment is already used here at interim time.   If a student completes their own self-assessment and is responsible themselves for communicating that to their parents, fine.  Teachers should not be expected to reproduce that self-assessment.  This would be so incredible time-consuming.  
</t>
  </si>
  <si>
    <t>Teachers should not be expected to reproduce any of students' self-assessment in reporting.</t>
  </si>
  <si>
    <t xml:space="preserve">No even sure what this would look like.  Again, teachers would need to be given much more time to complete these time-consuming administrative tasks. </t>
  </si>
  <si>
    <t>I teach grade 8-12, and am more interested in the students being aware of their learning than their parents. So I support 5 (or even more actually) reporting "periods" in the year, but not necessarily 5 that must get reported home.</t>
  </si>
  <si>
    <t xml:space="preserve">So much better than letter grades, but there needs to be more education for the parents to understand the system. </t>
  </si>
  <si>
    <t>I use proficiency scales for everything we do in our classes, so when it comes to report cards for grade 10-12, I find we just have to "make up" a number to put on the report card since I don't have numerical marks on which to base a percentage.</t>
  </si>
  <si>
    <t>It is a step in the right direction.</t>
  </si>
  <si>
    <t>It is important for students to be responsible for their learning, and regular self assessment is one way to help achieve this.</t>
  </si>
  <si>
    <t>It is important for students to be responsible for their learning, and regular goal setting is one way to help achieve this.</t>
  </si>
  <si>
    <t>Aren't we already doing this?</t>
  </si>
  <si>
    <t>A numerical grade for something like Math 11 makes sense, but it doesn't make as much sense in a music class or woodworking class. You can't reduce someone's creativity or physical skill to a number. One can't play the flute at a 7/10 - that means nothing - but you can get 7/10 on a math quiz.</t>
  </si>
  <si>
    <t>I have a serious issue with the amount of time written summary of learning will take away from teaching. It will have to be done during my regular teaching day as it seems no additional time OS provided for teacher to do this huge amount of extra work.</t>
  </si>
  <si>
    <t>In visual arts, we use a more appropriate scale. Incomplete, novice, experienced and master</t>
  </si>
  <si>
    <t>Students have to get used to move away from the scale, we have to prepare them for post sec and the real world….how long do you want us to baby them for?</t>
  </si>
  <si>
    <t xml:space="preserve">We are already all working with curricular competencies, adding another layer of reporting is excessive and students would have to do this for every class which is repetitive and again takes away from valuable teaching/ learning time.  </t>
  </si>
  <si>
    <t>Again, taking away from teaching time. Can we instead teach them how to do taxes, pay bills, apply for utilities…real life skills which they lack right now</t>
  </si>
  <si>
    <t>We already do that</t>
  </si>
  <si>
    <t>Where does the time for this come from, are will still teaching subject matter or only how to reflect on what they could have learned had there been time? Ridiculous, however came up with this needs to spend a year teaching in actual classrooms</t>
  </si>
  <si>
    <t>In my experience and estimation, formal reporting tends to be the least valuable form of feedback students acquire throughout their learning. Reporting takes a significant amount of teacher time and attention away from teaching and learning,.</t>
  </si>
  <si>
    <t xml:space="preserve">4 point scales have been reworked ad nauseam. Everyone knows Extending translates to an  A, or roughly 90%. Euphemisms often lose the advantage of direct feedback. </t>
  </si>
  <si>
    <t xml:space="preserve">percentages should be used to value-rank students. How else are post-secondary institutions meant to differentiate competitive advantage for admissions acceptance? Two A students are not necessarily the same. </t>
  </si>
  <si>
    <t xml:space="preserve">This makes sense for continuity of learning. The AP scoring guide in the Cambridge Curriculum does this for Key Stage 3 students. As long as the province is consistent, it should work. But once you have different reporting from different schools, the overall effect is lost. </t>
  </si>
  <si>
    <t>In my experience, students do not have an accurate sense of their skill level, or what their skill level should be. This seems to be true particularly in BC, where the expectations seem to be lower standards than other provinces and curriculums I have offered programmes.</t>
  </si>
  <si>
    <t xml:space="preserve">Students already do this with Core Competency reflection in Grade 8 and 9, as well as Grad Transition Capstone presentations in Grade 12. Seems redundant to include in formal reporting. </t>
  </si>
  <si>
    <t xml:space="preserve">Isn't this common sense? I'm just glad the reporting policy doesn't say anything about equity. Equal outcomes are not a reasonable educational goal. </t>
  </si>
  <si>
    <t xml:space="preserve">Less formal reporting will amount to more time spent preparing for lessons, and capacity to give formative feedback throughout the semester or linear year. </t>
  </si>
  <si>
    <t>idk</t>
  </si>
  <si>
    <t>i like this better than grades</t>
  </si>
  <si>
    <t>i like the other one better</t>
  </si>
  <si>
    <t>i like this</t>
  </si>
  <si>
    <t>i don’t like goal setting</t>
  </si>
  <si>
    <t xml:space="preserve">everyone should be treated the same </t>
  </si>
  <si>
    <t xml:space="preserve">both </t>
  </si>
  <si>
    <t>I think parent-teacher conferences are useful and like the three term report cards that my district has. Many parents and families do not see report cards. We can tell who has opened them on line and a significant number of them have not logged in or opened a report or come to a conference in years.</t>
  </si>
  <si>
    <t>I understand the movement away from grades. However, a proficiency scale is really not different in the way it is perceived, just worded differently.</t>
  </si>
  <si>
    <t>Several families never open, look at, or discuss student self-evaluations. This is unfortunate, because the information is good. I think they would be more likely to look at them if student self-assessments were in the same document as the formal reports from teachers.</t>
  </si>
  <si>
    <t>This is a lovely idea, in theory. However, with limited resources, getting each student to engage meaningfully in individualized inquiry is difficult. Lower-income schools with less PAC funding for technology will suffer most. This becomes an equity issue re: what students have at home.</t>
  </si>
  <si>
    <t>This is needed. However, we need funding and training. The same principals who were hired by districts that centred whiteness, ableism, and heteronormativity are not able to effectively deliver this kind of training on their own. Our district says they prioritize anti-racism but has put no $ into it</t>
  </si>
  <si>
    <t>These are all good ideas. But we are underfunded and it makes doing them properly very difficult.</t>
  </si>
  <si>
    <t xml:space="preserve">The growing trend in educational reporting, particularly in writing, is for everything to be written in a positive, strength-based format. It is REALLY important for kids and parents to understand what grade level outcomes actually look like, &amp; whether kids are meeting them. </t>
  </si>
  <si>
    <t xml:space="preserve">These terms are not being used in a standardized way. For some teachers, "emerging" is a pass, for others it is not. There needs to be some level of consistency and criteria that comes from the Ministry of Education in terms of this. Don't ask individuals to make this up, or it has no meaning. </t>
  </si>
  <si>
    <t>Parents &amp; students still understand grades &amp; % more than performance scales. The silly part in this is that there is no consistency between grades (from 9-10 for example). Performance standards should be provided with grade/percent equivalents, again, for the purpose of consistency across BC.</t>
  </si>
  <si>
    <t xml:space="preserve">Parents &amp; students still understand grades &amp; % more than performance scales. The silly part in this is that there is no consistency between grades (from 9-10 for example). Performance standards should be provided with grade/percent equivalents, again, for the purpose of consistency across BC. </t>
  </si>
  <si>
    <t>I see the value in this, but don't think this is done very well in that teachers haven't actually been trained on this, &amp; either have students. This makes the self-assessments quite meaningless in many cases, &amp;just a hoop jump. To get  struggling learner/reader/writer to do this is really hard.</t>
  </si>
  <si>
    <t xml:space="preserve">I like the goals setting aspect, but it is definitely not being applied in all classrooms. Core competency language is outside of students' zone of proximal development in many cases, especially for struggling learners. </t>
  </si>
  <si>
    <t xml:space="preserve">Written assessments cannot truly reflect all the unique aspects of a student, without a great deal of time. To do this many times in a year without time &amp; training provided, adds more work to an already exhaustive list of tasks for a teacher. Must move from only strength-based comments only. </t>
  </si>
  <si>
    <t xml:space="preserve">Most don't take it seriously, and there is no true work towards goals because there is not course/time for this. To say, "just fit it into your curriculum" somewhere is a cop-out. Ministry needs to have actual, realistic plans to make these things happen, not just a demand that we figure it out. </t>
  </si>
  <si>
    <t xml:space="preserve">Provides enough feedback to stay on top of progress and make necessary changes </t>
  </si>
  <si>
    <t xml:space="preserve">It’s too much grey area
Doesn’t give the parent or student an exact representation of their success or failures or reflect their efforts
Doesn’t prepare the student for higher education or Post secondary marking expectations </t>
  </si>
  <si>
    <t xml:space="preserve">Letter grade and percentages Should be started at grade 8 at the latest 
</t>
  </si>
  <si>
    <t>Letter grades and percentages are so much more accurate and give the full picture of how a student is doing
And how your efforts are reflected in your marks</t>
  </si>
  <si>
    <t xml:space="preserve">Letter grades and percentages should be a requirement for high school grade 8 and up </t>
  </si>
  <si>
    <t>Teachers receive little or not feedback on the lengthy comments we write about our students. It's difficult for us to determine if our work on these reports has any impact on getting parents more involved when students are struggling.</t>
  </si>
  <si>
    <t>Students, especially after the significant interruption to their learning, need to take a more active role in their learning.</t>
  </si>
  <si>
    <t>greater parental and student accountability</t>
  </si>
  <si>
    <t xml:space="preserve">Too many for all subject areas -- there are some like Language Arts. Math, and Social Responsibility that need the more frequent check ins, but PE, Science, Socials etc do not need 5 over the year --  in Elementary, Sept and Oct are times to build routines and relationships -- not assess all areas. </t>
  </si>
  <si>
    <t>Again, in Elementary - the first reporting period is extremely difficult to get data and evidence in all curricular areas -- additionally grade 4s &amp; 7s have FSAs in that time period eating away even more time.  First reporting should only be Language Arts, Math, Social Resp. in K-7</t>
  </si>
  <si>
    <t xml:space="preserve">I use a learning management system to report monthly but am still required to create “report cards,” which are much less useful. </t>
  </si>
  <si>
    <t xml:space="preserve">That is all parents and students need to know. To say that someone getting 89 is doing better than someone getting 85 is absurd. </t>
  </si>
  <si>
    <t xml:space="preserve">I think that post-secondary institutions would get on board w a proficiency scale if that is what was mandated by MoE. </t>
  </si>
  <si>
    <t xml:space="preserve">It should be used instead of, not in addition to. </t>
  </si>
  <si>
    <t xml:space="preserve">I don’t think that this has been implemented well. </t>
  </si>
  <si>
    <t xml:space="preserve">Students will take ownership over their learning if it is based on their own goals. They need to be taught how to do this successfully though. </t>
  </si>
  <si>
    <t xml:space="preserve">Because no one should be excluded. I’d like to see more emphasis on relative progress for individuals. </t>
  </si>
  <si>
    <t xml:space="preserve">If teachers report in such as way that is not a report card which is linked to MyEd, it should count as a report. </t>
  </si>
  <si>
    <t>Parents do not understand this scale despite countless attempts to educate them . Parents understand the basic meeting and not meeting expectations or needs improvement/ satisfactory . They are not educators, they do not need our fancy language.</t>
  </si>
  <si>
    <t xml:space="preserve">Do not teach high-school </t>
  </si>
  <si>
    <t>Do not teach highschool</t>
  </si>
  <si>
    <t xml:space="preserve">It is beneficial to have students set goals and then reflect on where they think they are. </t>
  </si>
  <si>
    <t xml:space="preserve">This has been positive for students in my classroom . </t>
  </si>
  <si>
    <t>It has been my experience that current inclusion practices are not properly supported therefore proper assessment is not possible due to lack of student and teacher support .</t>
  </si>
  <si>
    <t>The language needs to be simplified for parents and students to better understand especially considering our extremely high number of ELL families</t>
  </si>
  <si>
    <t>Parents are confused. If parents are confused by our reporting language it is pointless.</t>
  </si>
  <si>
    <t>More time spent with student and less pressure of reporting for teachers!</t>
  </si>
  <si>
    <t>You can’t possibly group all kids into one style of “assessment”</t>
  </si>
  <si>
    <t>If required for post secondary</t>
  </si>
  <si>
    <t>Not necessary</t>
  </si>
  <si>
    <t>Communication with “speaking” to the teacher is more valuable</t>
  </si>
  <si>
    <t>As a parent, I find the extending and meeting categories meaningless and difficult to understand.  Comments are usually generic and do not help me to understand my child's struggles. 
As a teacher, if is extremely difficult and time consuming to come up with rubrics that fit these narrow catergories</t>
  </si>
  <si>
    <t>I don't feel letter grades are sufficient for university applications at these grade levels</t>
  </si>
  <si>
    <t>Far too time consuming with up to 120 students in the semester system or 210 in the linear system</t>
  </si>
  <si>
    <t>I am satisfied with this if there is assistance from LST to help in the modification of assessments. 
I am NOT satisfied with this if there is no assistance from LST</t>
  </si>
  <si>
    <t>Proficiency scale for early elementary K-5
Letter grades for 6-9
Percentages for 10-12</t>
  </si>
  <si>
    <t>The number of reporting events are not an issue.</t>
  </si>
  <si>
    <t>I have already started to use the 4 point scale with brief descriptive feedback in my reporting events.</t>
  </si>
  <si>
    <t>I already use percentages and letter grades in my reporting events.</t>
  </si>
  <si>
    <t>As stated in previous two boxes, I already use a combination of these assessment tools.</t>
  </si>
  <si>
    <t>Who inputs the student self assessment? Is it the student in their MyEDBC account? How much instructional time is taken to complete these self assessments? What about students living with diverse needs, who may not be able to self assess? How is that inclusive?</t>
  </si>
  <si>
    <t>How much instructional time will be needed to give students time to develop and work on these? Students living with diverse needs, how is this inclusive if they are non verbal, low motor skills etc. Who inputs all this information into the reporting events? Will teachers be given extra paid time?</t>
  </si>
  <si>
    <t>Has anyone thought about how much time this will take a High School teacher who may have between 100 - 120 students to complete these reports? How much paid time is the ministry willing to give teachers to create these reports? This will add a tremendous amount of extra work to our current workloads</t>
  </si>
  <si>
    <t>I wanted to choose more than one, this was one of my choices. The ministry needs to understand how much unpaid time teachers work to complete reports for their students. The new proposed policy is adding to an already enormous workload, many hours unpaid. Half a day is not adequate.</t>
  </si>
  <si>
    <t>Reporting is becoming too laborious, too entrenched in educational jargon that parents do not understand. MORE reporting doesn't take the place of easier, more direct, restructured reporting that makes sense to parents and tells the truth about a child.</t>
  </si>
  <si>
    <t xml:space="preserve">What do those mean exactly? Parents have no idea. Is an 'emerging' student failing? Most likely. Be direct. </t>
  </si>
  <si>
    <t>These are descriptors that parents understand and that have a place in the real world. If a child gets a "D" then the parents understand, if they get an "A", parents understand.</t>
  </si>
  <si>
    <t>And are teachers going to be given time and training in this area? Are teachers going to be given more NIT time to be able to develop this? is the Ministry going to provide handouts that teachers can use. If teachers are adding this to their to planning then more NIT time is needed.</t>
  </si>
  <si>
    <t>great idea in theory. But when? How do we get all the curriculum in and deal with IEP's when we are not staffed and now we want to goal set all the time which requires check ins and feedback. Again, where is the support for all of this??</t>
  </si>
  <si>
    <t>Great in theory. How will this be supported? With over 200 students, how are teachers supposed to be aware of all their needs? WHERE IS THE SUPPORT????</t>
  </si>
  <si>
    <t>Reporting in a way that holds no meaning for students or parents will not be improved by increasing the frequency. Listen to the parents and teachers. Use a numbered scale that clearly defines a child's performance.</t>
  </si>
  <si>
    <t>With the amount of extra work these new reporting guidelines seem to involve, they should perhaps be less.</t>
  </si>
  <si>
    <t>I'm okay with this happening for up to grade 9, as it is not part of the graduation program.</t>
  </si>
  <si>
    <t>I understand post-secondary institutions want percentages to determine who they want to offer admission to, but it really begs the question of what the difference is between 72% and 73%. If teachers are using rubrics, it can be awkward to translate that to a percentage.</t>
  </si>
  <si>
    <t>Will this make more work for teachers, having to report in multiple ways?</t>
  </si>
  <si>
    <t xml:space="preserve">Who is responsible for reporting this? Does this mean more work for teachers having to input this information, or will it fall to administration and CUPE staff? </t>
  </si>
  <si>
    <t>Again, this seems like a lot more work for the teachers having to prepare the report cards. Teachers are already over-worked, without adding more to their lists.</t>
  </si>
  <si>
    <t>I am concerned about who will be responsible for adding all of the additional pieces of reporting: student self-assessments, goal setting, etc., but they system would only let me choose one.</t>
  </si>
  <si>
    <t xml:space="preserve">Because we have live living online gradebooks that are constantly updating progress for parents and students. Also time can be better used by teachers to build relationships and develop truly engaging lessons rather than spending hours producing report cards. </t>
  </si>
  <si>
    <t xml:space="preserve">It is very hard to give a clear and visual demonstration of where the students are. The proficiencies are too vague and vary too mush from teacher to teacher. Up to grade 7 might be ok but beyond that is not practical. </t>
  </si>
  <si>
    <t xml:space="preserve">The letter grades and percentages are more clear and easier to understand. allows students to quickly and clearly know where they stand. The proficiencies are too vague. </t>
  </si>
  <si>
    <t>Because the students don't understand it and it doesn't prepare them for the real world. Our stakeholders are unclear on how they work.</t>
  </si>
  <si>
    <t>Good skill for students to know.</t>
  </si>
  <si>
    <t>The idea is good, however there needs to be support and funding and resources for teachers for this to work. And that does not mean more middle management it means EA and ILS teachers.</t>
  </si>
  <si>
    <t>The change to proficiency in 10-12 would be a bad thing. It will make university much more difficult to access.</t>
  </si>
  <si>
    <t>Reporting takes hours of time to do above and beyond the normal workload.  We are not paid for it, not given time to do it.  We also talk to parents all the time and so there are always updated.  We spend so much of our days with behaviour and low incident kids, Assessment time is non-existent.</t>
  </si>
  <si>
    <t xml:space="preserve">Grade 4 and up needs to be letter grades.  It is much clearer to parents as to where their child is at and to all of a sudden put grades on in G11 and G12 is not fair to parents or students  to prepare them for the real world.  
</t>
  </si>
  <si>
    <t>Should be Grade 4 and up - not just 11 and 12</t>
  </si>
  <si>
    <t>Too much to add for primary students.</t>
  </si>
  <si>
    <t>Not age appropriate for K-3</t>
  </si>
  <si>
    <t xml:space="preserve">Every single student is different and we do meet their needs as best as we can.  How could any teacher have a different style of assessment for every student.  Not possible. </t>
  </si>
  <si>
    <t>If you give teachers a couple days per term to write reports but with the make up of our classes - we are barely making it as it is and now you area adding more ot our load - already teachers are talking about quitting and retiring early.  The public has no idea of the violence we encounter daily, e</t>
  </si>
  <si>
    <t>Currently, we fulfill four official reports of learning: one at the end of each semester and one interim per semester. One written Summary of Learning at the end of the school year would be challenging to complete once students have completed a course, graduated, or moved to another school.</t>
  </si>
  <si>
    <t>I already incorporate this scale in my current teaching practice.</t>
  </si>
  <si>
    <t>I already incorporate percentages, as well as the provincial proficiency scale, in my teaching practice.</t>
  </si>
  <si>
    <t>I already incorporate the provincial proficiency scale in my teaching practice.</t>
  </si>
  <si>
    <t xml:space="preserve">I already incorporate opportunities for self-assessment on core competencies in each course that I teach. </t>
  </si>
  <si>
    <t>The intent behind student goal setting is positive, but challenging to put into practice due to lack of resources (i.e. time, staffing). I'm already addressing core competencies within the curriculum as well as providing opportunities for students to self-reflect on their learning.</t>
  </si>
  <si>
    <t>I agree with this policy and I believe that this is currently being done.</t>
  </si>
  <si>
    <t>Student goal setting and self-assessment should be one.</t>
  </si>
  <si>
    <t>parents don't read summative reports</t>
  </si>
  <si>
    <t>currently language now does not tell parents where there kids are at
return to not yet meeting, meeting, fully meeting , exceeding</t>
  </si>
  <si>
    <t>letter grades are important for motivation</t>
  </si>
  <si>
    <t>This is extremely time consuming. Students in primary grades do not understand the core competencies. Teachers spend many hours having students fill out  goal setting.It is a waste of time. Parents don't even read this,.</t>
  </si>
  <si>
    <t xml:space="preserve">K-9 not useful at all. </t>
  </si>
  <si>
    <t>I like the frequency. I don't find the current written reports very useful.</t>
  </si>
  <si>
    <t>Scale seems fine</t>
  </si>
  <si>
    <t>More flexibility in how teachers report</t>
  </si>
  <si>
    <t>2 of the reports must be written reports, and one is a written summary. what are the other 2 reports? meeting with parents? Isn't it already the case?
I am not sure I understand the need for this.
I would prefer the teacher spending more time in class to teach a better, more varied curriculum.</t>
  </si>
  <si>
    <t>it will mean that for younger students, the teacher will need to prepare evaluation tests/exercice 4 times a year? Again it would take a lot of time away from teaching.
I come from France and we had recurring exercises that would give the opportunity for our teachers to know our progress.</t>
  </si>
  <si>
    <t xml:space="preserve">Not sure it will add a lot of value. will it add work to the teachers? students are already really stressed during the reporting period. </t>
  </si>
  <si>
    <t>It is good as it will encourage student thinking a bit further in their path. who will help them navigate this?</t>
  </si>
  <si>
    <t>Wasn't it the case before?</t>
  </si>
  <si>
    <t>younger students are not going to benefit from more reporting. Teachers should already have the tools to see if a student is progressing during a term.</t>
  </si>
  <si>
    <t xml:space="preserve">Full-time teachers of academic courses on a semester system carry a load of 96-120 students.  It is not possible to teach and assess students in a meaningful way AND provide 2 written assessments, 2 other types of assessments, and 1 final written assessment during such a compressed time period. </t>
  </si>
  <si>
    <t>Many grade 8 students and almost all grade 9 students are taught in a high school setting.  It does not make sense to include them in this age range.  It is more appropriate and applicable to group students as K-7 and 8-12.</t>
  </si>
  <si>
    <t>Requirements for post-secondary entrance have to change before high schools can stop issuing letter grades/percentages.  By high school, almost all students and parents prefer the concrete feedback provided by these forms of assessment.</t>
  </si>
  <si>
    <t xml:space="preserve">These are very vague and subjective terms that are reasonably appropriate at the elementary level but are completely inappropriate at the high school level.  How does a math 12 teacher assess a student on non-math related skills while covering complex material on a very tight timeline?  </t>
  </si>
  <si>
    <t>On the surface, this might be useful for encouraging greater student engagement.  I fear, however, that it will become but 1 more task loaded onto already burdened educators.</t>
  </si>
  <si>
    <t>This would be doable at the elementary level where these 4 reports are spread throughout the year.  It will be a nightmare to fit all this into a semester course.</t>
  </si>
  <si>
    <t>You need to drastically lower class sizes to make this workable in a semester system.</t>
  </si>
  <si>
    <t>A teacher with 96-120 students on a semester system will not have time to do 2 written reports, 2 other reports, and 1 final written report.  Teachers are already working flat-out as it is.  Currently we do 2 formal reports and as many informal parent consultations as needed.  This works.</t>
  </si>
  <si>
    <t>more communication is better, and I think that the first one being within 25% of the course is very important</t>
  </si>
  <si>
    <t>I think that grades tend to be calculated via a spreadsheet - not indicative of learning as a gradual process. The scale and more descriptive feedback is much more reflective of student achievement</t>
  </si>
  <si>
    <t>Would prefer to see letter grades entirely phased out, or as an option, with a proficiency scale being required. Letter grades and especially percentages really only exist as a way for universities to sort students, which is not really our role as educators</t>
  </si>
  <si>
    <t>would prefer it was mandatory, and that letter grades/percentages were the option</t>
  </si>
  <si>
    <t>would like a bit more clarity on what would constitute self-assessment. Generally, I love the idea of more student self-reflection</t>
  </si>
  <si>
    <t>letter grades and percentages should be optional, not required</t>
  </si>
  <si>
    <t xml:space="preserve">The informal interim reports are very personalized and build supports for families.  </t>
  </si>
  <si>
    <t>allows for progression of learning</t>
  </si>
  <si>
    <t>At this time universities will and do require standard grading</t>
  </si>
  <si>
    <t>This goes beyond the percentages that often were never explained to students or parents.  Letter grades rarely leave room for improvement when the year is averaged out.  Can you imagine an Olympic sprinter being told the average of his/her races will determine his/her placement?</t>
  </si>
  <si>
    <t xml:space="preserve">Goal setting with support and accountability equals engagement.  If this becomes a one-off check box then it has missed its intention. </t>
  </si>
  <si>
    <t>Today's employment requires ongoing learning and seeking of opportunities.  Our school system should support building capacity in this skill.</t>
  </si>
  <si>
    <t>Goal setting, reflective practice = Engagement and growth</t>
  </si>
  <si>
    <t>examplars on ministry website</t>
  </si>
  <si>
    <t>I use FreshGrade and report progress often and on all subject matters. This should be considered as “written” reporting. FG users send home a paper copy report at the end of the year. Reporting on paper 5 times a year and using FG all year is a lot and not sustainable. Will fg count as “written”?</t>
  </si>
  <si>
    <t>Proficiency scale is working</t>
  </si>
  <si>
    <t>Grades should be introduced earlier</t>
  </si>
  <si>
    <t>It’s a lot of work to get students to truly understand this especially primary but we do it</t>
  </si>
  <si>
    <t>Already do</t>
  </si>
  <si>
    <t>We try our best</t>
  </si>
  <si>
    <t xml:space="preserve">Fg users frequently are reporting progress on all subject matters.
</t>
  </si>
  <si>
    <t xml:space="preserve">If teachers have an online gradebook, then teachers can constantly be seeing updates and the need for producing so many reports becomes unnecessary. </t>
  </si>
  <si>
    <t>Most high schools are grade 9-12.  So the way reporting is done should be consistent throughout the building; the grade 9s should be reported the same way as 10-12.  Maybe grade 9 could be reported either way depending on how the district breaks down middle and high school grades.</t>
  </si>
  <si>
    <t>Percentages allow for there to be a difference between two "A" students or two "proficent" students.  This differentiation is needed when post secondary institutions accept students into their programs.</t>
  </si>
  <si>
    <t xml:space="preserve">For the senior grades it should be only percentages (&amp; maybe letter grades if the percentages they are attached to are defined by the ministry of education.  Using the "proficiency scale too is not precise enough when teachers are required to submit a percent at the end. </t>
  </si>
  <si>
    <t>Many students do not take this seriously.</t>
  </si>
  <si>
    <t>Although student goal setting can be very valuable, most parents are more interested in how the teacher assesses their student on these formal reports.</t>
  </si>
  <si>
    <t>Students need to learn how to write a test/exam.  Future trades people and most first year courses in university will require the students to write multiple tests/exams.  Exceptions may need to be made for students with disabilities.</t>
  </si>
  <si>
    <t>Too many grading scales.  Just use percentages for grade 9-12; high school.</t>
  </si>
  <si>
    <t>This is too many. As a parent I don't need this many; for the teacher's it takes up too much time.</t>
  </si>
  <si>
    <t xml:space="preserve">This system makes sense / works. </t>
  </si>
  <si>
    <t>This system makes sense.</t>
  </si>
  <si>
    <t>Seems unnecessary.</t>
  </si>
  <si>
    <t>If this was on a maximum 'twice per year' schedule this would make sense; more than that is unnecessary</t>
  </si>
  <si>
    <t>I defer to the parents/educators that know this better than myself</t>
  </si>
  <si>
    <t>Five times is TOO MANY.  As a parent I don't need it that often, and for the teachers this takes time away from actually helping my child learn</t>
  </si>
  <si>
    <t>Changes to reporting in the middle of a pandemic, especially after all teachers have been through is incredibly short-sited. We are trying to get through the day without getting sick. We want consistency after this pandemic is over. I don't want to worry about my increasing workload. Too much work!</t>
  </si>
  <si>
    <t>At least there are no letter grades</t>
  </si>
  <si>
    <t>Antiquated</t>
  </si>
  <si>
    <t>When am I supposed to do actual teaching? Not enough time in the day. Come on.</t>
  </si>
  <si>
    <t>No time to do this work.e</t>
  </si>
  <si>
    <t>Taking away my autonomy. I know what is best for students. Let me tell parents and students how to do this.</t>
  </si>
  <si>
    <t>This is more of a burden put on to teachers</t>
  </si>
  <si>
    <t>I teach up to 210 students a year in secindary school. Written reports for 210 students is not doable with out time given for assessment.</t>
  </si>
  <si>
    <t>This is not an accurate or precise assessment practice. Way too wide a range for each category. Students are not happy with the proficiency scale either. They want to know percentages and letter grades.</t>
  </si>
  <si>
    <t>It gives the students a realistic and precise gauge of where they are at with their learning.</t>
  </si>
  <si>
    <t>The proficiency scale is not precise. Too wide a range. It does not give enough feedback.</t>
  </si>
  <si>
    <t>Too diverse to report on.</t>
  </si>
  <si>
    <t>Letter grades and percentages for all students 8-12</t>
  </si>
  <si>
    <t xml:space="preserve">It is specific and gives students a gauge. </t>
  </si>
  <si>
    <t>The Written Reports are too complex and time consuming already. Adding three additional Learning Updates is overwhelming. The Learning Updates are too complex. If they were simple updates, fine, but they're not. They are almost as time consuming and complex as the written reports.</t>
  </si>
  <si>
    <t>The proficiency scale is letter grades in disguise. Pick one, letter grades or scale, and just stick with it. Parents and students are confused. Especially when the kids get to grade 11 and suddenly letter grades are used. Why not just use them all the way through?</t>
  </si>
  <si>
    <t xml:space="preserve">It made sense when I went to school twenty years ago and it still makes sense. Why change something that has worked well for over a hundred years? Change for the sake of change. Kids and parents know Extending equals A and so on. Just use letter grades. </t>
  </si>
  <si>
    <t xml:space="preserve">Don't need it. Letter grades are the proficiency scale. </t>
  </si>
  <si>
    <t>I have a Masters in Education, have taught for 14 years, am a parent - the Core Competencies are a waste of time and meaningless. Simple, easily understood learning objectives, that's what teachers and parents want. The curriculum is already complicated enough.</t>
  </si>
  <si>
    <t xml:space="preserve">Have the people that came up with this idea ever been in a classroom? Students self-directing their learning by setting goals and reflecting on those goals? University students can barely do that. </t>
  </si>
  <si>
    <t xml:space="preserve">Teachers are already doing this. We bend over backwards to making learning personal and meaningful. We could do an even better job if the Ministry would stop piling on more and more paper work for us to do and simply let us teach. </t>
  </si>
  <si>
    <t xml:space="preserve">When I was in grade 5 I got a one page report card with letter grades and three sentences from my teacher. My parents were able to easily figure out how I was doing. Now teachers are asked to send home a small thesis for each child twice per year and three small essays. It's too much.  </t>
  </si>
  <si>
    <t xml:space="preserve">Reporting is already tough enough. In high school I don’t have one class I have four - I cannot provide a written summary for each of my 120 students. I am already barely sustaining myself. People are leaving teaching left and right and things like this will push even more people out.  </t>
  </si>
  <si>
    <t xml:space="preserve">Grade 8 and 9 students don’t need a grade number </t>
  </si>
  <si>
    <t>If we are providing a grade why do I have to do more work and provide a proficiency scale as well. Come into the classrooms and see the state of teachers. As long as student learning is moving forward who cares!!!!</t>
  </si>
  <si>
    <t>Not everything has to be mandated -students can reflect on their own it doesn’t need to show up on their report cards as well</t>
  </si>
  <si>
    <t>Things like this can’t be just thrown into the mix - it takes TIME - students needs to learn the skills to do this and self-reflect</t>
  </si>
  <si>
    <t>5 reporting in all subjects. No. You will panic parents if reporting in first 25 percent of year in grade 1 without giving time for kids to develop.</t>
  </si>
  <si>
    <t>Letter grades should be from grade 6 and up.</t>
  </si>
  <si>
    <t>Not for lower primary</t>
  </si>
  <si>
    <t>Not for primary.</t>
  </si>
  <si>
    <t>Those learners have an IEP. So no need.</t>
  </si>
  <si>
    <t>Letter grades should start earlier</t>
  </si>
  <si>
    <t xml:space="preserve">Currently we are provided 2 written reports and reporting in other means 3 times per year in the VSB. This change would significantly add to our already outrageous workload. </t>
  </si>
  <si>
    <t xml:space="preserve">It's fine. More education is required for parents to understand this language and the proficiency scale, however. </t>
  </si>
  <si>
    <t>It is very hard to teach the Core Competencies with meaning and reflection in a grade 1 class in the first term. I like the end of the year self reflection of the Core Competencies. It is too hard to be teaching routines, reading, writing, number sense, and the Core Competencies at the beginning</t>
  </si>
  <si>
    <t xml:space="preserve">I think given our current educational setting and context, it is unreasonable to add more to teacher workload and to the frequency and method of reporting. I think asking more of us without better pay or working conditions in a pandemic is absolutely unreasonable. </t>
  </si>
  <si>
    <t>Our workloads are already crazy enough... with marking, planning, professional development, parent meetings, IEP meetings, etc. Adding extra formal reports, when we are already in constant contact with parents, is just busy work that will make us less able to do the parts of our job that matter most</t>
  </si>
  <si>
    <t xml:space="preserve">I agree using the proficiency scale is a good way of reporting student achievement. </t>
  </si>
  <si>
    <t>I do not teach these grades.</t>
  </si>
  <si>
    <t xml:space="preserve">I think it is good to give students a voice when reporting. </t>
  </si>
  <si>
    <t xml:space="preserve">Students should be setting goals for their education. </t>
  </si>
  <si>
    <t xml:space="preserve">I agree with this statement, but we need support with this. Some of my students need full-time support and don't get it due to reduced EA hours. With 27+ students in a class, it is sometimes impossible to support all of their individual needs myself. </t>
  </si>
  <si>
    <t xml:space="preserve">It is tooooo much! </t>
  </si>
  <si>
    <t xml:space="preserve"> Secondary teachers have between 90- 120 or, on a linear system, up to 210 students, or more at a time.  Adding additional reporting events creates unmanageable workload on teachers.</t>
  </si>
  <si>
    <t xml:space="preserve">Parents do not understand this system.  Students in grades 8 or 9 are often already at secondary which means teachers have to use 2 different reporting systems.  </t>
  </si>
  <si>
    <t>We need to insist that universities start to recognize the changing landscape of reporting.  If not, there is no point to going to a different system.</t>
  </si>
  <si>
    <t>Creates additional workload for secondary teachers that is not feasible.</t>
  </si>
  <si>
    <t xml:space="preserve">If the ministry insists on self assessment on core competencies then that should be done outside of instructional time by students.  Teachers do not have enough time to develop curricular competencies as it is, particularly with increasing individual exceptionalities that we must deal with.  </t>
  </si>
  <si>
    <t>Again, as long as this is done by students outside of instructional time I am ok with it.  If it is added to teacher workload then it is unfair and takes away time needed for curricular competencies and content in the classroom.</t>
  </si>
  <si>
    <t>Special education is underfunded, as are schools.  They do not have the capacity or resources to do this in a manner that adequately meets all learner needs so to insist that teachers do this, sets them up for failure.  Money, resources and training is required for this to happen, not lip service.</t>
  </si>
  <si>
    <t>Having us choose one is ridiculous.  I would choose all as needing adjustment.</t>
  </si>
  <si>
    <t>You do not give enough space for a person to provide adequate reasoning for choices.  Bottom line- Teachers are already overworked.  The system is not funded properly.  Special education is not funded properly.  Until this is changed all you are doing is pretending to do what is right for students.</t>
  </si>
  <si>
    <t>No need to change anything.</t>
  </si>
  <si>
    <t>Kids need grade 6 and up</t>
  </si>
  <si>
    <t>No need for the scales just letter grades.</t>
  </si>
  <si>
    <t>No need for that.</t>
  </si>
  <si>
    <t>No need for it.</t>
  </si>
  <si>
    <t>Letter grades in grade 6 and up</t>
  </si>
  <si>
    <t>Having to use MyEd for report cards.  It's EXTREMELY time consuming and not user friendly.  It also doesn't allow us to see a full snapshot of the child.</t>
  </si>
  <si>
    <t>I think that less reporting events per year are sufficient.</t>
  </si>
  <si>
    <t>I do not believe that younger children can realistically self - assess their growth.</t>
  </si>
  <si>
    <t>same as above</t>
  </si>
  <si>
    <t>reporting twice a year would be sufficient</t>
  </si>
  <si>
    <t>Quality not quantity is important.</t>
  </si>
  <si>
    <t>I don’t think high school teachers will be able to objectively comment on a student’s achievement on this kind of scale.</t>
  </si>
  <si>
    <t>Important for post secondary career paths.</t>
  </si>
  <si>
    <t>This will make teachers and students accountable.</t>
  </si>
  <si>
    <t>I think it’s important but I think it has to be authentic.</t>
  </si>
  <si>
    <t>This has to be broken down into specific examples so that it’s useful.</t>
  </si>
  <si>
    <t>Important but should be practiced in everyday life not only in schools.</t>
  </si>
  <si>
    <t>I think letter grades should continue in grade 8 and 9. Not percentages, but letter grades.</t>
  </si>
  <si>
    <t xml:space="preserve">I am not quite sure about the benefits of the summary of learning and if parents would actually read it. </t>
  </si>
  <si>
    <t xml:space="preserve">I believe the proficiency scale will be good for k-5. However, 6-9 should have the letter grades to ensure the students are ready and not be surprised when letter grades comes in for later grades and university. </t>
  </si>
  <si>
    <t>This is good for the students to know what universe would be like and real life too</t>
  </si>
  <si>
    <t>Teachers are providing regular formative feedback throughout the year to students. These changes put even more onus on the teacher to provide formal reporting. This will become the focus of reporting, rather than meaningful, formative feedback to students.</t>
  </si>
  <si>
    <t>This scale makes sense and puts an emphasis on learning rather than on marks and grades.</t>
  </si>
  <si>
    <t>The usage of percentage marks in secondary schools makes sense as it gives students an introduction to how much more emphasis is put on grades in post-secondary. However, teachers can still use the proficiency scale for formative assessments.</t>
  </si>
  <si>
    <t>If this is adopted, many assessments will just be converted from percentage to letter grade to proficiency scale and this will ultimately change nothing. Teachers will just flip between the marks that are desired, but not change their assessment practice, which is a more important issue to discuss.</t>
  </si>
  <si>
    <t xml:space="preserve">I think we should continually have students reflect on the learning and on the core competencies. </t>
  </si>
  <si>
    <t>Goal setting for students is great, but there should be a streamlined means to communicate this information to parents through reporting, if this is a desire from the Ministry. Teachers do not need to spend time putting in information that can be easily communicated from a ministry standard.</t>
  </si>
  <si>
    <t>Teachers already communicate with students daily through feedback, having more formal reports does not make for better communication of a student's learning. Focusing on communicating formative feedback is more important than formal summative reports.</t>
  </si>
  <si>
    <t xml:space="preserve">Already providing two written EXTENSIVE reports January and June as requested to be consistent with new curriculum, and 3 informal (elementary). Now you suggest 3? TOO MUCH ASKED OF TEACHERS. And why can't we write as much as we want in this box? Why the word limit? UNACCEPTABLE. </t>
  </si>
  <si>
    <t>Providing extensive reports in January and June in elementary are ENOUGH! We meet with parents and communicate with them during goal setting, student led conferences, digital portfolios, calls, meetings. HOW MUCH COMMUNICATING CAN ONE PERSON DO FOR 30 STUDENTS???</t>
  </si>
  <si>
    <t>IF they are required for post-secondary, then why implement performance scales in the first place? You have asked upper intermediate teachers to provide letter grades beyond the performance scale at the end of the year, letter grades that do not even correspond to the performance scale. This reporti</t>
  </si>
  <si>
    <t xml:space="preserve">Why all three? YOU ARE ASKING TOO MUCH OF TEACHERS! What matters to you the most? Percentage? Letter Grades? Performance Scale? CHOOSE ONE! Performance scales to not correspond to letter grades in elementary. This reporting is flawed. </t>
  </si>
  <si>
    <t>Goal setting THROUGHOUT the year? You set a goal and give yourself some time to assess your progress. How many goals will you set throughout the year? Continuous goal setting? When will you give time for growth and measure of progress??? Ridiculous</t>
  </si>
  <si>
    <t xml:space="preserve">Teachers already consider individual needs when assessing and evaluating. What do you mean by this statement (that is full of ambiguity). Are you proposing that teachers write IEPs??? Or that teachers are not currently being inclusive of diversity when it comes to assessment??? </t>
  </si>
  <si>
    <t>All of them. This is terrible.</t>
  </si>
  <si>
    <t xml:space="preserve">Your (yet again) new proposed changes are only going to create more stress on the students and more work on the teachers who are already burned out. In all honesty, you are killing the profession. You can't milk blood from a stone. The more you ask of teachers, the less the quality will be. </t>
  </si>
  <si>
    <t>Sounds like all we will be doing is collecting data and adding to the workload of the teacher.  Check lists would provide the same information.  
Student reports become cut and paste.  Reports should be short &amp; succinct.</t>
  </si>
  <si>
    <t xml:space="preserve">Student proficiency is fine.  However, reporting on each subject with evidence pertaining to each proficiency seems redundant
</t>
  </si>
  <si>
    <t>Self-assessment should be ongoing, but does not have to be pencil &amp; paper all the time.  Sounds like you want to spend hours of self-reflection &amp; documentations for each.  Once again, when is there time to teach?</t>
  </si>
  <si>
    <t>Goal setting is important, but students have a hard time grasping the concept in relation to their own work.  Lots of front loading necessary.  Students too young to even worry about what their career looks like.</t>
  </si>
  <si>
    <t>Students are diverse, but teachers are not equipped with materials necessary to provide individualized learning.  Already done with IEPs and ELL reports.  Modification done as needed.</t>
  </si>
  <si>
    <t xml:space="preserve">We are already facing many hours of personal time to complete the reports we are doing.  Check lists would help.  Time needed to provide the teacher with in-school work on reporting.  Sounds like it will be very robotic instead of having personal associations with parents and their children. </t>
  </si>
  <si>
    <t>I believe that student progress is not determined by the reports teachers must type up. I am confused to where the demand for 5 reports is stemming from, and instead students and families should be encouraged to have meaningful conversation rather than consult a list at the end of the year.</t>
  </si>
  <si>
    <t>As an educator, I have never once looked a student's past letter grades to assess how to help them learn in the current year. The scale simply encourages families and kids to fixate on what they are "good" or "bad" at rather than the growth mindset that research shows is the way to encourage success</t>
  </si>
  <si>
    <t>I am happy that student's own voice is considered in their report. However, it is my observation that families are more concerned and distracted with the "four point scale value" assigned. A student's core competencies should actually be held at the forefront for their wellbeing and future.</t>
  </si>
  <si>
    <t>When students decide to write their own goals, it improves their ambition and interest in accomplishing what they are passionate about. Teacher-appointed lists of tasks do not foster motivation for growth, intrinsic motivation and relationships do.</t>
  </si>
  <si>
    <t>Students with special needs should definitely be given feedback that reflects where they are at. How can we use the same 4-point scale for students on a modified program? Would these students receive "Emerging" all across the board even though they have shown growth because we are confined to it?</t>
  </si>
  <si>
    <t>There is already a shortage of teachers due to the added administrative work, marking and constant reporting. Teachers never complain about nurturing and supporting children - it is the added assessment and the resulting pushback and anxiety from families that make this profession unsustainable.</t>
  </si>
  <si>
    <t>This provides feedback about every two months. More frequent reporting would cut into time for teaching and learning and would be less likely to yield additional benefit.</t>
  </si>
  <si>
    <t>Reporting progress relative expectations is useful, but it is not clear what those expectations are and who defines them. Are they determined by the teacher? The ministry? How do teachers know whether their understanding of the expectations is similar to other teachers reporting on the same grade?</t>
  </si>
  <si>
    <t>While letter grade and percentages are easily understood outside of the ministry (e.g. universities), they are highly subjective. Percentages are only meaningful if the whole (100%) is defined, and students/families which parts were achieved and which were not.</t>
  </si>
  <si>
    <t>Descriptive feedback is more meaningful and applicable than letter grades and percentages.</t>
  </si>
  <si>
    <t>Students should be involved in assessment and reporting; however, it's important to support this process so that their self-assessment is accurate and meaningful.</t>
  </si>
  <si>
    <t>Students should be involved in goal-setting; however, it's important to support this process so that their self-assessment is accurate and meaningful.</t>
  </si>
  <si>
    <t>Parents have access to teachers via email, through MyEd parents have access to grades as we post them, admin requesting frequent phone calls and emails home concerning student achievement as well as the three report cards sent home throughout the year. Increasing paperwork won't help.</t>
  </si>
  <si>
    <t>While the rubric works as intended, it does not resolve the main issues we see in the classroom.</t>
  </si>
  <si>
    <t xml:space="preserve">We are asking students questions beyond their emotional maturity level </t>
  </si>
  <si>
    <t>This sounds great but you can't ask kids to taek control of their learning when they don't care about their school or education as abstract concepts.</t>
  </si>
  <si>
    <t xml:space="preserve">This is an excuse to cut budgets, we have no training to work with these high needs students and often the classroom environment is not in their best interest particularly at the high school level. </t>
  </si>
  <si>
    <t xml:space="preserve">Proficiency level grading is the way to go for all grades in my opinion (although it will take time for post-secondary schools to accept them, so I understand %s are required for senior grades for now). </t>
  </si>
  <si>
    <t xml:space="preserve">Letter grades are irrelevant and too subjective. We should be used proficiency levels or percents, not letter grades. </t>
  </si>
  <si>
    <t>I do not think every subject needs to be reported on for every report card. I would like to leave the reporting the same. I find it easier especially when I am teaching multiple grades as I like to rotate science and social studies.</t>
  </si>
  <si>
    <t xml:space="preserve">I think the kids I  Gr. 4 and up need grades with a percent and a number attached. </t>
  </si>
  <si>
    <t>I like letter grades and percent for grades 4-12</t>
  </si>
  <si>
    <t xml:space="preserve">I think student self assessment is important. However, I don't think it would be useful in every subject all the time. This will increase teachers work load. I think having self assessment for the core subjects would be more meaningful and easier to manage. </t>
  </si>
  <si>
    <t xml:space="preserve">I think one or two goals max would be something that could be added to the report card. The management and workload on teachers needs to be manageable. </t>
  </si>
  <si>
    <t xml:space="preserve">The reports are inadequate as I feel that the reports aren't clear enough on how our children are doing.  "Meeting Expectations" for example can mean a wide range of things and there's too wide of a gap in the interpretation of this.  I'd prefer succinct benchmarks   </t>
  </si>
  <si>
    <t xml:space="preserve">This has been a huge are of frustration for me as a parent as the current grading system of "Emerging, Developing, Proficient, and Extending" is woefully inadequate in knowing how our child is progressing.  </t>
  </si>
  <si>
    <t>Why would we only introduce the Letter grades &amp; percentages as a requirement for Grades 10-12 only?  This should be a requirement for Grades 1 and up</t>
  </si>
  <si>
    <t>How can a student know what the goals are when they don't know what their potential is in an academic setting?  The goal setting should be guided by the teachers who have more knowledge of the student's capabilities and where they should be in relation to their peers</t>
  </si>
  <si>
    <t xml:space="preserve">Although inclusion is good, it does not lend well to a classroom environment especially if there are disruptive students that have learning disabilities.  Students that have learning disabilities should have dedicated time so that they can progress at their own speed </t>
  </si>
  <si>
    <t xml:space="preserve">My children are generally well behaved and perform Above average so personally I am fine with this reporting structure. It I had a child with behavioural or learning challenges I would be requesting more frequent reporting. </t>
  </si>
  <si>
    <t xml:space="preserve">My children find it difficult to learn in a classroom where there are major behavioural issues with other students. The constant interruptions make learning very difficult especially on a multi grade setting. </t>
  </si>
  <si>
    <t xml:space="preserve">You state that there are  2 written learning reports as well as a written summary in June. Now we have one written report in January and another in June. We have chosen  3 in person meetings with the parents so that is equivalent to the 5 reportings. I do not agree with an extra written report. </t>
  </si>
  <si>
    <t>For grade 1 (where I teach) I agree but I think by high school letter grades need to be introduced. Having them only in the upper grades does not help students to adjust to that kind of reporting.</t>
  </si>
  <si>
    <t>Yes this is needed but I think grade 8 and 9 should have them too.</t>
  </si>
  <si>
    <t>I do not think it is needed. Not sure how it would help.  We barely get any comments in high school on the report.  Not sure the proficiency scale would be better than better comments.</t>
  </si>
  <si>
    <t xml:space="preserve">At grade 1 they do not understand self evaluation and it is not accurate. Later grades (as a parent) I have found that teachers use my childs comments on the reporting but I would like to hear from the teacher what they think. </t>
  </si>
  <si>
    <t xml:space="preserve">Again, lower grades, it would be time consuming and not useful. </t>
  </si>
  <si>
    <t>Not sure in practice this would mean but am not against the concept.  I think we do this already as teachers.</t>
  </si>
  <si>
    <t>I think what we have at the moment works well for the grade level.  2 print reports and 3 in person meetings. More meaningful for lower grades.  More written reports do not help.</t>
  </si>
  <si>
    <t>3 written reports is adequate, along with two opportunities for parent interviews.</t>
  </si>
  <si>
    <t>Universities require letter grades and percentages, and I feel students should get used to that system (especially letter grades).  I believe it's a better indication of where students are.  It gives them more motivation to work hard to move up the letter grade.</t>
  </si>
  <si>
    <t xml:space="preserve">They are needed for post secondary education.  </t>
  </si>
  <si>
    <t>Why do both?  Keep it simple.  Stick with what is expected at university.</t>
  </si>
  <si>
    <t>I believe in students setting goal and self assessment, but I don't believe it's a teacher's job to include this in writing report cards.</t>
  </si>
  <si>
    <t xml:space="preserve">How will this be communicated??  Writing report cards is an arduous task for teachers, and I don't agree with putting more on a teacher's plate.  </t>
  </si>
  <si>
    <t>We've always done this.  Of course all learners need to be included in the assessment process, no matter what their needs are.  If they have an IEP, reports are written specifically to their goals.</t>
  </si>
  <si>
    <t>I don't like the language.  I prefer the letter grades.  It's simple, clear, and motivating to many students.</t>
  </si>
  <si>
    <t>There is too much time reteaching and assessing students progress and not enough time to actually engage in meaningful learning opportunities</t>
  </si>
  <si>
    <t>Some student samples and rubrics about what learning would look like across the curriculum would be a huge help.</t>
  </si>
  <si>
    <t xml:space="preserve">Student in grades 4-9 will lose motivation to excel in their studies.
Students in these grades don't understand this grading system
They are in for a shock when they get to grade 9. 
</t>
  </si>
  <si>
    <t>I don't teach these grades</t>
  </si>
  <si>
    <t>Some actually resources from the ministry that support these goals would be helpful.</t>
  </si>
  <si>
    <t>It would be nice to have some ministry resources instead of using teachers pay teachers</t>
  </si>
  <si>
    <t>More in-class support for students with needs would help make their learning more meaningful</t>
  </si>
  <si>
    <t>support for students with diverse learning needs</t>
  </si>
  <si>
    <t>I have no problem with the new reporting policy but providing more support for students and some appropriate grade level resources for teachers would make reporting easier and more meaningful.</t>
  </si>
  <si>
    <t>I would need more information about what it would look like and how it would be delivered. Currently, I'm not sure if it matches up with what we already have in the secondary system for grades 8 and 9.</t>
  </si>
  <si>
    <t xml:space="preserve">You do not provide enough space for me to indicate, in a proficient way, why the proficiency scale in grade 9 is a detriment to students and how that is going to fail them for going into a grade 10-12 marking system. </t>
  </si>
  <si>
    <t xml:space="preserve">percentages are a good thing for grades 10-12 and a letter grade should remain for grade 9, if the government would like students to be successful. </t>
  </si>
  <si>
    <t xml:space="preserve">This would be doing a disservice to those wanting to enter universities, as universities require a percentage grade to accept/decline students. It would also disadvantage those applying for scholarships both inside and outside of the province. </t>
  </si>
  <si>
    <t xml:space="preserve">If you think teachers are not already doing this, then you obviously do not have a grasp on the education system and all the supports teachers already have in place. </t>
  </si>
  <si>
    <t>See previous comment</t>
  </si>
  <si>
    <t xml:space="preserve">This question is assuming that teachers do not do this already, which is very pedantic of the government. </t>
  </si>
  <si>
    <t>All.</t>
  </si>
  <si>
    <t xml:space="preserve"> I cannot tell you how insulted I am by these questions and the structure that is being put forward. If the government would consult with teachers before actually releasing a platform, it would be evident that the proposes are insinuating that teachers are not already doing some of the aspects.</t>
  </si>
  <si>
    <t>This should be optional. Some kids are capable of self reflection and some are not.</t>
  </si>
  <si>
    <t xml:space="preserve">Do not have a different set of standards for different groups. This is the soft bigotry of lowered expectations. Shameful. </t>
  </si>
  <si>
    <t>written reports</t>
  </si>
  <si>
    <t>How do you expect teachers to find the time to include lengthy written reports of their students (upwards of 100 at secondary) on top of everything else. Districts are slashing assessment days. I will not give up time with my kids to add this to my schedule. This will not be popular if you force it.</t>
  </si>
  <si>
    <t>La seule raison que je voudrais avoir un rapport de la part de l'enseignant serait si mon enfant a des troubles d'apprentissage dans une matière. Si mon enfant va bien à l'école et qu'il progresse "normalement", je ne ressens pas le besoin de recevoir un rapport pour me confirmer que tout va bien.</t>
  </si>
  <si>
    <t>Oubliez les niveaux de compétence rendus là puisque c'est une transition aux notes alphabétiques et aux pourcentages que plusieurs recevront au collège et à l'université. Peut-être qu'il devrait y avoir une année (10e) où ils reçoivent toutes les notes (%, alpha et niveaux de comp.) comme transition</t>
  </si>
  <si>
    <t xml:space="preserve">Je crois que les autoévaluations des élèves au primaire sont presqu'inutiles vues leur capacité limitée d'introspection. Je pense qu'il faut pratiquer les enfants à faire de l'autoévaluation mais est-ce vraiment nécessaire que les rapports tiennent compte de ces autoévaluations? </t>
  </si>
  <si>
    <t>À quel âge on commencerait ceci? Je ne crois pas que ce serait très utile pour les enfants de maternelle à la 3e année.</t>
  </si>
  <si>
    <t>Je serais aussi satisfaite avec 3 ou 4 rapports par année, à la place de 5.</t>
  </si>
  <si>
    <t xml:space="preserve">Older students (grade 4 and above) should have letter grades. It is easier for parents to understand where their child is. </t>
  </si>
  <si>
    <t xml:space="preserve">This is something I am not interested in and would not log in to see. I would prefer my child spent time on other learning. </t>
  </si>
  <si>
    <t>elementary school families find the proficiency scales confusing.</t>
  </si>
  <si>
    <t>I just don't want to feel compelled to do two kinds of assessments as report card time.</t>
  </si>
  <si>
    <t xml:space="preserve">Children have enough expectations to meet on their plate, adding another is way too much. </t>
  </si>
  <si>
    <t xml:space="preserve">Unclear, not enough prep time to satisfy </t>
  </si>
  <si>
    <t xml:space="preserve">Simple </t>
  </si>
  <si>
    <t>Don't teach that grade</t>
  </si>
  <si>
    <t>Simple</t>
  </si>
  <si>
    <t>Students don't benefit,</t>
  </si>
  <si>
    <t>Too hard for students to identify and evaluate self</t>
  </si>
  <si>
    <t xml:space="preserve">Added workload on teacher when it is already too much. </t>
  </si>
  <si>
    <t xml:space="preserve">With email and platforms like google classroom, formal evaluation periods do not need to be 5 times per year. </t>
  </si>
  <si>
    <t xml:space="preserve">The developing is far too large of a portion of the scale.  Students who are developing could be at so many different stages on the scale that it does not accurately represent where students are at. </t>
  </si>
  <si>
    <t xml:space="preserve">This is not a useful tool for assessment. </t>
  </si>
  <si>
    <t xml:space="preserve">Students are asked to make goals for themselves but most do not have the knowledge or ability to do so. Intrinsic motivation is severely lacking for students anymore. </t>
  </si>
  <si>
    <t xml:space="preserve">There needs to be more clear guidelines on how teachers report for students with diverse needs.  Do they report based on curriculum or do they report solely on IEP goals.  This is also not clear for parents. </t>
  </si>
  <si>
    <t xml:space="preserve">The amount of time it takes to produce formal reports is extensive and with report cards put onto myed a very high percentage of parents do not even read them. </t>
  </si>
  <si>
    <t>I am currently following a pilot project in our district that sees us do a formal written report in January and June as well as 3 informal reports throughout the year.  I feel this model has worked so well the past couple of years as compared to the old system outlined above.</t>
  </si>
  <si>
    <t>In Kindergarten, this proficiency scale is very effective in communicating student progress and performance.</t>
  </si>
  <si>
    <t>I do not teach this level.  Will leave the opinion to the experts.</t>
  </si>
  <si>
    <t>I feel teachers should have autonomy for how/when this is most effectively reported to parents.</t>
  </si>
  <si>
    <t>This is very difficult and time consuming endeavor for Kindergarten teachers who would need to scribe for students. Becomes less authentic when prescribed this way.</t>
  </si>
  <si>
    <t>I agree that ass assessment and evaluation should be accessible.  However, we have many district and provincially mandated assessments that are not.  Are we doing away with the FSAs?</t>
  </si>
  <si>
    <t>Would like to see the new reporting in line with the Pilot we have been following.</t>
  </si>
  <si>
    <t>In a semestered school, this would mean 10 reports for an average of 90 to 120 students per semester. Teachers will spend all their time reporting and not teaching.</t>
  </si>
  <si>
    <t>Many parents still ask for percentages and letter grades.</t>
  </si>
  <si>
    <t>Parents often email asking for specific marks--especially for students considering post-secondary.</t>
  </si>
  <si>
    <t>The amount of time involved to meet these report requirements, for many students. These students will still only pay attention to the mark at the end.</t>
  </si>
  <si>
    <t>Core competencies have not had any noticeable effect on overall student performance.</t>
  </si>
  <si>
    <t>Those students who are naturally self-aware will continue to do well, while those who struggle academically and emotionally will only be forced to realize that they don't have immediate goals. Being asked to articulate goals will only raise stress levels.</t>
  </si>
  <si>
    <t xml:space="preserve">Can all students participate in English Studies 12, for example? Not according to the curricular competencies. </t>
  </si>
  <si>
    <t>Should be allowed to choose all that apply--not just one</t>
  </si>
  <si>
    <t>The new reporting policy does not address the practical needs of students.</t>
  </si>
  <si>
    <t>anglais et français</t>
  </si>
  <si>
    <t>Les classes pour les élèves ayant des besoins particuliers devraient exister dans les écoles. Les ressources humaines pour aider ses élèves devraient être spécialiser dans ce domaine et travailler auprès d'un petit groupe. Soyons réaliste, l'intégration est impossible sans ressource humaine.</t>
  </si>
  <si>
    <t>Students learn to write goals, but for them to take on a personal inquiry would require a lot of work. We already have to cover so much and it seems there isn't time for everything that is expected. Especially since the pandemic, our students are struggling emotionally and need support</t>
  </si>
  <si>
    <t>Teachers are busy and reporting out 5 times is more than enough. Parents don't want more things to read. Adding more to our already full plates is uncalled for and not necessary</t>
  </si>
  <si>
    <t>Keep it at a 5 point scale. Why are things continuously being changed over and over?!</t>
  </si>
  <si>
    <t>How do you expect 5 year olds to understand goal setting and set appropriate goals??</t>
  </si>
  <si>
    <t>Increased workout for what purpose? If you are a high school teacher, it would mean writing reports for a potential 210 students in a given school year. How is this information going to enhance student learning, and how will parents use this information?</t>
  </si>
  <si>
    <t xml:space="preserve">who is going to develop the scale and how it be used for future learning of the student. </t>
  </si>
  <si>
    <t>we currently use percentages and letter grade at this level</t>
  </si>
  <si>
    <t>again what is the purpose</t>
  </si>
  <si>
    <t>already part of current practice at the high school level and may be challenging for younger students</t>
  </si>
  <si>
    <t xml:space="preserve">If there are 30 students in your class with 30 different goals, who is going to address this learning as it will be putting more work on already over worked teachers. Is now the time to bring forth change when we are now in year 3 of pandemic learning which has over worked teachers already. </t>
  </si>
  <si>
    <t>Where or who is going to the resources required, we already are under funded with little or no resources after the  introduction of new curriculum that the government already failed to fund or support. More lip service to who??</t>
  </si>
  <si>
    <t>This is asking allot of already over worked employees who struggle with more than just delivering the curriculum, especially since we have had already 3 distinct delivery of learning over the course of the last 3 years. Again where and who is going to fund this will there be inservice?</t>
  </si>
  <si>
    <t>Teachers do not have enough prep time to effectively do all of this.</t>
  </si>
  <si>
    <t>Parents do not understand the new scale.</t>
  </si>
  <si>
    <t>Parents understand this system.</t>
  </si>
  <si>
    <t xml:space="preserve">Teachers do not have enough time to complete the additional assessments. </t>
  </si>
  <si>
    <t>Teachers do not have enough time to create differentiated plans.</t>
  </si>
  <si>
    <t>More teacher prep time to do all this.</t>
  </si>
  <si>
    <t>Teachers need more prep time to complete additional assessments.</t>
  </si>
  <si>
    <t xml:space="preserve">For a semester course, 5 reports (3 written) is far too many and is a large increase in workload.   The time between reports will be very short, it would be especially difficult to report on summative assessment with such time frames and would put much more stress on teachers.  </t>
  </si>
  <si>
    <t xml:space="preserve">Our proficiency scales are not updated and not made readily available.  The ministry has done a terrible job of providing supporting materials for teachers in this province.  Currently there is mass confusion among teachers.  This would not work unless the ministry stepped up it's game massively. </t>
  </si>
  <si>
    <t xml:space="preserve">I do not believe the ministry is capable of providing us the proficiency scales required. </t>
  </si>
  <si>
    <t>This is a good idea, however, the work is always downloaded to districts who download it to schools who download it to teachers.  It only works well if the ministry does it's job and provides the resources and materials necessary.  There is mass confusion about how to assess the core competencies</t>
  </si>
  <si>
    <t xml:space="preserve">Provide the materials to make  this work.   Otherwise, just like everything else in this province, it will be random and many will be confused.   it's time for the ministry to do it's job. </t>
  </si>
  <si>
    <t>Look - BC teachers are the least supported teachers in the country.  The resources and materials provided in other Canadian jurisdictions are lightyears ahead of us.  Our workload is already massive, this stuff will only work if the ministry steps up and actually provides the resources.</t>
  </si>
  <si>
    <t>PLEASE DIFFERNTIATE BETWEEN SEMESTER SCHOOLS AND LINEAR SCHOOLS!  HOW IS A SEMESTER SCHOOL SPACING OUT 5 REPORT PERIODS EQUITABLY?</t>
  </si>
  <si>
    <t>why not just letter grades? can you tell me why one kid has 91% and another has 90%  no meaningful difference...</t>
  </si>
  <si>
    <t>MAKE IT WORK FOR SEMESTER SCHOOLS!</t>
  </si>
  <si>
    <t xml:space="preserve">I think the number of reporting periods are fine. </t>
  </si>
  <si>
    <t xml:space="preserve">The subjective nature of this process confuses students, parents and teachers. It further diminishes standards and will affect the quality of education going forward. </t>
  </si>
  <si>
    <t xml:space="preserve">Students should know where they stand in a class, recognizing that their progress can be reflected in a clear mark. </t>
  </si>
  <si>
    <t>The definitions for proficiency have not been clearly laid out. Without provincial standards we are inviting further grade inflation.</t>
  </si>
  <si>
    <t xml:space="preserve">Implementation here is key, without structure this will quickly devolve into meaninglessness. </t>
  </si>
  <si>
    <t xml:space="preserve">Many students do not have the knowledge to know what they want at the start of the year, learning is can be a process of inquiry, but also something that can come upon you spontaneously. </t>
  </si>
  <si>
    <t xml:space="preserve">Many of my grade 9 students are actually excited to finally get grades. Removing that will cause listlessness and further degrade the academic integrity that is seeping from our secondary schools. </t>
  </si>
  <si>
    <t>Current reporting frequency is adequate; any more would be too much</t>
  </si>
  <si>
    <t>The four-point scale is no better at communicating than by grade and percent for grade 8-9; parents prefer percent and grade</t>
  </si>
  <si>
    <t>Percentages provide a wider range of options; nuanced or in-depth information can be provided to parents in conversation (parent-teacher nights, email, phone calls)</t>
  </si>
  <si>
    <t>Students tend not to take self-assessment seriously; core-competencies are part of the "internal fabric" of teaching and learning</t>
  </si>
  <si>
    <t xml:space="preserve">Students don't always actively engage with goal-setting activities; perceive it as "hoop jumping" </t>
  </si>
  <si>
    <t>Provincial Proficiency Scale for Grades 8-9</t>
  </si>
  <si>
    <t>To report five times per student per semester as a high school teacher, especially in a semester system, would double a teacher’s workload. Many students don’t even turn their work in on time, absenteeism has increased. It’s simply not feasible. Students have to take ownership of their own progress!</t>
  </si>
  <si>
    <t>This is status quo. Why is this even a question in the survey?</t>
  </si>
  <si>
    <t>This is redundant if grades and percentages remain.</t>
  </si>
  <si>
    <t>Generally, the majority of students fine self assessment a waste of time and a joke.</t>
  </si>
  <si>
    <t>Students can make goals at home and involve their families. It takes up too much time for teachers to do this and students think it’s a waste of time.</t>
  </si>
  <si>
    <t xml:space="preserve">This is important but it should not be the teacher’s responsibility to figure out how ti implement. Tools should be created and delivered if this is a top-down mandate. </t>
  </si>
  <si>
    <t>This makes no sense.   How can failing be described as emerging or developing?  I want to know how my kid is doing.</t>
  </si>
  <si>
    <t>Universities need letter grades so there should be letter grades.</t>
  </si>
  <si>
    <t>That scale tells me nothing about how my child is doing.  It is useless.</t>
  </si>
  <si>
    <t>Are these things graded? If not what is the point.</t>
  </si>
  <si>
    <t>This is ok but isn't this already part of their Careers courses?</t>
  </si>
  <si>
    <t xml:space="preserve">I agree with the idea but let's be realistic.  Without more resources and smaller classes how do you expect this to happen.  Quit passing the buck and fund our schools properly.  </t>
  </si>
  <si>
    <t xml:space="preserve"> I chose this because your scale makes no sense and about how my kid is doing.  I have never had a problem contacting my kid's  teacher when I needed to and I find the information I am getting on their report cards is just fine.  Also it is ridiculous to limit our responses!</t>
  </si>
  <si>
    <t xml:space="preserve">In consideration of the recent changes to the curriculum, reporting, and all within the context of the global pandemic, why increase the frequency of reporting? Teachers are already overwhelmed enough by reporting as it is! </t>
  </si>
  <si>
    <t xml:space="preserve">The consistency of language for reporting across all subjects makes sense. </t>
  </si>
  <si>
    <t xml:space="preserve">I'm against further increasing the workload and expectations of teachers. Having to develop, monitor progress, conference, and keep track of student goals is let alone cumbersome, let alone finding a way to integrate it with the expectations of a reporting system that has recently changed a lot. </t>
  </si>
  <si>
    <t xml:space="preserve">Isnt this what teachers do already? </t>
  </si>
  <si>
    <t>I think that there are too many reports. There is not enough time to gather sufficient information for Kindergarten when they have a slow entry.</t>
  </si>
  <si>
    <t>The entire reporting system is ridiculous. There should be more emphasis placed on meetings with parents and children to check in and talk about more important aspects of growth and or challenges with social and emotional development.</t>
  </si>
  <si>
    <t>I don't have children in high school yet and I don't teach high school. However grades and percentages are also useless. Resumes and portfolios of accomplishments and honest documentation of areas that need more attention or practice can be related in far more creative ways than a grade or percentag</t>
  </si>
  <si>
    <t>this is a waste of time and it's something that can be included in daily learning.</t>
  </si>
  <si>
    <t>now we're getting somewhere</t>
  </si>
  <si>
    <t xml:space="preserve">Teachers must have spare time to give feedback when there is no Prep bloc given </t>
  </si>
  <si>
    <t xml:space="preserve">You can’t expect percentages and proficiency scale. Only one should be there to be fair to everyone </t>
  </si>
  <si>
    <t>This can be done in class as reflection. Including it in reports means increasing the reporting work as teachers have 120 students in a semester</t>
  </si>
  <si>
    <t xml:space="preserve">This means creating different assignments for every child according to their goals. </t>
  </si>
  <si>
    <t xml:space="preserve">I think what you are proposing is unfair to the teachers and their mental sanity considering the  little amount of prep time given to teachers and large number of classes </t>
  </si>
  <si>
    <t>Five reps. are too many. 3  is more reasonable. One Interim Report before Oct. 30, one Written Report in December. 
Goal Set. before Jan 30,  1 Fin. Rep.
The diff. between the "Written Sum." and the 2 other writ. reps. needs more clarity and ex.
"Curre. being studied" is not clear. Who defines this?</t>
  </si>
  <si>
    <t>Doing this twice a year could be meaningful. Not 3 times. It will become a chore and lose significance.</t>
  </si>
  <si>
    <t>Once a year is enough with 2 goals.</t>
  </si>
  <si>
    <t>Parents who do not read the reports because they are only avaible on-line in N. Van.
Dists. should be mandated to provide paper copies to all families that request it, not just indigenous students.
Reports have become "white noice" to families. 2 written reports, 1 interim, and 1 goal setting.</t>
  </si>
  <si>
    <t xml:space="preserve">with more reports, so that busy working parents can able to know how their kids doing at school, and try to find solution for helping their kids with school works if needed. </t>
  </si>
  <si>
    <t>I prefer providing regular feedback with each assessed work and the term report cards...the more additional reporting (further report cards, etc) takes time away from contacting parents directly  by phone, meetings in person, tutorial help for students, etc...</t>
  </si>
  <si>
    <t>Already doing descriptive feedback, the Proficiency Scale seems a bit redundant....or far too generalized</t>
  </si>
  <si>
    <t>Post secondary institutions require it...parents given proficiency and descriptive feedback still ask for a % anyway...</t>
  </si>
  <si>
    <t xml:space="preserve">Proficiency scale is really useful on formative assessment...I am not too excited about it for summative assessment
</t>
  </si>
  <si>
    <t>I like the idea...but there are a number of factors to take into account...for example if students are cross enrolled...(common with students needing courses their school does not offer or if they are competitive athletes, dancers, etc who have varied schedules to meet their training schedules, etc.</t>
  </si>
  <si>
    <t>Good idea but where is this reported on? their goals for a specific course could be discussed by that subject teacher but it would not make sense to ask the teacher to comment on goals and progress in things not related to their course (thinking high school).</t>
  </si>
  <si>
    <t>Great idea but as class sizes and school responsibilities continually increase, it makes it more and more difficult to meet individual needs.  If you are an elementary school teacher, you know your 1 class...if you are high school, you can easily have over 100 students (or much more) between classes</t>
  </si>
  <si>
    <t>It is considerably better to put time into TEACHING, mentoring, tutoring,, doing inquiry with students and giving ongoing feedback...give parents access to come and see that feedback online anytime...</t>
  </si>
  <si>
    <t>I am happy with the current number of reports.</t>
  </si>
  <si>
    <t>I teach grades eight to twelve and believe all high school students should be given letter grades and percentages.</t>
  </si>
  <si>
    <t xml:space="preserve">It is a system that teachers as well as parents understand. It is an effective way of quickly communicating student achievement to parents. </t>
  </si>
  <si>
    <t xml:space="preserve">While in general terms, I am in favour of the greatest amount of choice, I suspect that it will be optional for a few years and then become mandatory. </t>
  </si>
  <si>
    <t>I think self-assessment of the core competencies are viewed by students as just another hoop they need to jump through in order to get through the course. I'm not sure if they are useful, and I don't think we need to devote even more time to them.</t>
  </si>
  <si>
    <t xml:space="preserve">These are more things to track and assess in an already busy school year. </t>
  </si>
  <si>
    <t xml:space="preserve">That's the way it is now. </t>
  </si>
  <si>
    <t>Grades eight and nine should use letter grades and percentages.</t>
  </si>
  <si>
    <t xml:space="preserve">Grade 9 should not be put into the K-9 category. Grade 9, in most cities, is highschool. it is a prep year for the graduation program. Students should have an opportunity to get used to grade and percentages before they hit their grade 10 year (the graduation program). </t>
  </si>
  <si>
    <t xml:space="preserve">When our BC students apply to American universities, they want their grade 9 marks. They need letter grades and percentages to be reported to the US schools. Grade 9, needs to stay with gr 10-12 in terms of reporting. </t>
  </si>
  <si>
    <t xml:space="preserve">Letter grades and percentages need to be used to report to universities. I am a school counsellor, and American universities also need grade 9 percentages and letter grades. We need to put grade 9 in with 10-12. So, look at K-8, and 9-12 separately. </t>
  </si>
  <si>
    <t>put grade 9 in with 10-12</t>
  </si>
  <si>
    <t>explained in previous answers</t>
  </si>
  <si>
    <t>Will not be evenly spaced while in a semester system.  Time is always the consideration when preparing a well thought out report.  This will need to be considered.</t>
  </si>
  <si>
    <t>Once again the intent is very good... what I am worried that the communication will be in proportion to the time available to make a meaningful report</t>
  </si>
  <si>
    <t>That is what is being looked by users of grade</t>
  </si>
  <si>
    <t xml:space="preserve">Currently I see different levels assigned for similar work/projects </t>
  </si>
  <si>
    <t xml:space="preserve">I believe that we have trained many students to reflect with minimal effort.  Sometimes reflection is more a function of a higher more indepth cognitive level than just completing some leading questions.  </t>
  </si>
  <si>
    <t>If meaningful yes... if just a fill-in assignment...than just a make work project that would not drive the intended outcome</t>
  </si>
  <si>
    <t>This is wonderful for the student and may be beneficial to their learning. But... to ask a student who is cognitively un-able to be at a senior level in some physics, Math, Computer Science, etc...is not only a stretch for the student but also a dis-service to others looking at learning outcomes</t>
  </si>
  <si>
    <t>Multiple of above</t>
  </si>
  <si>
    <t>Need to consider all users of this data</t>
  </si>
  <si>
    <t xml:space="preserve">I wish just had to choose ONE: the scale or letter grades / percentages. Trying to pair the both is a headache. </t>
  </si>
  <si>
    <t>I do not want my workload to increase by vetting and ensuring these students' goals are met</t>
  </si>
  <si>
    <t>If post-secondary require letter grades and percentages, they should be kept for senior secondary</t>
  </si>
  <si>
    <t>There is already a huge culture shift in districts using the middle school model when students transfer into grade 9. They don't seem to understand that they need to do the work or they could fail. They think they will get a "social pass" like they have in the past. This will simply delay the issue.</t>
  </si>
  <si>
    <t xml:space="preserve">The scale does not give enough clarity. In the school where I work, parents want letter grades. </t>
  </si>
  <si>
    <t>Schools outside of Canada, especially the US, require letter grades for grade 9 also. Letter grades should be given for 9-12 courses.</t>
  </si>
  <si>
    <t>As long as use of the scale is voluntary, it doesn't matter to me one way or the other.</t>
  </si>
  <si>
    <t>Students should be self-assessing for their own learning,  but not for their final grade.</t>
  </si>
  <si>
    <t>Stated above. Do not assume all students will progress to post-secondary institutions in Canada.</t>
  </si>
  <si>
    <t>The IE reporting was flawed from its inception and remains flawed. The work package is a large amount of work for a teacher. Most students never complete the package. It erodes the relationship between the parent(s) and the child and between the teacher and the student due to increased stress.</t>
  </si>
  <si>
    <t>Teaching becomes a la carte. Takes the art out of teaching.</t>
  </si>
  <si>
    <t>It sounds good in theory, perhaps from a policy point of view, but it is artificial. It just becomes another meaningless task passed down from bureaucrats, who have no teaching experience, to teachers. It's also a way to monitor what teachers are doing.</t>
  </si>
  <si>
    <t>Goal setting shouldn't start until grade 10. Doing goal setting with elementary students is just plain silly.</t>
  </si>
  <si>
    <t>It depends how it's implemented. I will wait until I see more.</t>
  </si>
  <si>
    <t>Teaching is becoming a la carte and is becoming more about data collection. Teaching is an art.</t>
  </si>
  <si>
    <t>I don't need more than three reports per year.</t>
  </si>
  <si>
    <t>I find descriptive feedback more useful than a grade.</t>
  </si>
  <si>
    <t>I'd like to see proficiency scale with descriptive feedback for all grades and for post-secondary institutions to use the same.</t>
  </si>
  <si>
    <t>Proficiency scale with descriptive feedback tells students and parents more than letter grades or percentages.</t>
  </si>
  <si>
    <t>Self-assessment is a good, lifelong habit.</t>
  </si>
  <si>
    <t>Goal setting is a good life skill.</t>
  </si>
  <si>
    <t xml:space="preserve">This sounds good, but what are the criteria for inclusive assessment and evaluation practices? How do they support these students?
</t>
  </si>
  <si>
    <t>I would prefer a move to proficiency scale and feedback for all grades.</t>
  </si>
  <si>
    <t>For secondary school grades, I believe that the proficiency scale does not allow for detailed enough categories (the proficient category, for example is too broad whereas extending is very narrow).  I think it does not provide clear information for parents and students.</t>
  </si>
  <si>
    <t>I think that the additional expectations for teachers of grades 10-12 (to complete 2 styles of reporting) would be onerous.  Also, t might be confusing for parents &amp; students to read 2 different reports, especially since an "A" percentage does not always simply translate to "extending", for example.</t>
  </si>
  <si>
    <t>While I appreciate the encouragement of self-reflection for students, it is not always practical for required engagement in that process.</t>
  </si>
  <si>
    <t xml:space="preserve">In an ideal world, where students' attendance is consistent, this is a lovely idea; however, to try to implement these addtional steps (continually monitoring progress on all of these goals and encouraging student reflection on their growth) in any practical sense, would be very challenging.  </t>
  </si>
  <si>
    <t>Very important to do but definitely adds to the challenges.</t>
  </si>
  <si>
    <t xml:space="preserve">Isn't the important work of teachers to educate our children? How will this impact direct instruction. There are already so many days where my children come home and the teacher is so busy managing other childrens' behaviors that valuable learning and reflection is missed.  </t>
  </si>
  <si>
    <t>Seems find to me although I'd like to know why the "exceeding" is so difficult to attain.</t>
  </si>
  <si>
    <t xml:space="preserve">I'd rather have my children learn for the sake of learning than some arbitrary numbering system competing for .25 of a point. </t>
  </si>
  <si>
    <t xml:space="preserve">So  just some more added things? Why not get rid of the grades all together so kids can learn at their level. Some may still be learning to read - work on that. One is rushing through novels - teach that one to analyze literature. Normalize both. </t>
  </si>
  <si>
    <t xml:space="preserve">Meh - I like the idea of reflection but does it need to be so formal? Our teachers do that with our kids, with us at pick up/drop off, through email, etc. I'd rather teachers spend that time focusing on holistic wellness as so many kids are overextended and anxious. </t>
  </si>
  <si>
    <t>I love the idea but will it be "formal" again. My oldest writes learning goals, they work on them in class, re-assess them, etc. but there is no reporting on this as it is an ongoing part of learning.</t>
  </si>
  <si>
    <t>What does this mean? Of course access is necessary. Yet, let's not do anyone a disservice - all kids need basic literacy and numeracy skills. And not at the expense of others in the learning space. I'm tired of hearing about my kids being bored because the teacher had to deal with some incident.</t>
  </si>
  <si>
    <t xml:space="preserve">I am able to see if families have logged in and viewed summative reports and a small percentage / fraction (4/20) do. </t>
  </si>
  <si>
    <t xml:space="preserve">It is good for growth mindset and not comparing peers. It is not good in that it lacks clarity. What does emerging mean? What does proficient mean? Letter grades also lack clarity. </t>
  </si>
  <si>
    <t xml:space="preserve">If students want to go to post-secondary they can take an 'entrance semester.' Many cannot go because of affordability or will not go for other reasons. An entrance semester or exam is more equitable. </t>
  </si>
  <si>
    <t xml:space="preserve">Already stated. </t>
  </si>
  <si>
    <t xml:space="preserve">These are not very meaningful to students who lack the maturity and insight to understand them. </t>
  </si>
  <si>
    <t xml:space="preserve">Not meeting goals can be stressful and impact self-esteem. Some people simply need a boss. </t>
  </si>
  <si>
    <t xml:space="preserve">It is not possible to provide individual learning in a system that is based on an industrial model. It is like trying to make custom cars in a factory designed to make stock factory models. In the end teachers will be blamed for bad policy. </t>
  </si>
  <si>
    <t xml:space="preserve">Unless the government is willing to implement funding changes to support this teachers will be blamed for bad policy. </t>
  </si>
  <si>
    <t>I think five reports is too many in a year.</t>
  </si>
  <si>
    <t>I think this ties in well with post secondary institutions.</t>
  </si>
  <si>
    <t>Sounds like an increase in Teacher workload</t>
  </si>
  <si>
    <t>The current self assessments are not worded appropriately for younger students. It is not useful if it remains the same.</t>
  </si>
  <si>
    <t>Teachers are already stretched too thin.</t>
  </si>
  <si>
    <t>The workload is increasing, limited resources are available. Little to no direction is being given.The reporting is not sustainable.</t>
  </si>
  <si>
    <t xml:space="preserve">Little to no resources or training. </t>
  </si>
  <si>
    <t xml:space="preserve">It is not sustainable. There is not time allotted to reporting. </t>
  </si>
  <si>
    <t xml:space="preserve">Because the current levels are sufficient. </t>
  </si>
  <si>
    <t xml:space="preserve">As I work in a 9-12 setting, this style does not appropriately show student learning in high school courses. Especially academics. </t>
  </si>
  <si>
    <t xml:space="preserve">It shows the learning required for any post-secondary. </t>
  </si>
  <si>
    <t xml:space="preserve">This creates extra, time consuming work for the already time strapped teachers. </t>
  </si>
  <si>
    <t xml:space="preserve">I am not sure that it will be an accurate measure. </t>
  </si>
  <si>
    <t xml:space="preserve">I would like to see more student ownership. </t>
  </si>
  <si>
    <t>Each subject area 5 times per year is a lot. As a kindergarten teacher I think there is more value on reporting on personal and social responsibility and work habits rather than subject areas, especially at the beginning of the year. Teachers are already so burnt out, society is.. why now?</t>
  </si>
  <si>
    <t>Prep for university!</t>
  </si>
  <si>
    <t xml:space="preserve">It is too much! Too much focus on assessments takes away from learning time in the classroom. As a parent I would also rather not receive reports 5 times per year. 3 max with a parent conference is perfect. In fact, I’d love to go to my child’s school and see her work more than a report card. </t>
  </si>
  <si>
    <t>We have been doing 3 formal written reports and 2 interims ( either written, email or phone call) Our interims have been on social responsibility, work habits and effort, NOT including a comment on all subject areas. It would fall much too early in the year to comment on all subject areas.</t>
  </si>
  <si>
    <t>It has worked well for the past few years.</t>
  </si>
  <si>
    <t>It is extremely hard for students K - 2 to actually self-evaluate. It is a process that needs to be fully taught. The data is usually inaccurate, as they don't fully understand.</t>
  </si>
  <si>
    <t xml:space="preserve">Way too hard for K - 2. They will just choose any examples that you give them. They are unable to think of them by themselves. </t>
  </si>
  <si>
    <t>It is too frequent. We are already doing 3 written reports, 2 interims and 2 one-on -one parent- teacher conferences. We also speak with many parents on a regular basis. Too much information is just going to be ignored.</t>
  </si>
  <si>
    <t>The current number seems sufficient. I would not require or expect more than this.</t>
  </si>
  <si>
    <t>The scale seems adequate to communicate student performance and growth. In many ways, it seems to simply replace the existing letter grade system with fewer descriptors. i.e. A=extending, B=proficient, C/C+=developing, C-=emerging.</t>
  </si>
  <si>
    <t>See my previous response. The various reporting systems seem to me to ultimately communicate the same thing. What I like about the language of "extending" vs an "A" is that it suggests some truly remarkable learning, skill, growth, or ownership of learning.</t>
  </si>
  <si>
    <t>I think that a consistent method is needed. Currently, it's a bit like the wild west, with teachers using all kinds of different reporting methods, while still needing to post a grade at the end.</t>
  </si>
  <si>
    <t>The quality of student self-assessment varies greatly, and I think that more consistent guidance around accurately doing so is needed.</t>
  </si>
  <si>
    <t>As a parent and teacher, I hate this proficiency scale as there is no incentive for students to work harder.  They are all happy with Meeting/Proficient and don't feel like they need to reach extending.  Whereas if they recived a C in  a subject next term they would aim for a B and so on.</t>
  </si>
  <si>
    <t>Most time teachers tell them what to write.</t>
  </si>
  <si>
    <t>letter grades from grade 4-12</t>
  </si>
  <si>
    <t>There is value in a mid-year report and an end of year, summative report.  A third formal, written report requires teachers to report before they are ready and have sufficient information about a student's learning.  Three informal reports would give better, more timely information.</t>
  </si>
  <si>
    <t>Descriptors are far better than letter grades / percentages.</t>
  </si>
  <si>
    <t>When are we going to finally progress in secondary so that we can give descriptors.  Percentages and letter grades are antiquated.</t>
  </si>
  <si>
    <t xml:space="preserve">Really?  So now we're doing a conversion rather than genuinely using the proficiency scale.  </t>
  </si>
  <si>
    <t>The core competencies are relevant for all grades.  Good to see it ongoing throughout the year and for all grades.</t>
  </si>
  <si>
    <t>Makes sense and works with the core competencies</t>
  </si>
  <si>
    <t>Why use the old three report card method when we have been doing so many more valuable methods for communication. Disappointed in this, for sure.
Also, why are the ratings "very satisfied" and "extremely satisfied"  - pretty synonymous.  Why not "somewhat satisfied"?</t>
  </si>
  <si>
    <t xml:space="preserve">The number hasn't changed </t>
  </si>
  <si>
    <t>I like the language, but does it tell parents what it means?</t>
  </si>
  <si>
    <t>We still are not being given enough professional development on self assessment in early Primary. When I have students that are non verbal, cannot yet describe their goals and assess themselves (especially by November) I either need a ton of support to support students 1 on 1</t>
  </si>
  <si>
    <t>We still are not being given enough professional development on goal setting in early Primary. When I have students that are non verbal, cannot yet describe their goals and assess themselves (especially by November) I either need a ton of support to support students 1 on 1</t>
  </si>
  <si>
    <t xml:space="preserve">Then it also needs to be supported with time to work with students. </t>
  </si>
  <si>
    <t xml:space="preserve">reporting in the first 25% of the year is very difficult, when students are gradual entry in K, due to many days of illnesses, and time getting them set up as learners and in routines. </t>
  </si>
  <si>
    <t xml:space="preserve">No one reads report cards anymore. Since we went to digital report cards I started asking parents at Parent-Teacher Interviews if they regularly logged on to check progress. About 20% of the parents (that actually took the time to come to the interviews) even knew how to log on.  </t>
  </si>
  <si>
    <t xml:space="preserve">Poor students now enter high school believing that there are no consequences for doing nothing and showing no "evidence of learning" because they will just be "emerging". This is just another way of saying social promotion. </t>
  </si>
  <si>
    <t>Students (especially excellent students) want a way to compare themselves with their peers. Also, if I am a university, I want to know who is the 100% A and who is the 86% A.</t>
  </si>
  <si>
    <t>Because Emerging, Developing, Proficient, and Extending is just flowery language for F, C, Band A and the students know this (because they have said it many times)</t>
  </si>
  <si>
    <t>Goals are always good as you can remind students of what they set for themselves.</t>
  </si>
  <si>
    <t xml:space="preserve">As I mentioned, parents don't read reports anymore because they aren't paper. Writing a report that says "emerging" on it means you are already too late and should have long ago connected parents by e-mail and phone. </t>
  </si>
  <si>
    <t>It seems like a fair balance between workload and keeping parents informed on progress. At my school in particular, parents rarely (20%) enter the portal to view report cards, and only occasionally acknowledge email correspondence. The majority of meaningful consults are face to face or by phone</t>
  </si>
  <si>
    <t>Percentages have led to confusion in the past. The students at my campus are on  self-paced programming and a percentage does not accurately reflect their progress in the course. A student may have completed one math unit in 3 months and earned 75% on the assessment, yet be significantly behind</t>
  </si>
  <si>
    <t xml:space="preserve">I believe parents compare 10-12 report cards to their own performance as teens. They are familiar with A-E and percentages, and recognize this is what colleges look to. Additional phrasing won't benefit the current generation of learners. </t>
  </si>
  <si>
    <t xml:space="preserve">Metacognition isn't explicitly taught in elementary years. Asking a 16 year old for the first time to reflect on their learning may be a stretch for them. I could see this being implemented gradually, starting with K-4 and moving up with that cohort. </t>
  </si>
  <si>
    <t xml:space="preserve">High school educators have a great deal of curriculum to get through in a school year, and are already differentiating and including indigenous ways of knowing. We can't authentically promise students we will meet their personal learning and career goals across all subjects. </t>
  </si>
  <si>
    <t xml:space="preserve">Collecting goal setting information and then adjusting yearly planning to include the personal goals of 30 children seems like an idea proposed by someone who has forgotten what it is like to be in a classroom. </t>
  </si>
  <si>
    <t xml:space="preserve">Why would you put this on teachers? It stresses out the students and teachers don't need more workload! </t>
  </si>
  <si>
    <t>Learning doesn't happen in a linear fashion. Some students take longer than others to learn things. It will stress children to know they are behind the curve when statistically 50% of people will be behind the curve, which is why we call it a curve. Children need space to learn at their own pace.</t>
  </si>
  <si>
    <t>This sounds good but I don't trust that I can endorse a vague and nice-sounding description like this to be implemented well</t>
  </si>
  <si>
    <t xml:space="preserve">I prefer the traditional grading system of which I'm more familiar with.. A,B,C,D and F. I feel like the current grading system doesn't give enough insight as to how well the student is doing. It doesn't properly prepare them for high school and post secondary education. </t>
  </si>
  <si>
    <t xml:space="preserve">Please see previous response. </t>
  </si>
  <si>
    <t xml:space="preserve">This gives parents and students a better insight as to how well the student is doing. </t>
  </si>
  <si>
    <t xml:space="preserve">I think there needs to be more time made for this responsibility. </t>
  </si>
  <si>
    <t xml:space="preserve">I think there is some value in having grades along with the proficiency scale (for grades 6 and up). </t>
  </si>
  <si>
    <t xml:space="preserve">I’m just concerned this might be adding more work to the high school teachers’ workload (due to the number of students they have every year). However, I do appreciate the change in assessment practices. </t>
  </si>
  <si>
    <t xml:space="preserve">I like moving away from grades (but the parents and students aren’t so keen) </t>
  </si>
  <si>
    <t xml:space="preserve">It’s hard to go from no grades, to relying on grades for post secondary. I think there needs to be some sort of change so that grades aren’t the only way to measure. </t>
  </si>
  <si>
    <t xml:space="preserve">We do Student Inclusive Conferences already so we have students set their own goals and express what they need to meet those goals. I think it allows the students to have a say in their learning. </t>
  </si>
  <si>
    <t>As teachers we spend a lot of time reporting already .  Adding more reporting 5 times a year will add to our workload and take away from our daily classroom prep.  Teachers only have so much personal time to give this job and adding more reporting will take away from extra curricular involvement.</t>
  </si>
  <si>
    <t>In grade 1 reporting on their social studies, science etc is a waste of time .  The important information parents need is work habits, social emotional, reading, writing and math.</t>
  </si>
  <si>
    <t>Mark’s are needed for those kids who will attend university.  Some kids are very driven by marks.</t>
  </si>
  <si>
    <t>You need letter grades and percentages to go to university.  Maybe in shop, art and non academic subjects that would work.</t>
  </si>
  <si>
    <t>Once again I am having to do more work to report to parents.  I cover the core competencies daily in my class but it is often through books, discussions etc.  I shouldn’t have to have kids document and reflect on everything.</t>
  </si>
  <si>
    <t>Once again. Lots of work for the teache.  Difficult for the kids to do and not age appropriate of necessary for 6 year olds.  Reading , writing and math are very important in grade 1, we do not need to implement things that take away from these things .</t>
  </si>
  <si>
    <t>Work load of teachers increases and we are already overtired and overworked!</t>
  </si>
  <si>
    <t>Frequency of reporting and self assessment too!</t>
  </si>
  <si>
    <t>This is a ridiculous amount of work and is not going to be useful to parents.  As a teacher and a parent I want to know what my child can do and what they need to work on.  Do not add more to teachers plates!!!!</t>
  </si>
  <si>
    <t xml:space="preserve">It doesn’t really explain. I don’t get it. </t>
  </si>
  <si>
    <t>I prefer a 6 point scale</t>
  </si>
  <si>
    <t>Clarity</t>
  </si>
  <si>
    <t xml:space="preserve">This could be challenging at the High School level as it requires individual learning plans sometimes for a number of students in each  class. </t>
  </si>
  <si>
    <t>workload capacity and provided support and time to do so</t>
  </si>
  <si>
    <t>feasibly, how do we keep track and tabulate these when high school teachers teach 7 different courses and up to 210 students? could this not be assigned to a homeroom instructor?</t>
  </si>
  <si>
    <t>feasibility and the quality of the output that would be the result of said feasibility</t>
  </si>
  <si>
    <t xml:space="preserve">I feel I receive enough on my own kids as well as report enough on my students. </t>
  </si>
  <si>
    <t xml:space="preserve">Easy to understand </t>
  </si>
  <si>
    <t>It’s what we’re used to but 9s should be percentage like the 10-12s. Two scales/ways of marking for 1 teacher is confusing especially since we have to pick one type of grade book and can’t change by class.</t>
  </si>
  <si>
    <t>Might be easier for parents and students if they’re already used to this scale. However, this may make things difficult for high school teachers who teach the 9-12 spectrum. Pick ONE scale and stick with it based on how the majority of schools are divided k-5, 6-8, 9-12</t>
  </si>
  <si>
    <t xml:space="preserve">Students hate this and it’s time consuming and often not accurate based on students actual abilities </t>
  </si>
  <si>
    <t xml:space="preserve">Inclusion is important </t>
  </si>
  <si>
    <t>9s should be included in the 10-12 reporting group</t>
  </si>
  <si>
    <t xml:space="preserve">As a conscientious and hard working professional I don’t believe we are provided adequate paid time to prepare reports for the number of individuals necessary. Because of this reporting as we now know it and as proposed doesn’t adequately involve students and their parents in the process. </t>
  </si>
  <si>
    <t xml:space="preserve">A scale is a convenient way to categorize but doesn’t really tell the story. Qualitative data that involves active participation from parents, students and educators would be a much more meaningful and worthwhile process. </t>
  </si>
  <si>
    <t xml:space="preserve">Don’t teach at this grade level but would state the same answer as the previous question. </t>
  </si>
  <si>
    <t xml:space="preserve">This is a good way to have students take on more ownership for their own learning. Parents should be actively involved in this process. </t>
  </si>
  <si>
    <t>A must have along with parent/teacher input and ongoing involvement.</t>
  </si>
  <si>
    <t xml:space="preserve">With adequate training and supports we can address the needs of all our learners. Sadly we are too underfunded and under staffed to adequately provide the needs we currently have. Revamping the reporting won’t change this reality. </t>
  </si>
  <si>
    <t>Again the amount of paid time provided to teachers to complete and engage with parents and students about reporting 3 times per year minimum would begin to place the ownership and emphasis we need towards education in this province/country</t>
  </si>
  <si>
    <t>It is just too much</t>
  </si>
  <si>
    <t>I don’t have a problem with the scale</t>
  </si>
  <si>
    <t xml:space="preserve">Feel it is important to have percentage for post secondary </t>
  </si>
  <si>
    <t>These are not written in a way that is understandable to teachers let alone students. They seem so out there.</t>
  </si>
  <si>
    <t xml:space="preserve">It great to have goals &amp; think about where you want your learning to go, but some of this is so beyond the ability of many primary students </t>
  </si>
  <si>
    <t xml:space="preserve">Who is going to have the time to be able to complete all of this with every student </t>
  </si>
  <si>
    <t xml:space="preserve">Student self assessment in core competencies </t>
  </si>
  <si>
    <t>Teachers have too much on their plates. We spend too much time reporting on students currently. Most parents don’t read or understand what is presented in the reports.</t>
  </si>
  <si>
    <t>The number of reports has not changed. I am more concerned about new expectations.</t>
  </si>
  <si>
    <t>It works.</t>
  </si>
  <si>
    <t>Primary students have limited understanding of time concepts(we don't even expect them to start learning how to tell time until grade four anymore!). Self-reflection  &amp; goal setting can be done without mandatory reporting out. In my experience, this has no measurable benefit for primary students</t>
  </si>
  <si>
    <t>It is not realistic for primary students. It takes a lot of time to teach, they often don't understand what they're doing, and its usefulness is questionable. It adds to the teacher's already heavy workload and takes time away from other learning.</t>
  </si>
  <si>
    <t>I'm not even sure what this means. I believe my practice and assessment is already inclusive. What are the new expectations?</t>
  </si>
  <si>
    <t>While it's important for  primary children to have goals, and reflect on their learning, I question the necessity of mandating that teachers report out on it. Such information could just as easily occur if parents were to talk to their children. It's also more work for teachers.</t>
  </si>
  <si>
    <t>Same number.ber as before</t>
  </si>
  <si>
    <t>Time consuming as I would have to do this 250 grade 8 and 9 students.</t>
  </si>
  <si>
    <t xml:space="preserve">Same as before </t>
  </si>
  <si>
    <t>Time consuming to do this as a teacher.  Sounds like a great idea to the people up above but they don't have to this task</t>
  </si>
  <si>
    <t xml:space="preserve">Students need to be walked through this process. Very time consuming for a teacher teaching 120 students every semester </t>
  </si>
  <si>
    <t>Student not capable of doing this realistically without teacher help. Too onerous and time consuming for a full time teacher.</t>
  </si>
  <si>
    <t>Teacher needs additional time given to them, to do this task.</t>
  </si>
  <si>
    <t>It was hard to pick only 1 choice. But do not think students are capable of doing this task on their own (not realistically) therefore very time consuming for a teacher</t>
  </si>
  <si>
    <t>Lack of clarity</t>
  </si>
  <si>
    <t>Applying the Provincial Proficiency Scale in a uniform manner would require a prescribed percentage equivalent to be associated with each part of the scale. This would likely filter down to younger grades and render the Scale useless.</t>
  </si>
  <si>
    <t xml:space="preserve">This is the same number of reports that  teachers are currently responsible for. </t>
  </si>
  <si>
    <t xml:space="preserve">The words: emerging, developing,  proficient, and extending  - are too vague and do not lend themselves to a clear description of how the student is doing.  For example: "Mary is extending in reading this term" vs. "Mary is exceeding expectations in reading this term".  </t>
  </si>
  <si>
    <t xml:space="preserve">The Provincial Proficiency Scale is vague and is relatively meaningless to the intake officers at Post Secondary Institutions.  </t>
  </si>
  <si>
    <t>Most teachers are already including student self-assessments along with term reports.</t>
  </si>
  <si>
    <t xml:space="preserve">Based on my experience from teaching Kindergarten, the concept of "goal setting" is difficult for Kindergarten students to grasp.  </t>
  </si>
  <si>
    <t>I believe that a 4 point scale doesn't give students in gr. 8 +  9 enough definition of where they stand.  Also, I think that with the number of students on a secondary school teacher's case load makes it overly onerous to do meaningful comment-based reporting for each student.</t>
  </si>
  <si>
    <t>It really is a hoop to jump rather than a meaningful experience.</t>
  </si>
  <si>
    <t>Again, a meaningless hoop to jump through.</t>
  </si>
  <si>
    <t>Diversity should be celebrated.  There needs to be more support for teachers for certain students with special needs.</t>
  </si>
  <si>
    <t>The proficiency scaling doesn't really say anything or give any real idea of where the child stands.</t>
  </si>
  <si>
    <t>I prefer a 5 point scale rather than a 4 point scale</t>
  </si>
  <si>
    <t>Students do not understand how to accurately complete the self assessment and many do not take them seriously</t>
  </si>
  <si>
    <t>Students do not take these goal setting exercises serious and parents do not care about them</t>
  </si>
  <si>
    <t>It doesn't reflect the nuances of how students learn as well with a 4 point scale as with a 5 point scale</t>
  </si>
  <si>
    <t xml:space="preserve">The current reporting of students progress/grades is sufficient. Anymore reports will require too much time for teachers to complete during contract hours. Parents have access online and to the teacher at anytime and can monitor their child’s progress if they need more information. </t>
  </si>
  <si>
    <t xml:space="preserve">I don’t mind how the current grading system is done. As long as the upper grades have “letter grades/percentages” then it is good. This is so they have an easier time transferring their marks in university. </t>
  </si>
  <si>
    <t xml:space="preserve">It is important to make the transition from high school to university as simple as possible. Hence, ensuring the current system in place stays, there will be less hoops to jump through. If grades were to change, universities would need to change their requirements as well. </t>
  </si>
  <si>
    <t xml:space="preserve">It is important to have both options available. There are students who will move to another country that may only do letter grades/percentages. It is important to have this option so that transferring transcripts is less of an issue. </t>
  </si>
  <si>
    <t xml:space="preserve">If the student takes it seriously, then it is very useful as it allows students to reflect and make learning more meaningful for them. </t>
  </si>
  <si>
    <t xml:space="preserve">It is harder to carry out inquiry when there is a limited time to learn things and with so many students in a class. If students want more attention and time to explore, there needs to be smaller class sizes so the teacher can help their students more with their inquiry. </t>
  </si>
  <si>
    <t xml:space="preserve">3 formal reporting periods is sufficient enough for reporting students progress. Parents and students have access to their students progress online and can look at it at anytime. It can’t be just the teachers job to inform parents. Parents and students need to be involved as well. </t>
  </si>
  <si>
    <t>This will increase teachers' workload. We are already burdened under work pressure. Please don't add more!</t>
  </si>
  <si>
    <t>We already do 5 per year, 3 of which are written and formal.</t>
  </si>
  <si>
    <t>We already use this scale in elementary.</t>
  </si>
  <si>
    <t>Same as is current.</t>
  </si>
  <si>
    <t>I teach Kindergarten.  They barely, if at all, know what goals are.</t>
  </si>
  <si>
    <t>Why is the change being made? Will we have more time for example turn around days, to spend more time on reporting?</t>
  </si>
  <si>
    <t xml:space="preserve">This scale is too ambiguous and is not helpful for students or families to know what to work on and how to “meet” expectations </t>
  </si>
  <si>
    <t>This is the same as what we currently do.</t>
  </si>
  <si>
    <t xml:space="preserve">Too much workload for teachers to use two scales </t>
  </si>
  <si>
    <t>Usually these have been done with students personal technology like their phones or tablets which some lids do not have. It is not equally accessible.</t>
  </si>
  <si>
    <t>This will stay the same and not cause extra workload</t>
  </si>
  <si>
    <t xml:space="preserve">Makes it easy to understand as a parent </t>
  </si>
  <si>
    <t>Seems to be the same as it is now</t>
  </si>
  <si>
    <t xml:space="preserve">This will make it a bit more personal </t>
  </si>
  <si>
    <t xml:space="preserve">Very hard for the younger students to understand this concept </t>
  </si>
  <si>
    <t xml:space="preserve">Great for older students…very hard for younger children to understand </t>
  </si>
  <si>
    <t>This is great!</t>
  </si>
  <si>
    <t xml:space="preserve">It is hard for young students to understand this concept </t>
  </si>
  <si>
    <t>This is an incredible amount of work - formalising written reports puts a huge burden on teachers and becomes a puppet show of using appropriate language to say everything and nothing at the same time.</t>
  </si>
  <si>
    <t>Parents and students hate this feedback.  They don't get it.  They feel pigeon-holed into these wide brush strokes.</t>
  </si>
  <si>
    <t>It is a meaningful number to parents.</t>
  </si>
  <si>
    <t>Extremely difficult to implement and time consuming.</t>
  </si>
  <si>
    <t>We don't need more mandated reporting - we need better quality communication.</t>
  </si>
  <si>
    <t>This is adding additional time to the reporting process that would better be spent teaching, helping students, or prepping.</t>
  </si>
  <si>
    <t>The new rubric currently in use seems fine. I personally prefer to hear about levels of achievement using descriptive language over percentages or letter grades.</t>
  </si>
  <si>
    <t>Will there be clear language provided by the Ministry of Education to show students, parents, and teachers how these map to levels of achievement? Why is this extra work being downloaded onto schools rather than letting post-secondaries, which collect fees to read applications, convert it?</t>
  </si>
  <si>
    <t>See previous comments. If the Ministry has decided that the levels of achievement are more accurate and pedagogically sound, why create extra work and further confusion by having 2 separate reporting methods at the same time? Post-secondary institutions are free to look up the conversion themselves.</t>
  </si>
  <si>
    <t>I would love to see more thoughtful reflections from my kids in this area. When will they be given time to prepare and practice this without eating into their instructional classroom time?</t>
  </si>
  <si>
    <t>Is this in each subject or for all? So long as students are given time for this and can include it in the reporting themselves. Otherwise it's piling yet more work on teachers and administrative staff who would need to organise, input, and review it in addition to all the other reporting pr</t>
  </si>
  <si>
    <t>This is already the case for every teacher my kids have had. They're offered all kinds of adaptations, which is great. I imagine it's a lot of extra work for the teacher though. Will that be reflected in a pay increase or additional preparation time?</t>
  </si>
  <si>
    <t>I don't believe post-secondary institutions should dictate provincial reporting policy. If the research shows levels of achievement are better practice to the point that we're shifting everyone to them, then we should have the conviction to stand by that.</t>
  </si>
  <si>
    <t xml:space="preserve">I’m confused as to how this would apply to the semester system.  I am also concerned as to the amount of writing which may be expected, given I may teach up to 120 students per semester.  </t>
  </si>
  <si>
    <t xml:space="preserve">Ideally we wouldn’t have letter grades or percentages—I think not having numbers or grading is a much better system for the learner.  However, I understand that post-secondary institutions are looking for these and so it is a disservice to the student to not provide these.  
</t>
  </si>
  <si>
    <t xml:space="preserve">Too confusing and unnecessary.  One or the other.  </t>
  </si>
  <si>
    <t>I wonder about logistics in the collecting of this data.  Which teacher will be responsible for administering the self-assessment? How will this be transmitted across semesters?</t>
  </si>
  <si>
    <t xml:space="preserve">Same reasons as above.  </t>
  </si>
  <si>
    <t xml:space="preserve">Yes.  However-haven’t we been doing this for years? I hope we have.  </t>
  </si>
  <si>
    <t xml:space="preserve">See my response to the appropriate question. Also I don’t think that we, as public school teachers, should do the bidding of post-secondary institutions.  Our goal is to help each student grow, progress, learn and discover.  Our goal is not to help them meet some arbitrary percentage point.  </t>
  </si>
  <si>
    <t xml:space="preserve">Too much additional work for teachers. They work hard to complete the existing reports </t>
  </si>
  <si>
    <t xml:space="preserve">Middle school and high school teachers have too many students to complete this level of reporting efficiently </t>
  </si>
  <si>
    <t>Why make the high school teachers use two grading scales?</t>
  </si>
  <si>
    <t xml:space="preserve">Will there be added planning time given to teachers? </t>
  </si>
  <si>
    <t>How do you propose teachers track this?</t>
  </si>
  <si>
    <t xml:space="preserve">We keep adding more work to what teachers have to accomplish in a year </t>
  </si>
  <si>
    <t>Why update this if it hasn't changed? Why not ask us to do proper reporting through communicating student learning?</t>
  </si>
  <si>
    <t>This is terrible language. The idea that we would assess a student as "extending" is ludicrous.  Furthermore, the fact that there are 3 verbs and one adverb makes no sense. THIS IS NO DIFFERENT THSN MINIMALLY MEETING etc. It does nothing to move our practice forward and help kids grow. Not enough ro</t>
  </si>
  <si>
    <t xml:space="preserve">Why keep this the same? Why can't we be progressive and talk about strengths rather than assigning arbitrary numbers? Universities have moved in this direction and yet we are being stagnant. </t>
  </si>
  <si>
    <t>The scale is terrible. Use growth based language instead. Push practice forward. Allow us to do a good job rather than keeping us doing the same old garbage.</t>
  </si>
  <si>
    <t xml:space="preserve">It's ineffective, but I have no solution at this point. </t>
  </si>
  <si>
    <t xml:space="preserve">How can we use performance standards rather than growth based language and yet tell kids we will assess their growth on goals? Those two things (judgment and growth) do not go together.  Change the language and this would work. </t>
  </si>
  <si>
    <t xml:space="preserve">Isn't this already happening? If not,  shame on those educators. </t>
  </si>
  <si>
    <t xml:space="preserve">Nothing has changed using this scale, it is only semantics. Furthermore, this scale does not help students grow. It is a waste of time.  Use growth based language! </t>
  </si>
  <si>
    <t>Jumping from a sliding scale to letter grades that close to graduating may be detrimental to their GPA</t>
  </si>
  <si>
    <t xml:space="preserve">It’s the way it’s been always done and it makes sense for those carrying on to post-secondary institutions </t>
  </si>
  <si>
    <t xml:space="preserve">Teachers have enough to do. They should do one, not two types of assessments reporting. </t>
  </si>
  <si>
    <t>There is already too much for teachers to accomplish in a year. This is a very time-consuming task, especially for young learners</t>
  </si>
  <si>
    <t>This is more assessment for teachers to manage</t>
  </si>
  <si>
    <t>Unsure of differences as teacher's are good at informing challenges throughout year</t>
  </si>
  <si>
    <t xml:space="preserve">That's already done so unclear what the difference is </t>
  </si>
  <si>
    <t>As this is already standard..it would be nice if we focused on the strengths at this grade and assist on giving them opportunities to those strengths. Each child learns differently and grading at this age can be discouraging.</t>
  </si>
  <si>
    <t>There are many stresses and encouraging and motivating studies to each individual student would be ideaal</t>
  </si>
  <si>
    <t xml:space="preserve">That puts each in a certain pool. Children already have insecurities. I would be worried about mental health. Positive action brings positive results </t>
  </si>
  <si>
    <t xml:space="preserve">It is more effective for families to receive ongoing timely evidence of student learning through work samples, digital portfolios, rubrics, meetings etc. within a subject matter rather than providing 3 written reports throughout the year. </t>
  </si>
  <si>
    <t xml:space="preserve">The wording of the headings is difficult for parents to understand.  They are not sure where there child should be and what represents "meeting" the expectations of their grade.  Checklists with skills taught and child's level of proficiency are much easier for parents to understand. </t>
  </si>
  <si>
    <t>Assessing these competencies with young children is not very authentic.  Their awareness of self is not well developed and generally the results do not really reflect the child.</t>
  </si>
  <si>
    <t>Parents find this language confusing.  It is clearer to use Fully meeting, minimally meeting &amp; not yet meeting.</t>
  </si>
  <si>
    <t>It is challenging for young children to set goals, steps to achieve goals &amp; track progress.  It takes a lot of class time to support students through this process. It is best left to older students (gr5 and up).</t>
  </si>
  <si>
    <t>The language confuses parents.</t>
  </si>
  <si>
    <t>The proposed frequency of reporting might be the same as it currently is, but the proposed method may require more time for teachers to complete.  If there is software that could assist in making proficiency scale reporting quick for teachers, then the proposed frequency of reporting is not an issue</t>
  </si>
  <si>
    <t>A software program that allows for teachers to complete proficiency scale reports and descriptive feedback quickly would make this method of reporting less onerous.  High school teachers may have as many as 220 students at one reporting time to complete report cards for ( on linear system)</t>
  </si>
  <si>
    <t>It's important for A+ students applying for scholarships to be distinguished between one another.    Proficiency scales that state two students are exceeding expectations does not allow for differentiation.  There is a clear distinction between 91% and 99% to decide who is excelling above the other.</t>
  </si>
  <si>
    <t>Who decides that this is going to be an option?  Teachers?  Schools?  District principals or superintendents?  The lack of consistency across the province if this is an option could be problematic, but also teachers don't maintain their autonomy if district officials require teachers to complete.</t>
  </si>
  <si>
    <t>I don't think this should be required.  I think as an option this would be good practice and lots of teachers already have students do self-reporting/self-assessment currently.  Making this a requirement is not necessary.</t>
  </si>
  <si>
    <t>I don't think this should be required.  I think as an option this would be good practice and lots of teachers already have students complete goal setting and reflection currently.  Making this a requirement is not necessary. This is already being done by students through CLC 10, 11, 12 courses.</t>
  </si>
  <si>
    <t>I would love to see how the province will support and help implement equitable assessments of diverse students such as ELLs.  How will the province implement and support classroom teachers in providing assessments in a student's first language?  Punjabi?  Tagalog? Finnish?  Cree?  Etc..</t>
  </si>
  <si>
    <t xml:space="preserve">I don't think Grade 9 students should have proficiency scale reporting.   Most high schools are grades 9 thru 12.  It doesn't make sense to have a different type of reporting requirement for grade 9's than the other three grades (10 to 12).  Consistency at high school level is important. </t>
  </si>
  <si>
    <t>It seems like there is too much, since there is such a lack of feedback from parents. This much reporting makes parents be less interested in what we have to say.</t>
  </si>
  <si>
    <t>This happens throughout the year in classrooms, so why is it mandated to be in every reporting period? It just means one more thing to be put in report cards, which becomes one more thing that parents do not show interest in reading.</t>
  </si>
  <si>
    <t>Again, many teachers already do this and should not be mandated. Also, I would be okay with doing this, if there was less other expectations put on teachers for reporting.</t>
  </si>
  <si>
    <t>Having less reports going out would make the ones that do go out more meaningful to parents.</t>
  </si>
  <si>
    <t>Teachers already have a full workload in addition to extra curricular activities. It would be difficult to make any progress if constantly assessing and writing for reports.</t>
  </si>
  <si>
    <t xml:space="preserve">Again, this takes time away from planning and teaching the curriculum. </t>
  </si>
  <si>
    <t xml:space="preserve">We already have inclusive assessment and evaluation processes. </t>
  </si>
  <si>
    <t>This adds to the workload of teachers; we already report adequately; we already contact with parents regularly whenever needed and do not need more formal reporting than current practice.</t>
  </si>
  <si>
    <t>Parents do not understand this Proficiency Scale. Letter grades and standard comments are more than adequate especially with all of the contact teachers already have with parents. From our pilot program, student performance also drastically declined when grades are removed for Proficiency Scales.</t>
  </si>
  <si>
    <t>Status Quo grading and reporting. Students understand this, parents understand this, and post-secondary understands this.</t>
  </si>
  <si>
    <t>This is adding even more to teachers' workloads. The curriculum and Ministry expectations keeps increasing without time or other considerations towards teachers or students. Stress levels are increasing among teachers and time taken away from student learning of even the basics.</t>
  </si>
  <si>
    <t>Again, adding more to teacher workloads without any compensation. Stress levels are increasing rapidly in teachers and students with more and more being added to the curriculum and other expectations.</t>
  </si>
  <si>
    <t>I find this very disrespectful towards teachers as this is already being done. Teachers are professionals and need to be treated so.</t>
  </si>
  <si>
    <t>Proficiency scales have proven to be negatively impacting student engagement and achievement in our pilot schools. Performance declined almost immediately and very evident after 2 years so we had stopped this practice and returned to letter grades. But I disagree with almost all of the above!</t>
  </si>
  <si>
    <t xml:space="preserve">Its adding onto a year that already is packed with other demands. This will not allow for me to teach. </t>
  </si>
  <si>
    <t>This new way has gotten the students to reflect on their learning in a meaningful way.</t>
  </si>
  <si>
    <t xml:space="preserve">Dont teach this level. </t>
  </si>
  <si>
    <t>With Covid I’m just trying to keep my head above the water.  At this time we do not need any changes as stress is already at an all time high</t>
  </si>
  <si>
    <t>Already using this system</t>
  </si>
  <si>
    <t>Teach middle school</t>
  </si>
  <si>
    <t>More paperwork that nobody reads</t>
  </si>
  <si>
    <t>That should be the focus</t>
  </si>
  <si>
    <t>As a LST teacher there is only one document in a students file per year.  This is not helpful for a struggling student.</t>
  </si>
  <si>
    <t>not enough information</t>
  </si>
  <si>
    <t xml:space="preserve">contrived
</t>
  </si>
  <si>
    <t>contrived</t>
  </si>
  <si>
    <t>Teachers differentialte</t>
  </si>
  <si>
    <t>It is not a change from current policy.</t>
  </si>
  <si>
    <t>A four-point scale does not give an accurate indication of a student's level. The current proficiency scale (and the descriptive language used with it) does not give a clear indication of a student not meeting the expectations or requirements of a certain subject area.</t>
  </si>
  <si>
    <t>I have not had enough experience in this area to express an opinion. I haven't had recent experience with  post-secondary applications to understand the process and what effect and change in policy here would have.</t>
  </si>
  <si>
    <t>This is extra work for teachers with no commensurate compensation or preparation time.</t>
  </si>
  <si>
    <t>This depends greatly on the format this self-assessment is required to take.</t>
  </si>
  <si>
    <t>Unless this policy is accompanied by sufficient funding and staffing support in schools, this is simply an official downloading of more responsibility onto teachers.</t>
  </si>
  <si>
    <t>What was left out in the frequency of reporting question was the change to the number of subject areas that must be reported on every one of the 5 times. This is extra work for teachers with no commensurate compensation or preparation time.</t>
  </si>
  <si>
    <t>Cela augmente le nombre de rapports écrits en plus des  port folios qui demandent énormément de temps à produire par les enseignants.</t>
  </si>
  <si>
    <t xml:space="preserve">Nombre de rapports trop élevé. Les compétences se développent avec le temps et de les évaluer en fin d’année est suffisant. </t>
  </si>
  <si>
    <t>Cela rendrait les enseignants submergés par toute cette paperasse qui est déjà très lourde avec les grands nombres d’élèves par classe. Les tres jeunes enfants ne peuvent s’exprimer sur le vocabulaire de ces objectifs. Ils sont incapable de mettre des mors et ne comprennent pas ce qu’on leur demande</t>
  </si>
  <si>
    <t xml:space="preserve">Trop de charge pour les enseignants qui ont de plus en plus d’élèves à besoins spéciaux à prendre charge et rendre des comptes quant à leurs apprentissages. </t>
  </si>
  <si>
    <t xml:space="preserve">This is in line with our core competencies and moving towards positive student feedback.  </t>
  </si>
  <si>
    <t>It’s important students self-reflect and builds on internal motivation to improve one’s self</t>
  </si>
  <si>
    <t>Unsure if teachers and students need to report at the same time.  Students do this anyway and I am unsure how this requirement will look</t>
  </si>
  <si>
    <t xml:space="preserve">This already happens with IEPs.  I’m interested to see how this changes and if new inclusion manuals will be developed to replace outdate language in special education manuals </t>
  </si>
  <si>
    <t xml:space="preserve">By Grade 9, children in other countries (ex. Europe, the UK) have government exams with letter assessments and summative feedback as well, and so will have a significant advantage over Canadian students when entering higher education as they will have more experience of this kind of feedback. </t>
  </si>
  <si>
    <t xml:space="preserve">There needs to be a component of provincial assessment back in secondary schools. It improved rigour. And again, this makes it more akin to the system in other countries and means our students will be able to adapt globally if they want to. </t>
  </si>
  <si>
    <t xml:space="preserve">Has no reference to post-secondary experiences currently. See previous comments. </t>
  </si>
  <si>
    <t xml:space="preserve">Students may view it as a waste of time. The government will not provide any extra resources to monitor this and it will increase the workload of teachers. </t>
  </si>
  <si>
    <t xml:space="preserve">Not enough funding. We already have cuts to EAs. More work for teachers. </t>
  </si>
  <si>
    <t xml:space="preserve">I cannot choose between the many terrible options. </t>
  </si>
  <si>
    <t xml:space="preserve">At this level.the achievement level is more important than a grade number. </t>
  </si>
  <si>
    <t xml:space="preserve">Requirements for post secondary. </t>
  </si>
  <si>
    <t xml:space="preserve">There is no need for this when students need to adjust to a percentage to prepare for post secondary education. </t>
  </si>
  <si>
    <t xml:space="preserve">This ultimately puts more work on the teaching staff and students will see it as a piece of paper that they have to fill out and then can ignore the rest of the class. </t>
  </si>
  <si>
    <t xml:space="preserve">This is already often implemented by many teachers and having this universal again becomes an extra box to check with no meaningful impact. Students don't always want to be in a course and this will lead to them resenting it even more. </t>
  </si>
  <si>
    <t xml:space="preserve">This should already be happening. Not sure what changes are actually being made that will make an impact or if you are just saying this to have it here as performative activism. </t>
  </si>
  <si>
    <t xml:space="preserve">I feel like I put a lot of extra effort into my written report and I know having talking to some parents that since the switch to myed and online only they haven’t looked at them. </t>
  </si>
  <si>
    <t xml:space="preserve">It’s just different language of a 1-4 scale that primary has always used. </t>
  </si>
  <si>
    <t xml:space="preserve">Not relevant to me </t>
  </si>
  <si>
    <t xml:space="preserve">See above </t>
  </si>
  <si>
    <t xml:space="preserve">If it creates more report card written work then I am against it. </t>
  </si>
  <si>
    <t xml:space="preserve">Younger children have difficulty coming up with realistic goals and so I end up setting goals for them </t>
  </si>
  <si>
    <t xml:space="preserve">If this is a way for the government to remove IEPs and therefore extra support for those vulnerable learners then I am against it.  </t>
  </si>
  <si>
    <t>I feel that the balance between Written and Other is appropriate especially if the options for the non written remain flexible.</t>
  </si>
  <si>
    <t>Although the word APPLYING would be better than Proficient</t>
  </si>
  <si>
    <t>Seems redundant to do both.</t>
  </si>
  <si>
    <t>I believe that self assessment for the competencies is appropriate but think that in the early years it isn't necessary to do them all on all reports.  Focus on an area while they are learning what it means and then move from there.</t>
  </si>
  <si>
    <t>This will become a make work job for Primary teachers.  I believe this is important work and should be done as appropriate but to include it on the Reporting Order needs to ensure it is flexible and not limiting.  It could quickly become too much. EVIDENCE is a better tool!</t>
  </si>
  <si>
    <t xml:space="preserve">Inclusion and consideration of Diverse abilities is important and assessment practices should be chosen to suit the learner.  ALL learners don't need the same tool.
</t>
  </si>
  <si>
    <t>The amount of requirements in the written reports</t>
  </si>
  <si>
    <t>It is overkill to include all those requirements in a written report when it makes more sense for teachers to send home thorough evidence of learning and progress as it occurs.  This evidence should clearly explain what the intent was and how the learner did against a standard and the next steps</t>
  </si>
  <si>
    <t>Assessment reporting overload. The need to report out that often is overkill</t>
  </si>
  <si>
    <t xml:space="preserve">There is no need to provide proficiency to all subject areas particularly K-5. Working on primary skills and competencies is paramount.  </t>
  </si>
  <si>
    <t>Don’t teach this grade</t>
  </si>
  <si>
    <t>For primary grades this is a very daunting task that doesn’t enhance a students learning environment particularly K-3</t>
  </si>
  <si>
    <t xml:space="preserve">K-3 have no idea what hat is going on and too much time will be spent creating things that have no relevance </t>
  </si>
  <si>
    <t xml:space="preserve">Are you serious. We can’t even get support for these students let alone a comprehensive report for them </t>
  </si>
  <si>
    <t>One???? Seriously , student assessment and goal setting for start</t>
  </si>
  <si>
    <t xml:space="preserve">Unreasonable to expect such thorough reporting that many times a year. We are barely into the year trying to establish routines and a report is due??? </t>
  </si>
  <si>
    <t xml:space="preserve">Too much work and too time consuming. </t>
  </si>
  <si>
    <t xml:space="preserve">Important for university. </t>
  </si>
  <si>
    <t xml:space="preserve">Too much work for teachers. </t>
  </si>
  <si>
    <t xml:space="preserve">During it in every reporting period is too demanding of teachers and students. </t>
  </si>
  <si>
    <t xml:space="preserve">Kindergarten students are not able to do this. </t>
  </si>
  <si>
    <t xml:space="preserve">Unrealistic for teachers to do this much. </t>
  </si>
  <si>
    <t>Please don’t create more work</t>
  </si>
  <si>
    <t xml:space="preserve">Unless it replaces something. One more thing that just becomes another checkbox. </t>
  </si>
  <si>
    <t xml:space="preserve">And goal setting. </t>
  </si>
  <si>
    <t xml:space="preserve">There is sufficient reporting. Creating multiple reports takes away time teachers devote to creating meaningful learning engagements. </t>
  </si>
  <si>
    <t xml:space="preserve">Keep it as it is. </t>
  </si>
  <si>
    <t>Takes too much time away from learning the material</t>
  </si>
  <si>
    <t xml:space="preserve">We need to speak to parents  not to generate more written reports! For k-2 grade classes; too onerous to get to all the written self assessment ( we only have 1 adult to scribe their words!)  for .Competency based instruction. We  need more teacher/ student, time to allow for true reflection ! </t>
  </si>
  <si>
    <t xml:space="preserve">It lets parents know where students are in relation to grade expectations ; not just their personal growth. Parents may take more interest if their child is not meeting grade expectations! </t>
  </si>
  <si>
    <t>This language needs to be all year long. We also need to stop all the antiquated data collection that t doesn’t inform student ability or teaching practices We need another adult in k-2 classes to have competency based instruction and true student reflection.  Old and new do not work well together .</t>
  </si>
  <si>
    <t xml:space="preserve">We need more adults to facilitate this type of personal instruction . Give us more interventionists or at least some E.A.’s to facilitate these interactions.  All grades now have multi- grade  level students. Put some funding into staff to make this instruction possible </t>
  </si>
  <si>
    <t>Of course disabled students need individualized instruction and assessment More staffing is needed if you propose that. We can barely met all the needs without staff!  All the people proposing this should get in a class and see what you are asking us to do!</t>
  </si>
  <si>
    <t>We need to report on Reading , Writing and Mathematics! We need to only give ways to support learning in those core subjects. We need to list the learning outcomes for science, socials, music and gym and have the students write a reflection for two subjects.Grade level expectations need to be clear!</t>
  </si>
  <si>
    <t xml:space="preserve">Writing a “summary of learning” for roughly 120 students per semester on top of regular reporting (letter grades, percentages and comments) will create much more work. In addition, I would hope that the ministry would provide specific expectations and training for writing the summary of learning. </t>
  </si>
  <si>
    <t xml:space="preserve">From what I understand, this is what is already being done. </t>
  </si>
  <si>
    <t xml:space="preserve">We already do this, so it is something that teachers know how to do and are confident in using to show final outcomes. As this is required by universities, it is reasonable to continue. </t>
  </si>
  <si>
    <t xml:space="preserve">If we are saying that marks and letter grades are important, what is the point of adding these words? It feels like trying to force it just so that you can say there’s continuity. If it goes through, it probably won’t be something that students, parents or universities give weight to. </t>
  </si>
  <si>
    <t>I think this could be meaningful if implemented properly, and not as a quick add on where students get into the computer lab a few times a year and try to make things up about their learning.</t>
  </si>
  <si>
    <t>I think goal setting is good for students. However, I also think that students have extremely high needs at the moment, and are significantly behind in many skills. This includes some basic learning skills. I think we need to give students a lot of flexibility in the types of goals they’re setting.</t>
  </si>
  <si>
    <t xml:space="preserve">I think teachers are already doing this. At the same time, we have full classes and a seemingly ever-increasing number of students with intellectual disabilities and behavioural issues, many of whom aren’t designated. This is challenging and class sizes may need to be reduced. </t>
  </si>
  <si>
    <t xml:space="preserve">The frequency of reporting and summary of learning seems like it will add work for secondary teachers. Furthermore, if the ministry doesn’t provide specific expectations and training, many will be overwhelmed and the feedback won’t be meaningful. </t>
  </si>
  <si>
    <t>Too much work added to my heavy workload</t>
  </si>
  <si>
    <t>It's a good system</t>
  </si>
  <si>
    <t xml:space="preserve">If students don't do the work, they should fail. Quit passing them, and letting them graduate when they can't even read or do math. </t>
  </si>
  <si>
    <t>It's good for students to self assess</t>
  </si>
  <si>
    <t xml:space="preserve">It would be good for the students to have accountability </t>
  </si>
  <si>
    <t xml:space="preserve">Too much of a workload already. I don't need more work. </t>
  </si>
  <si>
    <t xml:space="preserve">The reporting policies just changed from 3 written to 2 written. Now we are expected to change again. This has a huge impact on teachers' work(over)load. </t>
  </si>
  <si>
    <t xml:space="preserve">The scale is not great but fine...however we are still required to report using A, B, C at the end of the year which is ridiculous. How are we supposed to switch back and forth from one system to another especially considering that the proficiency scale requires a shift from PLOs to skill-based. </t>
  </si>
  <si>
    <t xml:space="preserve">If you want to reform the education system please just do it. Parents are putting pressure on elementary school teachers to give % and letter grades using high school or private school applications as their argument. </t>
  </si>
  <si>
    <t xml:space="preserve">They are NOT equivalent as the Ministry explained to us many times when the proficiency scale was introduced. This encourages the false ideas that Extending = A and Applying = B ...if that is the case then the whole premise of the proficiency scale colapses. </t>
  </si>
  <si>
    <t xml:space="preserve">Teachers already use self-assessment though the year as this is a sound pedagogical practice. Having to include it in all reporting has a huge impact on teachers' work(over)load. </t>
  </si>
  <si>
    <t xml:space="preserve">Teachers already use goal-setting though the year as this is a sound pedagogical practice. Having to formally report on it has a huge impact on teachers' work(over)load. </t>
  </si>
  <si>
    <t>The idea is good. However, inclusion cannot be achieved without the appropriate resources. Unless you give teachers adequate prep time and support (SSA, SSW resource teachers, specialists, counselors, psychologists, etc) then this is not something that can be achieved. Invest in inclusion!</t>
  </si>
  <si>
    <t>The Ministry would be advised to consider teachers' work(over)load in a pandemic with decades of underfunding and programing cuts before proposing major changes that will add stress, work, confusion, and frustration at all levels. Efficient reporting tools (21st century please) are needed!</t>
  </si>
  <si>
    <t>I try to provide summaries but I get minimal to no feedback about them. I'm not sure why we would do this if no one cares.</t>
  </si>
  <si>
    <t>we are struggling so much. there is so much extra work to do and it is so difficult to maintain current programs right now during the pandemic. every ounce of energy needs to go to trying to support students--if we have to do even more new things, it will be at the expense of student support</t>
  </si>
  <si>
    <t>it may not be ideal, but it is best for now with the state of chaos and stress in our schools</t>
  </si>
  <si>
    <t>please, please stop and focus on real support in the classroom for students and teachers via smaller classes during the pandemic. any change will come at the expense of student support because we have no time for this</t>
  </si>
  <si>
    <t>we do not possess the technology nor tech support to do this</t>
  </si>
  <si>
    <t>unless there is time and energy to truly understand goal-setting, this could turn out very poorly. I see my students pressured to make career choices when they should be exploring their interests, and passion projects turned into productivity sessions :(</t>
  </si>
  <si>
    <t xml:space="preserve">this reporting is meaningless in supporting diversity and inclusion unless there is more concrete support in the classroom for meeting the needs of diverse learners </t>
  </si>
  <si>
    <t>unsupported, irrelevant to current state</t>
  </si>
  <si>
    <t>students and staff are not adequately supported in the classroom right now and can't take this on. please stop and focus on addressing the crisis we are facing in public education</t>
  </si>
  <si>
    <t>I think we have sufficient time in-between five reporting times.</t>
  </si>
  <si>
    <t xml:space="preserve">The four-point scale is very unclear and wage and includes a broad range. Kids don't try enough as they say no matter what they do it's always developing or proficient. </t>
  </si>
  <si>
    <t>it should include grade 7 and up.</t>
  </si>
  <si>
    <t>should include other grades</t>
  </si>
  <si>
    <t>students do self-assessment in class and share it with parents.</t>
  </si>
  <si>
    <t xml:space="preserve">At the elementary level, students need guidance in setting their goals. </t>
  </si>
  <si>
    <t>proficiency scale does not provide a clear picture of student understanding and learning.</t>
  </si>
  <si>
    <t>5 times per year is too much! 3 reporting periods per year is okay with final written is fine! Resource teachers write IEP’s which should be one pagers and teachers who teach courses as some of us resource teachers do besides writing IEP’s is quite a challenge! I don’t like the student generated…</t>
  </si>
  <si>
    <t>We get Middle school students who come to high school and they have no work ethic, are work avoiders and because of the no fail policy I usually see students who are several grades below in skills and when students with grade 3 math and English skills expect to start high school with massive deficit</t>
  </si>
  <si>
    <t>A standard reporting is fine but their must be standards met for students before they get to high school like having to pass math and English standard skills tests before they come to high school which they must pass to progress because they have 3 or more grade levels below in skills and they come.</t>
  </si>
  <si>
    <t>Students-most-are way too immature mentally to even assess themselves due to being not fully prepared to assess themselves in a mature, accurate and meaningful way! Perhaps the top 10% of students are mature enough to self-assess but rest no way as proven by their attempts in doing so which leads to</t>
  </si>
  <si>
    <t>Again, this would involve too much teacher guidance because the vast majority are not proven ready to goal set because they are so unsure about what they want so this should be a choice left to those who must advocate for it as this is one skill that would indicate they value this opportunity most..</t>
  </si>
  <si>
    <t xml:space="preserve">All student evaluations I’ve ever done has always expressed their true skills and where they are at! This seems like a silly attempt at a meaningless exercise as all students regardless of ability I have always accurately assessed their abilities and skills and reported their skills development </t>
  </si>
  <si>
    <t>Goal setting, self-assessment and D&amp;I</t>
  </si>
  <si>
    <t>I have already stated reasons! Mostly students not demonstrated enough maturity to respond accurately or in meaningful ways as they just want to pass and most are not ready for this level
Of involvement! Few are but most don’t act like they are even interested or care they just want to leave school</t>
  </si>
  <si>
    <t xml:space="preserve">3 reports a year already represents a substantial work load. Two additional updates being mandatory for each student seems excessive. If students are struggling it makes sense to make contact with home but to make it mandatory is too much </t>
  </si>
  <si>
    <t>I like how it allows more flexibility in determining a student’s understanding of content but most parents and students still assume beginning = C Developing = C+ Applying = B Extending = A</t>
  </si>
  <si>
    <t xml:space="preserve">Students do eventually need to be held to quantifiable standards </t>
  </si>
  <si>
    <t xml:space="preserve">Core competencies sound great on paper but the actual implementation is broad and vague </t>
  </si>
  <si>
    <t>It is important that students receive the adaptations they need to be successful but it is ridiculous to expect a classroom teacher with no support or EA to meet the needs of such a broad range of needs</t>
  </si>
  <si>
    <t xml:space="preserve">Concerns about increased workload, which is already extremely high. </t>
  </si>
  <si>
    <t>Proficiency scale is currently working well.</t>
  </si>
  <si>
    <t>Student self-assessment is important, but not necessarily formally at each reporting time.</t>
  </si>
  <si>
    <t>This could be done on a more informal level, not necessarily tied to reporting periods.</t>
  </si>
  <si>
    <t>Reporting periods in high school classes happen too often and detract from quality class room engagement. In a semester an average secondary teacher has 90-120 students. Writing individual reports for each one takes days if not weeks and pulls the teacher away from the focused engagement in a class</t>
  </si>
  <si>
    <t>I have read many pieces of research that support the progress scale over percentages. Would be in favour of moving this all the way to grade 12</t>
  </si>
  <si>
    <t>Reporting and assessing via letter grades is not supported by research and does not encourage a learning mind set. 
If percentages are wifey unavailable the universities will have to vet for acceptance another way. One of your bodies needs to move first.</t>
  </si>
  <si>
    <t>This logic makes no sense and creates more work for teachers. It is not supported by evidence. Remove percentages and let the universities redesign models and vetting.</t>
  </si>
  <si>
    <t>These reflections are almost always an after thought in secondary schools where teachers are focused on subject specific assessments. Students are called in masses to reflected on comeptencies that have not been introduced to. The reflections do not have the depth to make them worth while. performat</t>
  </si>
  <si>
    <t xml:space="preserve">This is already the practice inmany classroom but to set them up as time-restricted (due at reporting period) devalues the method and ignores the pedagogy followed in the first people’s principles </t>
  </si>
  <si>
    <t>As it hopefully already is</t>
  </si>
  <si>
    <t xml:space="preserve"> Too many subjects. Doesn't address student attitude and work habits </t>
  </si>
  <si>
    <t xml:space="preserve">Required for post secondary </t>
  </si>
  <si>
    <t>Use letter grades. Don't double up on scales</t>
  </si>
  <si>
    <t>Starting too early. Self assessment should start in middle school when students are more aware of the world</t>
  </si>
  <si>
    <t>Younger students are not too self centered to do this</t>
  </si>
  <si>
    <t xml:space="preserve">Start self assessment in middle school. Younger students are too self absorbed </t>
  </si>
  <si>
    <t xml:space="preserve">I am unclear on what the end of year summary would be in comparison to an end of semester report card. But 5 reports is comparable to current. </t>
  </si>
  <si>
    <t xml:space="preserve">As a parent the descriptive feedback would be valuable. </t>
  </si>
  <si>
    <t xml:space="preserve">Many of my students require percentages for post secondary. However, percentages can be arbitrary and require large amounts of data to be accurate—I would often be unable to provide an accurate percentage by 25% of a semester course. </t>
  </si>
  <si>
    <t xml:space="preserve">I appreciate the flexibility and attempt at continuity, but the proficiency scale is the same as grade (for example, extending should be 86-100%) and would be redundant. </t>
  </si>
  <si>
    <t xml:space="preserve">I am unsure on how to provide evidence for the core competencies in a way that is meaningful. I agree with goal setting and reflection on work/study habits. I also don’t see how the current MyEd platform would support this type of reporting. </t>
  </si>
  <si>
    <t xml:space="preserve">Great idea but again would be difficult to include on reports. Technology support is needed as MyEd doesn’t appear to support this type of reporting. </t>
  </si>
  <si>
    <t xml:space="preserve">I agree with the philosophy but I think more support in resources (scales and rubrics) is necessary for this to be doable. I am trying to develop something like this for a current student and it is taking an exorbitant amount of time. </t>
  </si>
  <si>
    <t xml:space="preserve">I think as with the current policy, the order is vague and leaves teachers ill equipped to do this well, and it should be done well. </t>
  </si>
  <si>
    <t>Current reports are very time consuming to create and often parents do not read the bulk of the content, nor do they respond to concerns expressed and recommendations provided.  Increasing the number of reports will create a lot of work for teachers with little benefit to direct instruction in class</t>
  </si>
  <si>
    <t>Since reporting moved from a letter grade system to a proficiency system, students seem to be less interested in striving to achieve top quality results.  They focus on doing the bare minimun rather that excelling to achieve a high standard.</t>
  </si>
  <si>
    <t>Letter grades and percentages give a tangible weight to student performance and prepare them for future academic and training endeavors.  Most people would not want a doctor who only achieved 50% on basic skills, or was developing their skills but still received their medical certificate.</t>
  </si>
  <si>
    <t>A proficiency scale may be appropriate in some subject areas, such as hands on and trades related, but would not always assist in converting completed assignments to letter grades.  They are two entirely different systems and do not mesh effectively.</t>
  </si>
  <si>
    <t>Student self assessment can be beneficial, but again, many parents do not look through the volumes of paper that are included in elementary school reporting already.  Goal setting can be an effective way to help students achieve growth in their learning.</t>
  </si>
  <si>
    <t>Very difficult to incorporate so many different forms and types of assessment and reporting into one system.  Parents will have too much to look at, and teachers do not have enough time (or support for students with learning and behavioral challenges) to do everything.</t>
  </si>
  <si>
    <t>Not even close to realistic.  You are expecting teachers to do more with less, to manage more students with complex needs and then you want all this stuff in several reports a year?  Yet teachers do the bulk of this on their own time in addition to everything else you expect.</t>
  </si>
  <si>
    <t>Lack of time provided to teachers.  It can take 30-40 hours of time outside class time for a teacher to complete one set of report cards.  Do this 5 times a year??  And add in several other forms of assessment which take up a lot of class time??  All with not enough support for students in class.</t>
  </si>
  <si>
    <t>In a semester system, having an odd number of reports makes no sense at all. Also, since the advent of MyEd, most parents have very much disengaged from the reporting process, and don't even check their students' grades or reports at all. I'd give more feedback, but you have a very low character lim</t>
  </si>
  <si>
    <t>It lulls middle-school students into a state of apathy regarding their learning and does not prepare them for high school. The good, self-motivated students will always succeed, but it severely restricts the motivation for normal students because the feedback is meaningless.</t>
  </si>
  <si>
    <t xml:space="preserve">The system is not perfect, but it prepares students for % scales in real life, which are not going away (post-secondary studies, workplace performance reviews, etc). Unfortunately percentages cause many students to care more about the grade than about their actual learning. </t>
  </si>
  <si>
    <t>A 4-point scale is too blunt to be useful at all at the high school level. A system with a 20-point scale is much more refined, and gives students a better idea of where they can improve, but not too exact, such as a %. (Germany uses 6 points until grade 9 or 10, then uses 18 points)</t>
  </si>
  <si>
    <t xml:space="preserve">Training metacognition is a great idea, but also takes away from the very limited time we have with students to cover our curriculum. The intrinsically motivated students will attempt a thoughtful and accurate self-assessment. The majority will mindlessly give themselves an A. </t>
  </si>
  <si>
    <t xml:space="preserve">Training goal-setting is a great idea, but also takes away from the very limited time we have with students to cover our curriculum. This will become another of the many "hoops" that the students have to jump through, rather than a meaningful exercise.  </t>
  </si>
  <si>
    <t xml:space="preserve">Our students are all special snowflakes, believing they are destined to be doctors and lawyers. Too worried about hurting their fragile egos, nobody has the balls to tell them they don't have what it takes. Recognizing diverse abilities also means being (respectfully and politely) honest. </t>
  </si>
  <si>
    <t>The 4-point scale is too blunt. Give secondary teachers an appropriate tool for assessment, and not one designed for elementary schools (unless you really are trying to hold our teenagers back from ever maturing into adults).</t>
  </si>
  <si>
    <t xml:space="preserve">No change is good and it is working well. </t>
  </si>
  <si>
    <t xml:space="preserve">It's too unfamiliar and difficult to describe what a percentage mark can capture.  It's  not a realistic feedback and educators are pushed to focus on the positive instead of highlighting where the student is really struggling. </t>
  </si>
  <si>
    <t xml:space="preserve">It's informative and it is what is used for admission to college and university worldwide. </t>
  </si>
  <si>
    <t xml:space="preserve">It's not really serving a purpose unless the teacher really needs to provide extra feedback. </t>
  </si>
  <si>
    <t xml:space="preserve">It's always valuable to get students think about their learning and take an active role in their learning. </t>
  </si>
  <si>
    <t>Good to be reflective</t>
  </si>
  <si>
    <t xml:space="preserve">This is making the job of a teacher much more complex and adds many layers of complexity </t>
  </si>
  <si>
    <t>Keep everything simple with percentage and letter grades. It is simple,  has worked for decades and all the changes just make assessment very stressful.</t>
  </si>
  <si>
    <t>Too much stress and anxiety around marking and assessing and being pushed to water down the curriculum for all students in order to accommodate a few students with unique learning requirements.  There's no incentive  for academic excellence and working too hard as students will be given grades anywa</t>
  </si>
  <si>
    <t>It’s just too much, especially during our current situation. With current reporting students have a good sense of where they are at, and with MyEd available 24/7 there is no reason for additional work.</t>
  </si>
  <si>
    <t>Teachers will burn out with all of this. In theory it sounds easy, but k-9 teachers literally spend hours and hours currently reporting, including nights and weekends.</t>
  </si>
  <si>
    <t xml:space="preserve">It’s good to have the option. </t>
  </si>
  <si>
    <t>We can do this but if you ask a senior student to do this they will roll their eyes and despise it. Please ask students what they would like.</t>
  </si>
  <si>
    <t>This kind of forced reflection is often looked down upon by students. We sell it to the students trying to be positive and upbeat but it’s very difficult and become meaningless to the learner, unfortunately.</t>
  </si>
  <si>
    <t>Inclusion is always a positive.</t>
  </si>
  <si>
    <t>Too much reporting becomes meaningless and redundant.</t>
  </si>
  <si>
    <t>The other two nonwritten updates are unnecessary and stressful for teachers.</t>
  </si>
  <si>
    <t xml:space="preserve">Only three formal reports throughout the year.
</t>
  </si>
  <si>
    <t>The reports are very long and can be difficult to read.  My husband does not read them as they are too long.  It's overwhelming to figure out all the different parts.</t>
  </si>
  <si>
    <t>This can be helpful for some things, but my son is less motivated when he does not get letter in middle school.  Kids are excited to get letter grades in their middle school years.  Students can work for an A, but extending is hard to get, which can be frustrating.</t>
  </si>
  <si>
    <t>Letter grades and percentages can be a great motivator for students in high school.  It gives them something to aim towards.</t>
  </si>
  <si>
    <t>I don't think a proficiency scale is a useful for kids in middle school and high school.  They are more motivated by actual numbers.</t>
  </si>
  <si>
    <t>This sounds like a lot of stuff to read in every report card.  I'm not sure high school students have enough time to do this.  They have so many other things to learn already.</t>
  </si>
  <si>
    <t>Student goals can be very personal.  If my child is supposed to be learning pre-calculus, how much time to they have to be spending on setting goals to put in a report card?  Middle and high school students may personally benefit from setting goals, but they don't need to be in report cards.</t>
  </si>
  <si>
    <t xml:space="preserve">Every student should be assessed according to their needs.  That doesn't mean every assessment is appropriate for every student.  </t>
  </si>
  <si>
    <t>Volume</t>
  </si>
  <si>
    <t>It seems like you want to put a lot more stuff in report cards, but who is this for?  Teachers already do this stuff in their classrooms, but they need to teach students, not just make reports about it.  Give them time to teach my kids properly.  Help them do their jobs well.</t>
  </si>
  <si>
    <t xml:space="preserve">Currently with SD36, we provide on-going, real time assessments through Freshgrade (in all subjects areas, along with interim reports and a summative report at the end of the year. Having to do 2 written reports, a final and FG is unattainable! </t>
  </si>
  <si>
    <t xml:space="preserve">We do this now and it has been working. Parents are given a clear picture of their child's strengths and areas of focus. </t>
  </si>
  <si>
    <t xml:space="preserve">We do so much as is, with freshgrade, parent meetings, interim and a extensive summative report. Anything more than that is too much! </t>
  </si>
  <si>
    <t xml:space="preserve">I am already doing this reporting system and find it much more benefical to student learning.  </t>
  </si>
  <si>
    <t xml:space="preserve">I already use the proficiency scales and the four point scales for reporting.  </t>
  </si>
  <si>
    <t xml:space="preserve">Students need experience with letter grades before they are off to college or university so this three year span gives them them a chance to understand and learn how to get the grades they are wanting to achieve.  </t>
  </si>
  <si>
    <t>A proficiency scales offers feedback rather than just the grade which is no feedback.  At least students will be able to see where to improve.</t>
  </si>
  <si>
    <t xml:space="preserve">Self assessments of the competencies are not meaningful and just a task done to meet requirements.  Self assessment is more meaningful when it is attached to something students are doing rather than an idea like critical thinking.  
Self assessment can be powerful but not with the competencies.  
</t>
  </si>
  <si>
    <t xml:space="preserve">This may work well in high school but it is very difficult to have young students set personal, educational and career related goals.  I agree with goal setting but it needs to be about setting short term goals rather than longer educational and career goals.  
</t>
  </si>
  <si>
    <t>I feel anyone using the new reporting order is already trying to be inclusive of all learners.</t>
  </si>
  <si>
    <t>I think this is unreasonable for young students.  Teachers have to sit one on one with young students and they don't understand what it is you are asking them to do.  Grades 4-6 students struggle with goal setting as well.  It needs to focus more on short term goals. Eg. I want to read more at home.</t>
  </si>
  <si>
    <t xml:space="preserve">Feedback in individual subject areas doesn’t reflect cross-curricular teaching. Literacy and numeracy would be better to encompass most subjects. </t>
  </si>
  <si>
    <t>Too narrow to be able to asses an INDIVIDUAL WDUXATION PLAN using one template. Need more flexibility for diverse learners</t>
  </si>
  <si>
    <t>This reporting does not make sense in the context of secondary schools in the semester system.</t>
  </si>
  <si>
    <t>The four point scale is vague in scope.  The old system of percentages and letter grades was much more informative on student progress because there were more points to the scale.</t>
  </si>
  <si>
    <t>Universities, colleges and trades use percentages and letter grades.  Students should also be familiar with this same system.</t>
  </si>
  <si>
    <t xml:space="preserve">I don't understand the point in doing a proficiency scale when students are already receiving letter grades and percentages which offer a more accurate measurement of student performance. Who exactly is going to be looking at the proficiency scale?  Post-secondary certainly is not.  </t>
  </si>
  <si>
    <t>Doesn't make sense for secondary school classes.</t>
  </si>
  <si>
    <t>Not for secondary students.</t>
  </si>
  <si>
    <t>Bring back letter grades for Grades 4 onwards. The proficiency scale is far too vague.</t>
  </si>
  <si>
    <t>Reasonable as long as it supports a Continuous Reporting model.</t>
  </si>
  <si>
    <t xml:space="preserve">Makes more sense at Secondary level. </t>
  </si>
  <si>
    <t>This needs more detailed explanation on what this entails. Not clear enough to make a proper determination on this policy.</t>
  </si>
  <si>
    <t>Clarification.</t>
  </si>
  <si>
    <t xml:space="preserve">It's too much formal reporting in addition to the countless other ways we (teachers) discuss student learning with the students and families. </t>
  </si>
  <si>
    <t>I am comfortable and familiar with this 4 point reporting scale</t>
  </si>
  <si>
    <t>This is already being done with the current reporting model</t>
  </si>
  <si>
    <t>This is very vague and does not determine how many of how often students would be expected to set and report goals.</t>
  </si>
  <si>
    <t>Not all students are yet capable of setting goals, self-assessing and reporting on their own. This model assumes that everyone can do these things and will likely require more from the teachers and EAs to assist.</t>
  </si>
  <si>
    <t xml:space="preserve">It's too much. There are only 10 months in the year so reporting every 2 months means less than 40 in class days and there are already additional formal days to communicate to parents including Parent-Teacher Conferences and Student-Led Conferences. </t>
  </si>
  <si>
    <t>I am unclear about how the summary of learning works in a high school semester system. Is this not the same as a final report card? If this is essentially the same, why change it? What is the real purpose?</t>
  </si>
  <si>
    <t>I don't find the proficiency scale detailed enough for the entire range of learners. There is a lot of difference between developing and proficient. I also find parents do not fully understand the difference between them as easilly as a letter grade, but this will change over time.</t>
  </si>
  <si>
    <t xml:space="preserve">It keeps standards consistent and easy for parents and students to uunderstand. </t>
  </si>
  <si>
    <t xml:space="preserve">Please see first comment about proficiency scale. </t>
  </si>
  <si>
    <t xml:space="preserve">I think that student self-assessment is valuable, but you have just created a lot more work for teachers without support. How are they to be included in reports? With COIVD, most districts are online reporting. Will students have access to MyEd to self-assess? If not, how will parents see them?     </t>
  </si>
  <si>
    <t xml:space="preserve">Again, this decision needs to have support in MyEd or other technology before being rolled out, or the increased workload will decrease the quality of reporting. </t>
  </si>
  <si>
    <t xml:space="preserve">I am pretty sure most support teachers do this with students as they work through their IEP. Include a section for student self-assessment on the IEP records if not so that teachers are prepared for this. </t>
  </si>
  <si>
    <t xml:space="preserve">cohesive technology for this to be deployed. </t>
  </si>
  <si>
    <t xml:space="preserve">Covered in previous answers. </t>
  </si>
  <si>
    <t xml:space="preserve">The proposed requires updates on each subject-if all teachers are doing is assessing for these reports, we are not able to teach and see valued time for progress. </t>
  </si>
  <si>
    <t xml:space="preserve">I have yet to find a reporting system that is perfect. The current system is alright, but takes a significant amount of time as to describe all learning outcomes and provide all evidence on what the child can do and is still working on, how they are being supported and plans for the future </t>
  </si>
  <si>
    <t>Do not teach upper grades</t>
  </si>
  <si>
    <t xml:space="preserve">I agree students should self assess and reflect however we are dealing with a generation that avoids reflection and deep thinking and no matter the sentence starters, modeling, practice, lessons, and supports in place, the self assessment given is not the quality that properly reflects their work. </t>
  </si>
  <si>
    <t>See last response</t>
  </si>
  <si>
    <t xml:space="preserve">Inclusion is important and valuable as long as it makes sense to the needs of the individual. </t>
  </si>
  <si>
    <t xml:space="preserve">Not enough time to actually teach everything required: academic, social emotional, self reflection, differentiate curriculum, etc. always focused on assessments and reporting. students need more time. If the government is willing to provide prod days strictly allocate days just to work on reports </t>
  </si>
  <si>
    <t xml:space="preserve">As a teacher in a semestered system, with 115 students on my load and no preparation block (and no lab technician to set up and take down lab equipment), writing 3 reports for each course without being given a dedicated non-instructional day for this purpose is just going to finally break the mule.
</t>
  </si>
  <si>
    <t>This reporting system supports student motivation towards growth and allows even non-academic students to keep their self-esteem intact. It takes 3 times as much time to evaluate students in this way, though...</t>
  </si>
  <si>
    <t>It makes "achievement" competitive rather than making students focus on their own growth. If colleges and universities want to know exactely what their applicants can do, they should administer admission exams.</t>
  </si>
  <si>
    <t>I have been using SBG with all of my grades for the last full school years, including grade 12 and it has really improved the learning environment. I just back-engineer SBG to % at report time and I hate this process because immediately I will have students haggle with me over one percent!</t>
  </si>
  <si>
    <t>The current way of doing it as a school-wide event creates cynicism amongst students towards "meaningless" self-assessment - they fully understand that this is a "paper-work" that no one cares about - them least of all. Have teachers do individual self-assessment interviews in context of each class.</t>
  </si>
  <si>
    <t>As above. When done on mass scale and outside of the context of the class, this is meaningless to most students.</t>
  </si>
  <si>
    <t>It is important for all to feel included. Is it possible though in a class of 30?</t>
  </si>
  <si>
    <t>Make MyEd functional so we do not need frequent report cards.</t>
  </si>
  <si>
    <t>Over-worked and ready to loose it.</t>
  </si>
  <si>
    <t xml:space="preserve">This is too time consuming for teachers using a format that parents are not happy with because they feel it doesn’t offer what they want reported in a way that is meaningful to them as parents. </t>
  </si>
  <si>
    <t>If post secondary institutions require percentages and letter grades then educators should use these to indicate how students are performing in required subjects. Why does the Ministry make changes from the bottom up? Changes need to reflect what is required from the top grades down!!!</t>
  </si>
  <si>
    <t xml:space="preserve">Self assessment is valuable to students, teachers and parents but they should not be a form of required formal reporting several times a year. Student-led conferences twice a year is more valuable than numerous reflections which will get tedious and “old” with students and their parents. </t>
  </si>
  <si>
    <t>We are asked to provide numerous meaningless reports. Tasks that require an enormous amount of time to prepare and in the end meaningless for most parents.</t>
  </si>
  <si>
    <t xml:space="preserve">This is too much. Teachers are burning out. When we switched to proficiency scale, it was supposed to give us more flexibility on reporting. 5 times is excessive. Especially French immersion teachers who also have to report on French on top of all other subjects. </t>
  </si>
  <si>
    <t xml:space="preserve">The proficiency scale is wonderful. It makes kids see their strengths and where to improve without being compared to others. </t>
  </si>
  <si>
    <t xml:space="preserve">I don’t think this needs to be done that often. </t>
  </si>
  <si>
    <t xml:space="preserve">As long as there is support - ie extra time to make adaptations and extra bodies in the class to monitor assessment </t>
  </si>
  <si>
    <t>Like I mentioned, there is too much reporting being mandated. Please listen to teachers!</t>
  </si>
  <si>
    <t>Too many when you realise semesters last about 20 weeks. This means we report every 5 weeks as teachers.</t>
  </si>
  <si>
    <t>Too sudden a switch to letter grades and percentages in 10&amp;11.</t>
  </si>
  <si>
    <t>Corresponds to post secondary requirements around the world</t>
  </si>
  <si>
    <t>Proficiency Scales will just become an abbreviation or code for  letter grades of used together</t>
  </si>
  <si>
    <t>token activity at schools</t>
  </si>
  <si>
    <t>This should be intrinsically motivated, not mandated by government!</t>
  </si>
  <si>
    <t>Some diverse learners need different types of reporting, especially ones on modified programs</t>
  </si>
  <si>
    <t xml:space="preserve">too many reporting periods
we are already in contact with vulnerable students' families
All families have access to MyEd and Fresh grade to see work and marks
</t>
  </si>
  <si>
    <t xml:space="preserve">5 reporting events in a school year per student is adding extra workload onto already extra-hard working educators. </t>
  </si>
  <si>
    <t xml:space="preserve">These terms are slightly better than the current 4 point scale terms, but could be more confusing for parents:guardians where English is not their first language. </t>
  </si>
  <si>
    <t xml:space="preserve">I agree with grades 10-12 still receiving letter grades, but to suddenly  receive letter grades when those are the grades that count doesn’t give students the chance to get used to receiving the letter grades and to possibly improve letter grades before they are used for post secondary acceptance </t>
  </si>
  <si>
    <t>NOt 5 reports as “learning updates” in all subject areas! Too often!</t>
  </si>
  <si>
    <t>The proficiency scale is not accurate and varies between teachers, therefore the same student sees no consistency from year to year. It seems okay to use the Provincial Proficiency Scale for a few reports, but parents of students in elementary have gotten often much more off of the informal interims</t>
  </si>
  <si>
    <t>Letter grades (or percentage same thing) are like your pay for worked hours. Students must get used to this reality.</t>
  </si>
  <si>
    <t>One or the other - but proficiency scale is not necessary.</t>
  </si>
  <si>
    <t>Core Competencies are not to be graded nor to be reported on in one set way. There are many ways to express this learning. Most important is the self-assessments are dependent on the personality of the student. Shy ones will always be harder on themselves. How does that measure true progress?</t>
  </si>
  <si>
    <t>For older students! Let the younger students just learn the fundamental skills. I didn't have to learn the piano as well as talk about where I wanted to go with it at the beginning when i knew little about it. Leave room for just learning, not dissecting every motion of learning.</t>
  </si>
  <si>
    <t>Do parents meet all the needs of their own children or do they find a balance between all other demands?</t>
  </si>
  <si>
    <t>Teachers will be required to provide “learning updates” on student learning, in all subject areas, five times per year.</t>
  </si>
  <si>
    <t>“Learning updates” on student learning, in all subject areas, five times per year is EXCESSIVE!! Formal reports 3x/year works well for the lower grades. Teachers already inform parents immediately if their child is not progressing as expected. We report all year to parents when needed.</t>
  </si>
  <si>
    <t xml:space="preserve">A written summary of learning at the end of the year is redundant. Some parent engagement with report cards is minimal. Because of the heat wave we had many students who didn’t pick up their report card in June. These parents didn’t even ask for the report card. We sent them home in September. </t>
  </si>
  <si>
    <t xml:space="preserve">The vagueness of proficiency performance standards is confusing to students trying to get into university- which relays on %   </t>
  </si>
  <si>
    <t xml:space="preserve">There are too many core competencies for students to self evaluate in order to see growth. </t>
  </si>
  <si>
    <t>Our district requires more than this currently. I feel we over-report (formally). Data shows that a small percentage of parents are involved in this process (under 1/3 viewing MyEd term marks, for example).</t>
  </si>
  <si>
    <t>As part of a pilot district, I can comment that the scale is not clearly defined and varies widely from teacher to teacher and school to school. It's incredibly frustrating for students who have expectations (from laissez-faire proficiency assessment) not in line with their abilities.</t>
  </si>
  <si>
    <t>I think standardization of some sort is necessary to even the playing field for students across districts (those planning for post-secondary). Maybe in the way of "scholarship examinations"?</t>
  </si>
  <si>
    <t>The proficiency scale seems to be confusing for students, parents, and teachers. A lack of consistency is at the heart of this.</t>
  </si>
  <si>
    <t>Where will the time needed to do this meaningfully come from? I don't think it's realistic to expect teachers to do this meaningfully with 120 students per semester. This is a difficult task to do for a manager with a small team of employees.</t>
  </si>
  <si>
    <t>This is a great idea, but is a difficult ask with the current lack of support.</t>
  </si>
  <si>
    <t>Articulation, clarity, and consistency</t>
  </si>
  <si>
    <t>I’m disappointed that the first report is within the first 25% of the school year. It would mean our first report goes out mid-November. This does not give teachers enough time to get to know the kids and evaluate their progress.</t>
  </si>
  <si>
    <t>It’s still an adjustment for both teachers and parents to understand what these proficiency mean.</t>
  </si>
  <si>
    <t>I feel it’s another addition we need to add into the report that is already labour intensive especially in the elementary school setting.</t>
  </si>
  <si>
    <t xml:space="preserve">Once again the timing of the first report in mid November where we are expected to assign proficiency to  all the subjects for all the students when we have barely started the school year. It’s too stressful </t>
  </si>
  <si>
    <t>Parents need and wanted written feedback on how their children are doing overall , not just pictures or videos.</t>
  </si>
  <si>
    <t>This is a very poor system not popular with parents or students. Almost all kids fall under "proficient". It is a system that unmotivates the top students for sure. Kids don't want to do their best because they are just "proficient" like everyone else. This scale is a very poor tool.</t>
  </si>
  <si>
    <t>Kids know and understand letter grades, they appreciate the clear and quantitative aspect of grading. This marking is very transparent. Kids and parents want letter grades. This was not a broken system and should never have been "fixed".</t>
  </si>
  <si>
    <t xml:space="preserve">This sounds like double the work for teachers. </t>
  </si>
  <si>
    <t>Self assessment is a good tool in class. It is not necessary or wanted in reporting to parents.</t>
  </si>
  <si>
    <t>Goal setting is a good classroom activity. It is not necessary in the reporting process. The reporting process is already an overwhelming task for teachers. PLEASE do not add to the work load. Teaching is becoming an overwhelming career because every change in policy means more for us to do.</t>
  </si>
  <si>
    <t>The proficiency scale has been a very poor and unpopular assessment tool. You fixed something that was not broken. Parents and kids and teachers hate it.</t>
  </si>
  <si>
    <t>If it’s not burdening teachers with more paper pushing and reducing their time with students then I am neutral about it.</t>
  </si>
  <si>
    <t xml:space="preserve">Students find the wording on f the core competencies to be confusing and disengaging. They are not worded in a way that promotes or encourages thought. </t>
  </si>
  <si>
    <t xml:space="preserve">It’s just one more task added to do that take more time away from curriculum delivery. Especially if we are going to do a good job of it with students. </t>
  </si>
  <si>
    <t>A good idea, however with no reduction in class size in order to give teachers time to actually use lab for this type of individual reporting, it will either be done minimally or teachers will just end up doing several more hours weekly of unpaid work at home.</t>
  </si>
  <si>
    <t xml:space="preserve">Reduce class size maxima by 5 students so that this can be done fully and completely. Another alternative is to have 1 EA in every single classroom. </t>
  </si>
  <si>
    <t xml:space="preserve">Will you be giving us professional time to do some of this reporting? As it stands now - all reporting is done during non-school hours, as it is the only time we have to do it. </t>
  </si>
  <si>
    <t xml:space="preserve">I find this language very confusing for parents.
It was much easier to explain when it was simple, "Not Yet Meeting", "Approaching", "Meeting", "Exceeding".
As an educator, parents needs to have things simple for them to understand, especially with so many parents that are ELL learners themselves. </t>
  </si>
  <si>
    <t>I understand the important of self-evaluation, as it is something that teachers have been doing long before it was "required" of us. 
As far as sending it home or making it part of the reporting period... parents don't really look at it. It is not what they are looking for.</t>
  </si>
  <si>
    <t>Goal setting is also something teachers have been doing for years. Perhaps those that make the rules of this being required don't necessarily understand the developmental abilities of primary children who can hardly see to the end of the day or week, let alone set goals for a term. It is beyond thei</t>
  </si>
  <si>
    <t xml:space="preserve">The written Summary of Learning adds to teacher work load in an unmanageable way. </t>
  </si>
  <si>
    <t xml:space="preserve">Different methods of communicating to parents between levels can cause confusion. Split level classes with grade 9s mixed with seniors would also cause confusion and add to teacher workload. </t>
  </si>
  <si>
    <t xml:space="preserve">Why use proficiency scales at lower grade levels, then switch. Changing methods and language causes confusion. </t>
  </si>
  <si>
    <t xml:space="preserve">Continuity sounds good, however, this is additional work, not an alternate format. If students ultimately need a letter grade and percentage, don't add a third reporting format. </t>
  </si>
  <si>
    <t xml:space="preserve">Self  assessment by students is often not taken seriously by the students. While a good skill to develop and practice, done on a smaller scale this makes sense. Done on the report card would simply add to teacher work load and not necessarily be an authentic activity. </t>
  </si>
  <si>
    <t xml:space="preserve">Goal setting should be a class time activity, not be done on report cards. Especially class by class. Students find it becomes redundant if done too often.  </t>
  </si>
  <si>
    <t xml:space="preserve">This sounds great, however, wants and needs often get confused. Also, "Respond fully to individual needs" implies that teacher load and time available are not factors in the classroom. </t>
  </si>
  <si>
    <t>An apparent increase in overall number of "reporting events" has not been explained or justified.  Why is an increase necessary?  And, providing student generated work samples for each one of these proposed reporting events significantly adds to teachers' workload as they facilitate this</t>
  </si>
  <si>
    <t>Letter grades / percentages are more heavily "weighted" in the minds of students in high school (gr. 10-12) and, until post secondary institutions accept a proficiency scale, it would seem these grade policy is necessary.</t>
  </si>
  <si>
    <t>It will take years for students to come up through elementary school with a proficiency scale in order for this to mean something in gr. 10-12.</t>
  </si>
  <si>
    <t xml:space="preserve">Facilitating the collection of student self-assessment, especially with young students, those with written output challenges is extremely onerous on the teacher.  It can create significant added stress on the student as well.  To do this 5x/year adds a significant burden on the teacher. </t>
  </si>
  <si>
    <t xml:space="preserve">The idea is a good one, but requires a lot of scaffolding and guidance by teachers - especially with primary students and those students with written output challenges. 
Adds to the job of the teacher.  If this were in place, you could not also increase the number of reporting events. </t>
  </si>
  <si>
    <t>This is a lovely idea in theory and needs time and teacher collaboration with learning support Resource teachers in order to happen realistically in the classroom.  This already is done on IEPs and students are already asked to collaborate with their teams on IEPs.  Unnecessary duplication.</t>
  </si>
  <si>
    <t>Adds an onerous amount of work on teachers who already are asked to do more with the same amount of time.  Facilitating additional WRITTEN assessment requiring curated student input adds unnecessary pressure on teachers. What is the hoped for outcome of this process? Why is it necessary?</t>
  </si>
  <si>
    <t xml:space="preserve">We have just replaced letter grades with words.  It doesn't actually change practice.  Teacher-parents love it but most non- teacher parents I've talked to consider it education jargon.  </t>
  </si>
  <si>
    <t>Students do not take this seriously.  They have very little value and buy in.  What we are asking the students to do at the younger ages is often not within their developmental stage.  They can do the task but don't actually understand or process what they are doing.</t>
  </si>
  <si>
    <t xml:space="preserve">At the older ages students and staff alike see this as a hoop to jump through especially in large schools where students have multiple teachers.  It is unauthentic. </t>
  </si>
  <si>
    <t xml:space="preserve">We tend to already know where are kids are at and how they’re doing in school. We don’t need more reports. We would rather have a conference or conversation with the teacher. That’s much more valuable to a parent than a written report card. </t>
  </si>
  <si>
    <t>I prefer the language ‘proficient’ over ‘approaching.’</t>
  </si>
  <si>
    <t xml:space="preserve">If BC is changing the reporting language shouldn’t the universities catch up? We could all be moving towards the scale otherwise why make the change? </t>
  </si>
  <si>
    <t xml:space="preserve">Makes sense to have all education recognize and use the same system. </t>
  </si>
  <si>
    <t xml:space="preserve">If the self assessment was authentic then yes, there is value in including it. But the reality is it’s a requirement, so it seems like just another assignment/piece of paper that happens to be included in the report card. </t>
  </si>
  <si>
    <t xml:space="preserve">Goal setting is an important skill that needs a lot of time to be ingrained into our lives. </t>
  </si>
  <si>
    <t>Of course we include all learners in assessments!</t>
  </si>
  <si>
    <t xml:space="preserve">Less is more. We don’t need more papers telling us the things we already know. Let’s have frequent conversations. Conversations are authentic, helpful and productive. </t>
  </si>
  <si>
    <t>We can make decisions that are best for students, and should not be held hostage by post-secondary institutions in how we education students. They need students, so they will change their policies if schools do.</t>
  </si>
  <si>
    <t xml:space="preserve">That's double the work! Are you planning to pay teachers extra to teach grade 10-12 courses, and asses in multiple ways? </t>
  </si>
  <si>
    <t xml:space="preserve">Are you paying teachers extra for the extra administrative work involved in all this additional collection of information? Why do you feel that requiring this many times in the year is meaningful? More reporting does not mean more learning. It's simply more hoop-jumping. </t>
  </si>
  <si>
    <t>Again, are educators to spend any time teaching subjects other than 'report card' all year? This is absurd.</t>
  </si>
  <si>
    <t xml:space="preserve">"Inclusive" has become a codeword for "cheaper than specialized programs, and doesn't actually work for many students". </t>
  </si>
  <si>
    <t>Most of them.</t>
  </si>
  <si>
    <t>You are planning to ask a great deal more of teachers, but I haven't heard a whisper about compensating us for all this additional required time. After 2 years of teaching online, hybrid, and with masks on, these additional reporting requirements are a slap in exhausted teachers' faces. Stop this!</t>
  </si>
  <si>
    <t xml:space="preserve">There already isn’t enough time for reporting there are only so many hours in a day. My planning, evaluating and interacting with students will suffer. More teachers will leave the profession due to the unreasonable work load. Some parents don’t even read the report cards that are already sent out. </t>
  </si>
  <si>
    <t xml:space="preserve">Most students will fend up at the developing level doesn’t tell you very much. Proficient is a very strong word.  A very few students would be extending- especially in the lower elementary grades. Some students might not even be emerging. If you don’t do anything you’re not emerging. </t>
  </si>
  <si>
    <t xml:space="preserve">Students need to be able to go to school in other countries if they choose to. </t>
  </si>
  <si>
    <t>What does that even mean????</t>
  </si>
  <si>
    <t xml:space="preserve">Once again this is a huge burden on teachers. There is not enough time for teaching as it is. If you add all of this in something has to go. </t>
  </si>
  <si>
    <t>Who will do this?</t>
  </si>
  <si>
    <t>Most of the above</t>
  </si>
  <si>
    <t xml:space="preserve">This requires too much time. It will come at the cost of students learning. I pity teachers who are just starting out. I would quit the profession. Please have someone who thought this up try it out while teaching for a year. Then propose the changes. Don't experiment on everyone. </t>
  </si>
  <si>
    <t xml:space="preserve">The work is too much for teachers. Better time should be spent toward designing lessons. 
If there is a deficit in learning, what would a report actually do? Spend the time and energy on interventions, support, and literacy.  
Provide standardized pre-instruction tests instead. </t>
  </si>
  <si>
    <t>The software MYED doesn't mathematically work. Use a 10 scale.  Those words don't mean anything nor is a whole list of babble.  
It is better to provide resources that are backed by research.  
In a 9-12 school, there will two different systems and a different workload for people not teaching 9s</t>
  </si>
  <si>
    <t xml:space="preserve">Honestly, letter grades don't make a difference.  The Incomplete created a laissez-faire chronic late work. Teachers get a stack of last-minute work.  35%? Then you have admin wanting "make up" packages.   So now you get grade inflation because of that.  </t>
  </si>
  <si>
    <t>NO! A students would stop working because why would it matter. And so what? What is the intervention? What do you do with that data? How will it make a difference?</t>
  </si>
  <si>
    <t xml:space="preserve">Core Competencies are a complete joke. My students struggle to make notes (a list)  out of sentences with commas.  They don't know how to write a proper sentence in grade 9!!!!  These are the basics. I don't want to teach those skills on top of my course content--SS9 &amp; SS10 are huge! </t>
  </si>
  <si>
    <t xml:space="preserve">This self-reflection works well for privileged people whose basic survival needs are met. Kids trying to get clean laundry, a safe home, regular meals are not thinking that way.  What is the poverty rate in B.C? Do you know how anxiety and depression even work??? </t>
  </si>
  <si>
    <t xml:space="preserve">How are we not? Maybe identify the basics that they need to know rather than the word salad curriculum that weighs everything equally?  What does "identify" mean? Point to an answer or maybe write a paragraph?  Clarify the curriculum and expectations (depth, degree, context).... </t>
  </si>
  <si>
    <t xml:space="preserve">Give me a standardized pre-test so I know what goals I need to set with students.  You are doing change for change sake. Data needs to be actionable.  This is just paper work. </t>
  </si>
  <si>
    <t xml:space="preserve">Give me a standardized pre-test so I know what goals I need to set with students.  You are doing change for change's sake. Data needs to be actionable.  This is just paperwork documenting that the horses left the barn. There is a disconnect between assessment and the curriculum (see SS10 and SS9) </t>
  </si>
  <si>
    <t>Provided that the learning updates can be either verbal or a checklist format which aren't too time consuming. From my lengthy experience as a classroom teacher, I have learned that many parents don't read lengthy comments.</t>
  </si>
  <si>
    <t>Some of the terminology is open to interpretation.</t>
  </si>
  <si>
    <t>This is a competitive world...involving different levels of stress, time-sensitive situations, etc. Young people need to experience circumstances involving these
to develop coping skills.</t>
  </si>
  <si>
    <t>Students are individuals with different emotional, physical, physiological, psychological and intellectual needs. I suggest substituting "and/or" for "in addition to".</t>
  </si>
  <si>
    <t>For many students, especially younger ones, the establishment of long term goals is too difficult. For some, their goals should be kept short term and achievable so they can experience success on a regular basis. The concept is too complex for many (especially younger) students.</t>
  </si>
  <si>
    <t>I agree with inclusion- to a point. The practise should not adversely affect the learning environment through verbal or other forms of distraction. Many students with disabilities aren't capable of forming self evaluation and/or goal setting practices.</t>
  </si>
  <si>
    <t>Having to use computerized reporting programs which are often cumbersome and too time-consuming.</t>
  </si>
  <si>
    <t>Writing reports using the current report-writing programs is far too time consuming. Let teachers be professionals. Require that reports contain certain information, but leave the format up to the individual teacher.</t>
  </si>
  <si>
    <t xml:space="preserve">This is context of linear (FY) courses.  In the case of semester courses, 3 per course per semester is suggested as a minimum (two formal written reports, and one informal progress report to be provided to every student in a class).  </t>
  </si>
  <si>
    <t>Letter grades do not communicate student learning in a way that is helpful.  The 4 point scale will put an emphasis on teachers developing strong rubrics for assessing  learning standards, competencies, skills and knowledge that will assist parents in understanding their child's progress.</t>
  </si>
  <si>
    <t xml:space="preserve">This is still a necessary requirement in academic courses used for post-secondary applications, however, I would like to see the use of a 4-point proficiency scale where appropriate such as tech/art courses and even some second language courses. </t>
  </si>
  <si>
    <t xml:space="preserve">as above.  Percentages are neither appropriate, or informative for many courses. </t>
  </si>
  <si>
    <t>Despite significant support and focus by teachers and administrators, many students do not value the learning that comes from SACC.  I would like to see a large sample survey of student feedback on SACC.  Is it doing what we want it to do?  This could be integrated into the satisf. survey.</t>
  </si>
  <si>
    <t xml:space="preserve">Similar to above, if this is included in student reporting, how do we ensure it is a useful exercise for student and not something that they do to "get it done" and that they will accurately self assess given this is on a report potentially seen by outside agencies/institutions. </t>
  </si>
  <si>
    <t xml:space="preserve">This is a valuable aspect of grades k - 9, however, I am unsure how this will work at grades 10 - 12 unless educators have the ability to assess on a 4 point proficiency scale. </t>
  </si>
  <si>
    <t xml:space="preserve">There are some courses that are best assessed using a proficiency scale.  </t>
  </si>
  <si>
    <t>Currently - Students spend between 3-4 instructional hours to complete the core competencies and prep for conferences. Teachers spend 15+ hours each reporting period on writing reports. Adding more to this is burdensome for students and teachers.</t>
  </si>
  <si>
    <t>The terms used for the scale are confusing to parents. I think that parents don't have a clear understanding of what the terms mean in relationship to grade level expectations.</t>
  </si>
  <si>
    <t>I feel that the 2 formal self reflections are adequate for reporting. Any further reflection should be done on an informal basis with teachers working one on one with students.</t>
  </si>
  <si>
    <t>I feel that the current reporting and goal setting is sufficient. Teachers can work informally on setting smaller goals as needed throughout the year.</t>
  </si>
  <si>
    <t xml:space="preserve">The reporting process for teachers have become burdensome for both teachers and students at the elementary level. As a classroom teacher I typically spend 20+ hours each reporting period writing report card (not including assessment). I am completely opposed to increasing this workload. </t>
  </si>
  <si>
    <t xml:space="preserve">Flexible format, not to many as to be overly overwhelming </t>
  </si>
  <si>
    <t>My school already does this</t>
  </si>
  <si>
    <t xml:space="preserve">Post secondary </t>
  </si>
  <si>
    <t xml:space="preserve">This is an extra layer of work for no reason. </t>
  </si>
  <si>
    <t>Many students do not take this seriously</t>
  </si>
  <si>
    <t>Requirements for IE</t>
  </si>
  <si>
    <t xml:space="preserve">Is it possible to assign a grade of IE at the end of the course?  How will the students have time to complete the course? I hope teachers will not be expected to make a plan for students who will no longer be in their class. 
</t>
  </si>
  <si>
    <t xml:space="preserve">Concerned about workload. </t>
  </si>
  <si>
    <t>I don’t mind using this scale. I wish there was a larger sliding scale.</t>
  </si>
  <si>
    <t xml:space="preserve">I don’t teach high school, but it makes sense. </t>
  </si>
  <si>
    <t>Seems redundant.</t>
  </si>
  <si>
    <t>Workload, lack of resources to accomplish this.</t>
  </si>
  <si>
    <t>Workload for a primary teacher. How realistic is this?</t>
  </si>
  <si>
    <t>Workload. I’m very concerned with the goal setting and self assessments for lower primary to be meaningful and the workload to teach it.</t>
  </si>
  <si>
    <t>I have taught for 30 years.  Parents have never complained to me about the number of reports home.  I am also a parent of two children and feel I am adequately informed.</t>
  </si>
  <si>
    <t xml:space="preserve">The scale is too broad.  I thought my daughter was meeting in K, 1, and 2.  Turned out she was minimally developing.  Teachers don't even use extending. Totally deflated my own kids  Grade 9 is too late to find out that proficient can be the equivalent of a C+ and you won't be going to university.  </t>
  </si>
  <si>
    <t>Today my Gr. 10 daughter asked me if mastering (proficient) was an A.  I said, " I don't know honey.  Might be an A, a B, almost a C+.  Might even be a C+.  Depends on the teacher.  Should you work harder.  I don't know.  Are you going to get in to university?  I don't know.</t>
  </si>
  <si>
    <t xml:space="preserve">Until University's change, we need to prepare our kids.  Every assignment needs a grade.  It is such a competitive world.  I would not have gotten in to the teaching program if I hadn't known I needed an A- average to get in.  How hard do you work to be proficient?  What is that?  </t>
  </si>
  <si>
    <t xml:space="preserve">Scale for K-5, even 6-8.  Grade 9 and up - compatible with university.  We want a socialist state, but competition exists.  Grades stopped many kids entering university this year.  I would sue the district if my kid in grade 10 found out they were a B student and not an A.       </t>
  </si>
  <si>
    <t>three is too many, two is sufficient.  With use of technology now, (ex blogfolios) teachers and students can communicate and share learning on a regular basis, which is much more effective than a 3 times a year report card.  But doing this AND providing three written reports becomes redundant.</t>
  </si>
  <si>
    <t>students can see and track their progress, much more transparent than letter grades, always can be extending our thinking and learning - it never ends.</t>
  </si>
  <si>
    <t>wish we could just stick to proficiency scales throughout but understand the need for post secondary acceptance.  Hope we can one day  move to a different system but change takes time.</t>
  </si>
  <si>
    <t xml:space="preserve">can be confusing to use both, especially if some use it and others dont.  </t>
  </si>
  <si>
    <t>dong this now, see the benefit and like the self-reflection part across all curriculum.</t>
  </si>
  <si>
    <t>absolutely, but the 1-1 required for goal setting with each individual student, especially those with special needs, takes a LOT of time.  Is there support / extra time given for this?  Perhaps a day for individual conferences, like you see at the high school level for CLC classes and goal setting?</t>
  </si>
  <si>
    <t xml:space="preserve">redundant, (only 8-9 weeks between writing terms two and three reports!), extra work. regular communication can be more effective through use of technology </t>
  </si>
  <si>
    <t>Sufficient information can be provided by 5 reports. Time to compose these reports will be required at each reporting period</t>
  </si>
  <si>
    <t>Would there be a fifth point on the scale fo insufficient evidence?</t>
  </si>
  <si>
    <t xml:space="preserve">Potential for even more workload here </t>
  </si>
  <si>
    <t xml:space="preserve">More support for teachers around this is needed </t>
  </si>
  <si>
    <t>As long as proper goal setting is modelled and supported</t>
  </si>
  <si>
    <t>Inclusion should also mean that students aren’t pulled from classes such as French /PE</t>
  </si>
  <si>
    <t>Time and support to implement changes</t>
  </si>
  <si>
    <t>I think the language is confusing or unclear for parents -- while I understand we want to use positive terms to reflect student achievements, I think the terms we use should be clear to parents, and make it possible for parents to see where there are lacks or gaps in their child's learning.</t>
  </si>
  <si>
    <t>This model is consistent with other provinces and countries</t>
  </si>
  <si>
    <t>Five reports - written or parent/teacher interview provides plenty of feedback on my children's progress.</t>
  </si>
  <si>
    <t>I would prefer a larger scale such as is used in grades 10 through 12, a 6 point scale to better indicate progress.</t>
  </si>
  <si>
    <t>Letter grades are appropriate and necessary at the senior level.</t>
  </si>
  <si>
    <t>Not sure in practice what this looks like.  Does a student who is in an English 10 class but is reading and writing at a grade 5 level receive a pass?  What does that accomplish or mean to parents or future employers?</t>
  </si>
  <si>
    <t>See previous comment on diversity and inclusion.</t>
  </si>
  <si>
    <t>What is the purpose of the extra two reports? How will these extra two reports be shared with parents and what will be shared?</t>
  </si>
  <si>
    <t xml:space="preserve">Very hard to achieve in early primary grades. </t>
  </si>
  <si>
    <t xml:space="preserve">Need more clarification about the extra two reports. Parents are barely engaging with the current three reports, I don’t see the point of using my time for something extra the parents won’t engage with when I could put that time into planning programming for my students. </t>
  </si>
  <si>
    <t>For some grades teachers are already over worked. The policy should be reducing that burden so they can focus on teaching our kids.</t>
  </si>
  <si>
    <t>The grades should be used from 8-12, at least, not just the last 3 years</t>
  </si>
  <si>
    <t>Too much extra work for teachers</t>
  </si>
  <si>
    <t xml:space="preserve">it doesn’t prepare children for the rest of their education and grading scales are more effective when using letter grades and percentages </t>
  </si>
  <si>
    <t>get rid of the proficiency scale</t>
  </si>
  <si>
    <t xml:space="preserve">Unreasonable task for educators with ~120 students.  Would be meaningless because the effort would be done so quickly it wouldn't be reflective of actual reporting.  </t>
  </si>
  <si>
    <t xml:space="preserve">Descriptive feedback for every assignment for ~120 + students is simply not possible.  The four point scale does not describe a student who refuses to work or attend.  It is very unclear for parents/ guardians &amp; causes a disconnect.  </t>
  </si>
  <si>
    <t>Throwing students into percentage letter grades when the marks really count instead of getting them used to it in the Junior High School time is punitive.  I have not read any materials that support radically changing a students knowledge of assessment in the years it is important</t>
  </si>
  <si>
    <t>The time that is required to create a proficiency scale AND percentages is, again, completely not based on reality when discussing semesters that have 120 / day (or more in year long programs).</t>
  </si>
  <si>
    <t>The idea is great but the research and data shows that self-assessment is meaningless and, if used, must be done so judiciously &amp; with limited usage.  Google "accuracy of self-assessments".  Ie (Dunning et al., 2004, Mabe and West, 1982, Stone, 2000).</t>
  </si>
  <si>
    <t xml:space="preserve">I have completely bought into this and tried for years to implement.  Unfortunately support with in the district, schools, home and students make it a hoop and an added burden on the educator.  </t>
  </si>
  <si>
    <t xml:space="preserve">The simple truth is it sounds great.  But there is no discussion of making it possible for educators to meet all these needs.  The simple reality is, then, that students (high end or outliers) are left without the supports they need. Can't be obtained with out class size &amp; finding changes.  </t>
  </si>
  <si>
    <t xml:space="preserve">Grade 8-9 students can learn the percentage system and be comfortable with it in time for their senior years.  The time needed in high school to do the assessment suggested with 120 students or more / day is simply not possible.  It becomes too quick to be accurate or meaningful.  </t>
  </si>
  <si>
    <t>Maintain what is working.</t>
  </si>
  <si>
    <t>Not sure about the phrasing for "emerging" and "extending." Four point scale is good. Students in middle school would be better prepared to know their percentages before they get to high school. "Emerging" students are failing in Grade 10. They should know what their percentage would be, even if low</t>
  </si>
  <si>
    <t xml:space="preserve">Even if the choice of reporting is arbitrary, this is the scale that parents know and understand. </t>
  </si>
  <si>
    <t>This is unnecessary. Parents know that their children are at different levels based on the conjunction of their percentage and work ethic mark. Parents used the same system, and know what is intended by each percentage and the corresponding letter grade. Proficiency is unnecessary in high school.</t>
  </si>
  <si>
    <t xml:space="preserve">The most common comment I get during self-assessment is "not this again." Maybe I'm doing it wrong, but perhaps we could get some guidance for genuine self-reflection that is meaningful and engaging for the learners. </t>
  </si>
  <si>
    <t>It is desirable that students take ownership over their learning, but is this a technique that is proven to improve this aim? It would be easier to make a solid decision if some studies were cited. Based off single classroom experiences, goal setting doesn't have much of an impact on work ethic.</t>
  </si>
  <si>
    <t>This is an unrealistic ideal aim. Any assessment and evaluation practices are going to be hindered by some level of resources. Something like "Requires that all assessment and evaluation practices be as inclusive of all learners as possible, responding to their individual needs..." is more accurate.</t>
  </si>
  <si>
    <t xml:space="preserve">K-9 is too long for the proficiency scale. Middle school students are coming unprepared for high school. Students would be better prepared if they had percentages in Grades 7-9. </t>
  </si>
  <si>
    <t>I think this is working well so far.</t>
  </si>
  <si>
    <t xml:space="preserve">I thought out focus was moving away from reporting and assessments. Seems to me, we are regressing with the focus on assessment. </t>
  </si>
  <si>
    <t xml:space="preserve">I do not teach this grade level. </t>
  </si>
  <si>
    <t xml:space="preserve">I do not teach this level </t>
  </si>
  <si>
    <t xml:space="preserve">This makes sense to me. </t>
  </si>
  <si>
    <t xml:space="preserve">I agree, this is important. </t>
  </si>
  <si>
    <t xml:space="preserve">also very important. </t>
  </si>
  <si>
    <t xml:space="preserve">I feel like with everything that students are hearing these days on the news, from peers and their homes this is a critical topic to address. </t>
  </si>
  <si>
    <t>Teachers have 200 students at a time at high school level. How are they going to have the time to create 'elementary style' report cards for each of these students? Elem teachers already struggle with 30. You are going to burn out your staff unless there are days provided to do this. Where is that?</t>
  </si>
  <si>
    <t xml:space="preserve">WAY to vague. Where is the 'not engaging at all' if they are not even emerging?
Also, it just means most of the class will be chunked at 'proficient' at a vague de facto B. There is total confusion about Extending and Proficient as Extending is seen as unattainable. </t>
  </si>
  <si>
    <t>We would be doing our senior students a HUGE disservice not to give letter grades as post-secondary systems both locally, nationally, and internationally, demand it, and will be demanding it for the foreseeable future.
It's also a shock for grade 9s now to move to grade 10. Transition strategies?</t>
  </si>
  <si>
    <t xml:space="preserve">This is huge cauldron of hodge podge mixing of specific data feedback with airy fairy proficiency scale nothingness that will be used haphazardly across districts and province. It will be inconsistent, chaotic, unfair for students to have to constantly adjust to teachers' varying systems. </t>
  </si>
  <si>
    <t xml:space="preserve">Of course we want our children to be aware and part of the process of their own learning. </t>
  </si>
  <si>
    <t>Depends on how it is implemented. How will this process be authentic versus another hoop to jump through? How will there be consistency school to school and district to district? How will you provide training for teachers to be able to implement it authentically?</t>
  </si>
  <si>
    <t>Depends on how it is implemented. How will this process be authentic versus another politically correct action that looks good on some report? How will there be consistency school to school and district to district? How will you provide training for teachers to be able to implement it authentically?</t>
  </si>
  <si>
    <t xml:space="preserve">I want more than ONE option to disagree with. </t>
  </si>
  <si>
    <t>Several parts that are problematic. See answers above in each section. This is 'ivory tower' thinking that will have little effectiveness in the actual high schools. It's fluff.
The potential to be poorly applied with little training and no time given to staff to do it well, given MoE track record.</t>
  </si>
  <si>
    <t>There is not sufficient time provided for teachers to complete these new additions to reporting.</t>
  </si>
  <si>
    <t xml:space="preserve">Students entering secondary school will have an added stress transition to a different form of assessment.  This 4 point scale does not work for every course and assuming it does is my main objection to changing. </t>
  </si>
  <si>
    <t>It is a far more accurate form of assessment than this vague 4 point system that our presenters (TOM Schimmer) cannot clearly explain.</t>
  </si>
  <si>
    <t>Again this is not a proven form of assessment it is just another fad that will cause division in secondary schools and not prepare students for post-secondary.</t>
  </si>
  <si>
    <t>This sounds really good but you obviously do not teach in a school with a wide range of students.</t>
  </si>
  <si>
    <t>This is already done with the standard system of assessment</t>
  </si>
  <si>
    <t xml:space="preserve">You are removing continuity in the education system.  These are not policies that help students, they just look good on paper. </t>
  </si>
  <si>
    <t>its fine, if parents are really interested they should be checking MyEd and with the teacher (high school prespective)</t>
  </si>
  <si>
    <t>its more realistic than a % based system</t>
  </si>
  <si>
    <t>no % till the end of the course, even better only have it on the transcript and not the report card even (think IB)</t>
  </si>
  <si>
    <t>keep with the same, consistency of the 4 pt scale would be good.</t>
  </si>
  <si>
    <t>would this be for each individual class or just done on a grade level to be added?</t>
  </si>
  <si>
    <t>are these to be done in each course or just once per student?</t>
  </si>
  <si>
    <t>how is this any different to what we are already doing?</t>
  </si>
  <si>
    <t>you are not being clear to what you really want in comparison to what we already do. It feels as if more is being put on the teacher to prove what students can do, rather than the student proving what they can do</t>
  </si>
  <si>
    <t xml:space="preserve">I think timely feedback is necessary for students success. I also acknowledge that effective reporting to parents takes considerable effort on the time of teachers. </t>
  </si>
  <si>
    <t>I like the descriptive scale more than percentages or letter grades because it drives a more collaborative and less competitive classroom environment. I also think in early grades the focus should be on being proficient in all subject areas for all students.</t>
  </si>
  <si>
    <t xml:space="preserve">Students in older grades need some clearly defined metrics as the entrance to university is competitive. </t>
  </si>
  <si>
    <t xml:space="preserve">This seems like double information. </t>
  </si>
  <si>
    <t xml:space="preserve">Students should be able to track their own learning and understanding. </t>
  </si>
  <si>
    <t xml:space="preserve">I would rather see goals developed in conjunction with students prior to the reporting period so that progress on the goals can be reported on. </t>
  </si>
  <si>
    <t xml:space="preserve">I would like to see goal-setting done before reporting. This should be when student-teacher conferences take place, not after report cards go home. </t>
  </si>
  <si>
    <t xml:space="preserve">This is way too much work for the teacher to have to have core competency reflections 3 times a year!!! The students barely benefit in the format it is in now and it is a benign exercise. </t>
  </si>
  <si>
    <t xml:space="preserve">This is way too much extra work for the teacher to have this included in the reports. </t>
  </si>
  <si>
    <t xml:space="preserve">Too many reporting periods-I teach elective courses, meaning I have approx. 200 students to provide feedback for, 5 times a year. </t>
  </si>
  <si>
    <t>Students and parents don't understand the difference between "Developing" and "Emerging", but they understand the difference between a B and a C.  Why are we making reporting harder to understand?</t>
  </si>
  <si>
    <t>Post Secondary uses these to assess admission requirements, students and parents understand them.</t>
  </si>
  <si>
    <t>More work for teachers for no increased understanding in reporting.</t>
  </si>
  <si>
    <t>Students who do well in courses always assess themselves as doing worse, students who do poorly don't care and say they did great. Self assessment is not an accurate method for reporting or gauging student success.</t>
  </si>
  <si>
    <t>Student goals may not match what the learning outcomes for the course are-which then do teachers focus on?</t>
  </si>
  <si>
    <t>it is the same as we currently have which means it is no added work on teachers</t>
  </si>
  <si>
    <t xml:space="preserve">I would be more satisficed with this option if the government was also providing those CLEAR "Provincial Proficiency Scales" for each subject and grade level. Teachers need CLEAR guidelines and expectations BEFORE this rolls out on what these scales look like in each subject and grade level. </t>
  </si>
  <si>
    <t xml:space="preserve">This does need to stay, but what is hard is the steps and process of students going from a scaled mark during classes and then converting that to a percent. With lots of students the number matters for Post secondary. How to do you determine the difference between a 80% and 83% from a scale </t>
  </si>
  <si>
    <t>I do think that it is important that there are still some provincially mandated assessments to hold teachers accountable at all levels for some standards.</t>
  </si>
  <si>
    <t xml:space="preserve">I feel that there needs to be significant teacher training and planning BEFORE this is rolled out. Teachers need to understand what the standard for these are BEFORE we are asked to implement with students </t>
  </si>
  <si>
    <t>Who is responsible for implementing this in the high school setting? will this add more work for secondary teachers to track and follow up</t>
  </si>
  <si>
    <t>Teachers are already working to try to ensure this is happening, my only concern is that this could add more work for teachers to "individualize" everything we do which is not possible when not all teachers have the background to do so and there are 30 students to 1 teacher</t>
  </si>
  <si>
    <t>Danish</t>
  </si>
  <si>
    <t xml:space="preserve">The frequency of reporting is too much! The workload is huge for teachers. Give more time for parent teacher interviews instead. Currently we get one afternoon (early closure) to do all interviews. </t>
  </si>
  <si>
    <t>Use the proficiency scale K-7. In high school they are ready for letter grades</t>
  </si>
  <si>
    <t xml:space="preserve">Use letter grades grade 8-12 or 9-12. </t>
  </si>
  <si>
    <t xml:space="preserve">We do this in class already which is sufficient </t>
  </si>
  <si>
    <t>The frequency of reporting is too much! The workload is huge. Teachers’ mental health matters too!!! We are already stressed and worked to the max. This could be a reason for leaving the teaching profession. We are given no extra time to do this?? This is too much!</t>
  </si>
  <si>
    <t xml:space="preserve">The descriptive comments are getting longer and longer and we only have a prep block in one semester.  We need release time to be able to complete the quality of written reports being asked for (and we would like to do them--there is just no time).  </t>
  </si>
  <si>
    <t xml:space="preserve">It takes the focus away from numbers and puts it on the recognizable achievement.  </t>
  </si>
  <si>
    <t xml:space="preserve">I would prefer a proficiency scale, though perhaps a 6-point one.  </t>
  </si>
  <si>
    <t xml:space="preserve">We should not use all. Prof. scale OR grades.  Percentages could go with wither.  </t>
  </si>
  <si>
    <t xml:space="preserve">Needs to not be repetitive or redundant.  They get bored easily with the same format over and over.  </t>
  </si>
  <si>
    <t xml:space="preserve">Needs to be meaningful and, like self-assessment, they need to be taught how to do it (perhaps in an assembly by grade) in an interesting way.  If so, it can be very valuable.    </t>
  </si>
  <si>
    <t>I strongly suggest letter grades for grade 7 and up.  I think grades 7-9 need the practice in letter grades before grade 10 begins.  They need to learn the value or letter grades.  Grade 10 is too late to start this process.</t>
  </si>
  <si>
    <t>I agree with letter grades, but ..
I strongly suggest letter grades for grade 7 and up.  I think grades 7-9 need the practice in letter grades before grade 10 begins.  They need to learn the value or letter grades.  Grade 10 is too late to start this process.</t>
  </si>
  <si>
    <t>self-assessment is a power tool for growth and awareness</t>
  </si>
  <si>
    <t>So long as this process does not steal from important instructional time.</t>
  </si>
  <si>
    <t>Three reports are written, what is required for the other two since districts will require different things without a defined statement.</t>
  </si>
  <si>
    <t>This is confusing for some parents  and often requires an explanation in terms of letting them know how their child is doing.   When terminology changes it needs to be simple and easy to understand.  Educators will understand but the public doesn't have the same experience and can become confused.</t>
  </si>
  <si>
    <t>It's clear and understandable by parents and the public.</t>
  </si>
  <si>
    <t>So different teachers, schools or districts would be doing different things?  That creates more confusion.</t>
  </si>
  <si>
    <t>This would work fairly well at some grade levels but not all and is more work for teachers.  Where will that time come from?</t>
  </si>
  <si>
    <t>This policy though done by many unofficially, doesn't have value until students reach a certain level of learning/understanding.  Again the time to do this with a group of 30 students is going to impinge on instructional time.  Part of this is a parent role.</t>
  </si>
  <si>
    <t>This seems to be required already if I'm understanding the intent.</t>
  </si>
  <si>
    <t>Too many changes all at once, especially during these times</t>
  </si>
  <si>
    <t>Teachers are scrambling now just to keep up with the pandemic related issues for their students.  A lot of these changes will impact how they plan and use their time with students. This is not the time for such significant changes, mental health?  The extra work needs to considered and accommodated.</t>
  </si>
  <si>
    <t>Pressure on the children is significant when they are asked to ‘write a test’.  The teachers do a great job of knowing how each student is doing, so long as they have more Teachers Aids and Education Assistants and Aboriginal Education and support workers in each classroom to cover the student needs</t>
  </si>
  <si>
    <t>Teachers do a great job of knowing how each student is doing, so long as they have more Teachers Aids &amp; Education Assistants &amp; Aboriginal Education &amp; library &amp; Support in each classroom to cover the student needs, especially at the elementary level. Funding needs to be increased in these areas</t>
  </si>
  <si>
    <t xml:space="preserve">This type of reporting favours primary over secondary as teachers have fewer students and more contact time. Giving details about students that is meant to be a genuine assessment is more work on secondary teachers, especially with the already low amount of prep time compared to other provinces. </t>
  </si>
  <si>
    <t xml:space="preserve">Grade 9 students have a completely different workload from their elementary and middle peers. This type of scale leaves them unprepared for the more rigorous workload they will face in 10-12, with the assumption that they do not have to complete work to continue to post secondary. </t>
  </si>
  <si>
    <t xml:space="preserve">It is important for students hoping to attend post secondary, especially out of province, to have consistent standards. </t>
  </si>
  <si>
    <t xml:space="preserve">Only if it truly is OPTIONAL- I fear some districts and admin may try to require this and overwhelm already exhausted teachers with little or no prep time. </t>
  </si>
  <si>
    <t xml:space="preserve">As long as it is only students held accountable for this. </t>
  </si>
  <si>
    <t xml:space="preserve">Students setting goals is all well and good, but expecting teachers to keep track of goals for 120 students is frustrating and overwhelming. </t>
  </si>
  <si>
    <t xml:space="preserve">Students have different needs and goals- depending on their desired post-secondary outcome; one student’s success is different from another’s. However- the course levels and appropriateness must be taken into account </t>
  </si>
  <si>
    <t xml:space="preserve">It is likely to be a tipping point for overzealous district and school admin. </t>
  </si>
  <si>
    <t>It really depends on what teacher would report back to parents, though more feedback is always better than less.</t>
  </si>
  <si>
    <t>First of all, in my lifetime, I doubt that Universities will use proficiency scales to assess students.  Rather, percentages and GPA have been universal languages used in a global setting.  Parents, like myself, do not really understand the differences in semantics with proficiency scales.</t>
  </si>
  <si>
    <t>Proficiency scales are open to different interpretations and not a universal language that can be applied in global contexts.  Such languages as 'developing vs ' emerging' and 'applying' vs 'proficient' and 'extending'... are confusing for parents and students to grapple with.  Don't over complicate</t>
  </si>
  <si>
    <t>I think self-assessment is a component that has to be learned, taught, and practiced.  Students need self-assessment, peer assessment, and teacher assessment to fully understand themselves as learners. Some students are unaware of their own efficacies and would underestimate or overestimate.</t>
  </si>
  <si>
    <t xml:space="preserve">Again, it depends on how this is done and who can help facilitate the students to set learning goals.  </t>
  </si>
  <si>
    <t>It all sounds great with you say diversity and inclusion but how can it be done well with the lack of funding and resources.  I am supportive, yet skeptical that the proposed new policy can be inclusive of all learners.</t>
  </si>
  <si>
    <t xml:space="preserve">My reasons are simple in that assessments would reflect global context and align with the grading policies of universities around the world. Secondly, proficiency scales are subjective and difficult to interpret as individuals, we may not understand nor agree with the semantics of the scale descrip </t>
  </si>
  <si>
    <t>I don’t want teachers to have to write more reports. They do a good job reaching out when parents need to be informed of something.</t>
  </si>
  <si>
    <t>The fact that post-secondary institution require this isn’t a good enough reason to do it.</t>
  </si>
  <si>
    <t>The provincial proficiency scale should be enough on its own. This just makes more work for teachers.</t>
  </si>
  <si>
    <t>Let’s trust teachers to communicate with caregivers as needed, instead of just requiring more reporting across the board.</t>
  </si>
  <si>
    <t xml:space="preserve">Written descriptions enable teachers to assess the learning styles and ways of expressing knowledge unique to each student. To do this well, teachers need more time to do assessments (paid days not in the classroom) or fewer students in their class to assess. VERY time consuming but very important. </t>
  </si>
  <si>
    <t>It's hard to have a Proficiency Scale that has real meaning when WHAT TEACHERS USE TO GATHER EVIDENCE giving rise to the rating for each student is totally up to them.  Tests and assignments are created by teachers and every teacher is so different that assessment become largely subjective.</t>
  </si>
  <si>
    <t xml:space="preserve">If, in the early years, we teach students that what's important is work ethic, the process of learning rather than the outcome, they can be equipped to then receive letter grades in later years, especially when learning, up until that point, happens innately, and is intrinsically motivated.  </t>
  </si>
  <si>
    <t>Teachers need to be better educated on what they are using to gather evidence fairly.  For example not all learners do well with tests.  Many teachers still use tests to gather evidence that they then assign a rating using the proficiency scale; this would be disadvantageous for diverse learners.</t>
  </si>
  <si>
    <t>As a province, it's evident that we value meaningful assessment. What this policy proposes is excellent but teachers need more time to be able to come up with assignments that assess students fairly, and more time to actually do the assessments. Descriptive assessments take time...</t>
  </si>
  <si>
    <t xml:space="preserve">We are finally adjusting to the previous changes and it is working great.  Myself, and colleagues and parents have finally found a way for it to work and everything is working well.  Why change it again so quickly.  We have two formal written reports that includes self assessment.  </t>
  </si>
  <si>
    <t>I am already doing this.  I wish the scale can be a sliding scale, to show where in the developing/applying scale they are in.</t>
  </si>
  <si>
    <t>It is easier for figuring out requirements for university or higher education</t>
  </si>
  <si>
    <t>I am a parent of secondary students so will like to know, however I really do not want to add to the teacher load.</t>
  </si>
  <si>
    <t xml:space="preserve">we are already doing this.  It will be nice if it can be better assessed by student to be included into report cards.  It is not easily copied for filing.  a simple online version a student can use then print will be helpful.
</t>
  </si>
  <si>
    <t>We already do this.  Goal setting conference in the fall.  It does not need to be included in the the report card.  It should be optional.  I do do it for the final written report card.</t>
  </si>
  <si>
    <t xml:space="preserve">We will like the ability to reflect on the child IEP and needs.  Many of these students can not be assessed the same way.  The reporting needs to be flexible.  </t>
  </si>
  <si>
    <t>The current two written reports and 3 informal (portfolio, mid-way reporting, conferences) work well.</t>
  </si>
  <si>
    <t>I believe there should  be more communication from teachers for students who are falling behind or need more support PRIOR to a reporting period in order to provide timely support to the student.</t>
  </si>
  <si>
    <t xml:space="preserve">As a parent, the Proficiency Scales are so amorphous as to be effectively meaningless. The reporting my children have received using the Proficiency Scales has been next door to useless. </t>
  </si>
  <si>
    <t>This is an example of burying the lead. The question is entirely disingenous. The shift away from % + Letter Grades is not captured in this question at all. SHAME</t>
  </si>
  <si>
    <t>As a parent, the proficiency scales have been effectively meaningless. One of my children has struggled with learning in a genuine way, but the proficiency scales failed to capture that entirely. BOOOOOO!!!! She would have fallen through the cracks if we did not understand childhood development.</t>
  </si>
  <si>
    <t xml:space="preserve">Reporting on the Core Competencies is a make work project for everyone involved in the education system, including children. A ridiculous expansion of an idea which has exceptionally dubious merit. Reporting on reflection does not make it more relevant or meaningful. </t>
  </si>
  <si>
    <t>Reporting on Student Goals does not make goal setting more meaningful, or students more likely to achieve their goals. An idiotic expansion of an idea of fanciful merit. Unbelievable.</t>
  </si>
  <si>
    <t xml:space="preserve">This is already happening. It's why my child's Proficiency Scales were meaningless. They were measured relative to the IEP Goals, and so the P.S. were UNBELIEVABLY misleading. If I didn't understand what was going on, I would have thought her learning was fine relative to her peers. BUT IT WAS NOT. </t>
  </si>
  <si>
    <t>EVERYTHING except Frequency of Reporting</t>
  </si>
  <si>
    <t>Reporting on Goals and Self-Assessment are a ludicrous expansion. % in June is going to be a slap in the face. Amorphous. Lacks definition. If the Ministry wants effective Assessment, take a look at the IB Grade Descriptors -- specific language in each subject that captures student performance.</t>
  </si>
  <si>
    <t xml:space="preserve">If an increase in reporting is to be required then more paid time to organize, plan and prepare this must come in conjunction with this requirement. 
Perhaps an online reporting system like Freshgrade where students upload their own learning, however this requires more dependance on use of devices. </t>
  </si>
  <si>
    <t xml:space="preserve">We are already reporting in this fashion at my workplace. </t>
  </si>
  <si>
    <t>This is a great requirement that gives students more agency and responsibility for their learning.</t>
  </si>
  <si>
    <t xml:space="preserve">Student evaluations of teachers would also be a great idea. </t>
  </si>
  <si>
    <t>Incorporating some sort of awareness for inclusion learning would also help to establish this. Perhaps some lessons plans or training to make it easy for teachers to infuse inclusive learning daily. How will this be quantified? Will teachers or students fill in a feedback form?</t>
  </si>
  <si>
    <t>I believe in accountability of students and teachers and frequent reporting allows for this however, I am concerned that there will be little support for teachers and add more stress and strain - burnout is already a major concern in this profession. If leave time or some sort of recognition then ok</t>
  </si>
  <si>
    <t xml:space="preserve">I think there should be 4 written report cards between the beginning and the end of the school year. </t>
  </si>
  <si>
    <t xml:space="preserve">I think we should go back to grades for K-9. A, B, C, D, E, F. The current grading scale doesn’t tell us accurately enough where kids are with their learning. </t>
  </si>
  <si>
    <t>Get rid of the Provincial Proficiency Scale</t>
  </si>
  <si>
    <t>I think that this could be positive if the education system changed completely. It is not useful with the current learning structure.</t>
  </si>
  <si>
    <t>Kids should be receiving letter grades and percentages from K-12. At this rate, they go through elementary school not really knowing where they are at and then in grade 10 get a shock when they can’t get the grades and don’t know where they’re at because they haven’t been properly assessed from K-9.</t>
  </si>
  <si>
    <t>Is a good number of contacts</t>
  </si>
  <si>
    <t>Need to follow the universirty's lead</t>
  </si>
  <si>
    <t xml:space="preserve">Performing overall blanket tests like the FSA is not helpful for children and actually does the opposite by inducing more anxiety and stress. </t>
  </si>
  <si>
    <t xml:space="preserve">This is already happening but like I said before there should not be just one blanket fits all for everyone. </t>
  </si>
  <si>
    <t xml:space="preserve">Remove FSA tests </t>
  </si>
  <si>
    <t xml:space="preserve">I check in with my kids teachers periodically, Most teachers are able to let me know areas to work on etc without formal reports. </t>
  </si>
  <si>
    <t xml:space="preserve">I like the idea of each child on a learning journey at their own pace and abilities.  I don’t like the lack of ability to know how much further my child can go.  The proficient category is so broad leaving little space for motivation to get better or to reach for. Extending is almost unachievable. </t>
  </si>
  <si>
    <t>I worry for how children will tradition from 4 broad categories to percentages or letter grades.  If proficient included children who might achieve 60-90% in a subject, moving to letter grades could potentially be very discouraging, or even derailing, if they are on the early end of proficient.</t>
  </si>
  <si>
    <t xml:space="preserve">This idea makes sense for the transition coming as one enters adulthood and college etc. </t>
  </si>
  <si>
    <t xml:space="preserve">Self assessment is good for children who are confident, although they may not accurately assess themselves.  For those who are insecure it can open more insecurity and they may be more likely to assess themselves harder.  </t>
  </si>
  <si>
    <t xml:space="preserve">This is a good idea in theory. But it needs teachers to be actively engaged in creating specific opportunities and directly encouraging individual students in their particular goals. This is a big ask of teachers who have a whole class to help. </t>
  </si>
  <si>
    <t xml:space="preserve">I like this idea.  Inclusion is so important. It would be good to know that inclusion also has made accommodation for students who greatly excel in areas.  Usually inclusivity focuses on those who might need things adapted because the average is too difficult. </t>
  </si>
  <si>
    <t xml:space="preserve">I am not a teacher working with students within the system. Teachers should be the ones consulted about these changes as they work with students and probably have a much better grasp of what could help students the best. </t>
  </si>
  <si>
    <t>After so many years of trying a différent way of reporting progress with portfolios, I feel we are regressing back to the old way we did it before. In a way, it is nice, but at the same time quite disappointing.</t>
  </si>
  <si>
    <t>I am pleased that there is no change in the reporting frequency as we already spend a lot of time on reporting.</t>
  </si>
  <si>
    <t>I believe at this stage that we must have letter grades and percentages in preparation for the whole wide competition of post-secondary.</t>
  </si>
  <si>
    <t>It would be beneficial to have more detail about my own child's progress in senior secondary grades.</t>
  </si>
  <si>
    <t xml:space="preserve">I think that this process of self-evaluation attempts to be too comprehensive to be authentic. A child should be offered more choice on which competencies to reflect on as opposed to being required to reflect on ones self in all areas. </t>
  </si>
  <si>
    <t xml:space="preserve">I believe in the importance of goal setting and that how and what goals are set should be directly reflective of each child not prescribed to be made in specific areas. </t>
  </si>
  <si>
    <t>I believe that is currently being done with IEP progress reports.</t>
  </si>
  <si>
    <t xml:space="preserve">Added work to teachers makes the workload untenable
The first reporting period is too soon. End of September? You're still just getting to know the students.
</t>
  </si>
  <si>
    <t>I like the wording and I like our move away from letter grades as they are far too limiting.</t>
  </si>
  <si>
    <t xml:space="preserve">I don't teach high school so don't know enough. However, though I think post secondary education would like to move toward a different grading criteria, it may be too complicated to filter students eligible for certain programs. </t>
  </si>
  <si>
    <t>We've been doing this already in schools and the format for SACC is ineffective to students in the younger grades. Teachers embed this kind of self awareness everyday already. Their reporting is just another hoop that nobody takes seriously.</t>
  </si>
  <si>
    <t>This is an area for older students and not elementary. I've worked in elementary pilot programs doing goal setting and kids set goals then change them. If it was done loosely, it might be interesting for kids to see how their ideas changed. But instead it becomes a 'have to'. Then kids feel guilty.</t>
  </si>
  <si>
    <t>I've always thought this should be done this way.</t>
  </si>
  <si>
    <t>These words mean nothing to me. How is my kid doing? Is he excelling, meeting or failing the requirements? Those might be better words to use.</t>
  </si>
  <si>
    <t>Students need to be prepared for the real world and if they are failing it should be a wake up call to do better.</t>
  </si>
  <si>
    <t xml:space="preserve">I’m satisfied with having 5 opportunities to see how my child is doing and get some feedback from the teacher. </t>
  </si>
  <si>
    <t xml:space="preserve">The wording means nothing and when you have high achievers, they are so discouraged by this. Bring back the letter grades. </t>
  </si>
  <si>
    <t xml:space="preserve">Yes, keep the letter grades. The kids and parents understand them better. </t>
  </si>
  <si>
    <t xml:space="preserve">I don’t understand what that would look like. I do like to know that my kids are learning the same stuff as the rest of the province, but I still want letter grades. </t>
  </si>
  <si>
    <t xml:space="preserve">I’ve watched my children write what they think the teacher wants to hear. I feel like this is not a valuable tool. </t>
  </si>
  <si>
    <t xml:space="preserve">It’s always good to learn to set goals. </t>
  </si>
  <si>
    <t xml:space="preserve">Feels like it always has been? Now if anything, the new system hinders the high achievers in the school. There is neither the money or resources to push those kids at all. </t>
  </si>
  <si>
    <t>Bring back letter grades/percentages for grade 4 - 12</t>
  </si>
  <si>
    <t xml:space="preserve">I have multiple children and have experience with both styles of reporting. The new wording style is ridiculous. It actually means nothing and has no value. When every single kid in the class is getting the same “proficient “ mark it looses all value. There are kids that are smarter, acknowledge it </t>
  </si>
  <si>
    <t xml:space="preserve">It is unnecessarily adding to the teachers work load, I am already sharing information often with parents by newsletters, sharing photos of our learning, emails, chats at the door. Preparing for reports in primary grades takes precious learning time away from the students. </t>
  </si>
  <si>
    <t>There is more to school than subject areas. I use interim reports to inform parents of their students self regulation, work habits, friendship skills etc, which our curriculum has been really good for acknowledging school is more than academics, this reporting style is a step backwards.</t>
  </si>
  <si>
    <t xml:space="preserve">In early primary we have to spend copious amounts of time working with students to produce an assessment product. Where as the authentic reflection of our core competencies, often does not produce a product that can be inserted into a report. </t>
  </si>
  <si>
    <t>We already set goals twice a term and it is more than enough, as many of their goals take time.</t>
  </si>
  <si>
    <t xml:space="preserve">increase of workload, the increase of reports does not allow for meaningful learning for students as teachers will be busy preparing and writing reports. </t>
  </si>
  <si>
    <t>Theses reports don’t actually tell parents how their child is doing!! Unless you specifically know what the curriculum is for each grade level, which most parents don’t, these reports are rather useless and doing this 3 times a year is a waste of time.</t>
  </si>
  <si>
    <t>Word choice is not good!  Would rather letter grades in grade 4 to 9 as it is understood by the parents.</t>
  </si>
  <si>
    <t xml:space="preserve">The students have a difficult time doing this at the younger levels!  Snd most of the time they think they are doing great! </t>
  </si>
  <si>
    <t>Younger students find this extremely difficult and the teacher often helps provide the goals because students have no idea.</t>
  </si>
  <si>
    <t>We are bilingual. There should be options to choose more than one</t>
  </si>
  <si>
    <t xml:space="preserve">The number of reports is not the primary issue to me, it's the format that I have issue with. </t>
  </si>
  <si>
    <t>The scale allows too much room for underachievement</t>
  </si>
  <si>
    <t xml:space="preserve">It has been done this way for a long time, and is still required for post secondary. Perhaps consult with post secondary institutions as well? </t>
  </si>
  <si>
    <t xml:space="preserve">I think if the ministry believes the benefit of proficiency scaling, perhaps try to convince post secondary institutions to recognize it as well. Rather than having two confusing, and contradicting reporting formats. </t>
  </si>
  <si>
    <t xml:space="preserve">It's good for students to take ownership of their own learning. </t>
  </si>
  <si>
    <t xml:space="preserve">It is great to have inclusion best not at the expense of the safety and learning of other larger student bodies. More trained professionals and funding should be allotted for this to happen. </t>
  </si>
  <si>
    <t xml:space="preserve">Again, if the ministry firmly believes in proficiency scale, more funding, training and support are needed at the school levels. More communication with post secondary institutions as well. </t>
  </si>
  <si>
    <t>This is unreasonable for students who teach 210 students at one time to produce. Three times a year is reasonable. Also, teachers are constantly communicating (informally) with parents.</t>
  </si>
  <si>
    <t xml:space="preserve">"Emerging" is nonsense. It basically means that is a student comes to class, they can meet some learning outcomes. This is unrealistic in some subjects, such as Math. There are some students that really do not have an "emerging" understanding. </t>
  </si>
  <si>
    <t>Students have a difficult time goal setting when they do not really know the goal post....get better at math? that's not a goal.</t>
  </si>
  <si>
    <t>I teach at a DL - soon to be online school - we need more flexibility and a system from government that makes it easier for teachers to report on competencies even all the way to Grade 12</t>
  </si>
  <si>
    <t>good but we need clarification on what those mean for content and competencies - better guidance form the province</t>
  </si>
  <si>
    <t>% yes but also the Provincial Proficiency Scale as a requirement for Grades K-12 would help.  I know too many teachers that simply teach content and disregard the competencies.  By making reporting on competencies from K - 12 mandatory you help students by taking emphasis off content</t>
  </si>
  <si>
    <t>should be mandatory with grades and percent to put more emphasis on competencies which are more important than content</t>
  </si>
  <si>
    <t>very important part of a students education that many students are not asked to do by their teachers</t>
  </si>
  <si>
    <t>We as teachers have to be able to differentiate their assessments to help all types of learners</t>
  </si>
  <si>
    <t>template for reporting for teachers province wide that focusses on competencies K-12 and the frequency of those reports having flexibility</t>
  </si>
  <si>
    <t>Competencies are more important than content and without the provincial government changing the reporting in K-12 to reflect that the school system will not change.  Grades 10-12 percent, grades and the competencies by proficiency reporting should be mandatory for all and flexibility for reporting</t>
  </si>
  <si>
    <t xml:space="preserve">There are 3 points:
1 formative assessment take time to generate and at 25% of the course would not be an accurate reflection of students abilities. 
2 semeser systems to time compesed.
3 significant time investment that would significantly increase work loads </t>
  </si>
  <si>
    <t>System is vague</t>
  </si>
  <si>
    <t xml:space="preserve">Clear assessment </t>
  </si>
  <si>
    <t xml:space="preserve">Just adds vagueness to an otherwise precise assessment </t>
  </si>
  <si>
    <t xml:space="preserve">Good skill but students with special needs and other challenges will suffer. Best left as a taught skill but not an assessment criteria. </t>
  </si>
  <si>
    <t>Most students don't take this very seriously therefore good as a taught skill but bad assessment criteria. 
Greatly favoring children in affluent homes.</t>
  </si>
  <si>
    <t xml:space="preserve">IEPs are already functioning and accomplishing this goal. Don't change what is working. </t>
  </si>
  <si>
    <t>Parents don't understand vague systems and like to see %</t>
  </si>
  <si>
    <t xml:space="preserve">We already have 5 reports. </t>
  </si>
  <si>
    <t>My child always is in the same "category", it does not show me her growth through out a year.</t>
  </si>
  <si>
    <t>I talk to my child often about school and their learning, reports are more valuable if coming from the teacher</t>
  </si>
  <si>
    <t>As long as these reports remain as they currently are, I have no issue. However, I am concerned that for Gr. 8 and 9, these reports may need to begin becoming more extensive, and teachers are already being overworked and burning out (as a new teacher, last year I worked over 50 hours/week).</t>
  </si>
  <si>
    <t>This entire reporting system is confusing for students and parents. I completely disagree with the way it's being implemented, and I'm not sure why teachers are being asked to spend hours every week adapting to a system that does not adequately solve the issues we are currently facing in education.</t>
  </si>
  <si>
    <t>While I do agree letter grades may not be the best way to report on a students' learning, currently, post secondary institutions use them for admission and assessment. I support staying in line with post secondary assessment until we develop an assessment system that is more convincing.</t>
  </si>
  <si>
    <t>I don't necessarily disagree with using the proficiency scale; I think teachers should be able to use their professional autonomy and discretion to communicate with students about their learning. However, I believe this arbitrary system should not be mandated on all teachers at any grade level.</t>
  </si>
  <si>
    <t>Kids should always understand where they are at in their learning!</t>
  </si>
  <si>
    <t>I completely agree with this, but I will also ask for supports to be given to teachers to aid us in creating equitable instruction. Right now, it seems like we're making a lot of adaptations on our own...</t>
  </si>
  <si>
    <t>We are burning out. The proficiency scale promotes subjective grading and additional hours of work per week that teachers don't have. The rationale for the proficiency scale is not enough for me to justify all the work teachers incur because of it, and it's aims are not clear to parents and kids.</t>
  </si>
  <si>
    <t xml:space="preserve">I think this is an appropriate number of reports, and I do not think more should be added. Already, teachers have an abundance of work and additional formal assessments will stretch teachers too thin and compromise their energy and presence in the classroom. </t>
  </si>
  <si>
    <t xml:space="preserve">I think a unified proficiency scale is a good idea so there is a common standard amongst teachers. I like these terms and the additional descriptive feedback involved. </t>
  </si>
  <si>
    <t xml:space="preserve">Due to the nature of how post-secondary institutions are set-up, it is currently unavoidable to designate a grade/percentage to student learning. I think if these weren't needed for post-secondary applications, then getting rid of them is more optimal to support student learning and well-being. </t>
  </si>
  <si>
    <t xml:space="preserve">Additional assessments should not be required for teachers as they are already stretched very thin with current demands of their job. </t>
  </si>
  <si>
    <t>I think all teachers should be using ongoing student self-assessment, but this doesn't necessarily need to be incorporated into formal reports.</t>
  </si>
  <si>
    <t xml:space="preserve">Yes! That is a big part of why I'm a teacher - to help students discovery themselves, their goals, their interests, what skills they want to cultivate. Student Goal Setting should be part of every classroom. We are teaching them ownership, creativity, and self-responsibility! </t>
  </si>
  <si>
    <t xml:space="preserve">Absolutely! There are different needs among students and these diverse needs must be catered to. </t>
  </si>
  <si>
    <t xml:space="preserve">Do not increase the frequency of reporting as this only adds to the huge workload that teachers already carry. </t>
  </si>
  <si>
    <t>This should not even be an option.letter grades and percentages are needed!!!</t>
  </si>
  <si>
    <t xml:space="preserve">The current reporting demands are not realistic in workload. Teachers already compete reports majorly in their personal time. Ongoing communications of student learning are extremely time consuming. More paid time must be allocated to educators to compete these reports and assessments. </t>
  </si>
  <si>
    <t xml:space="preserve">These types of assessments are valid but time consuming for educators. Most educators complete these assessments and reports on personal time. This is not sustainable. </t>
  </si>
  <si>
    <t xml:space="preserve">This makes sense. </t>
  </si>
  <si>
    <t xml:space="preserve">Honestly, I think this is great as long as it doesn't add more to the plates of educators. </t>
  </si>
  <si>
    <t>This is great, as long as educators are provided with direct, meaningful classroom supports in order to tailor plans and assessments to specific student needs. Our needs in this area are not currently being met and too many children are not receiving the quality education and assessment they deserve</t>
  </si>
  <si>
    <t>I prefer the ABCDIF system creates something to strive for and isn’t so generalized</t>
  </si>
  <si>
    <t xml:space="preserve">Letter grades are just way better for many reasons </t>
  </si>
  <si>
    <t xml:space="preserve">That is just silly and a waste of time </t>
  </si>
  <si>
    <t xml:space="preserve">kids grades 4 and up deserve letter grades.  or at least kids in middle school and above.  the new language is harder to understand.  Leave the language in the 4 point scale as is.  Exceeding, Meeting, Approaching and Not Yet meeting are very easy to understand and to report out on.  </t>
  </si>
  <si>
    <t xml:space="preserve">It is necessary to start giving letter grades to kids grade 4 and above. Don't change it.  They need to understand at a young age how they can work towards a goal and giving them letter grades is what makes sense.  Stop bubble wrapping our kids.  </t>
  </si>
  <si>
    <t xml:space="preserve">wording of proficiency scale is terrible.  </t>
  </si>
  <si>
    <t>just another chore for teachers to deal with, that takes time away from actual learning and real meaningful assessment.</t>
  </si>
  <si>
    <t>Just another un necessary hoop for teachers to have to deal with. Bring back a simple reporting format that allows teachers to comment briefly on each subject and to show work habits too, that can be added to each term.  Reporting has gotten completely out of control and parents don't appreciate it.</t>
  </si>
  <si>
    <t xml:space="preserve">again, more big wording.  Of course all learners have always been included, based on their needs.  </t>
  </si>
  <si>
    <t>simplify the reporting, stop overly complicating it and making it difficult for parents to understand.  Letter grades grades 4 and above</t>
  </si>
  <si>
    <t xml:space="preserve">5 reporting periods would be satisfying if the reports were actually beneficial and not generic. Last year my K and grade 4 have 95% the same reports so were a waste of time and did not help or explain at all their strengths, weaknesses or what they were actually learning </t>
  </si>
  <si>
    <t xml:space="preserve">Absolutely horrible system! Letter grades are so necessary. This reporting system provides zero insight to how a child is performing </t>
  </si>
  <si>
    <t>Letter grades are an excellent universal way to measure. The 4 point system is just a teacher's opinion and based on experience there's no consistency from teacher to teacher</t>
  </si>
  <si>
    <t xml:space="preserve">This method is giving a participation ribbon to every child which is setting our children up for failure once they reach university </t>
  </si>
  <si>
    <t xml:space="preserve">Interesting to read but don't reflect truly how they are performing </t>
  </si>
  <si>
    <t xml:space="preserve">Goal setting for individuals is wonderful </t>
  </si>
  <si>
    <t>Letter grades need to be brought back for grades 4-9</t>
  </si>
  <si>
    <t>It means that students spend most of their time"training" for the reports instead of education.</t>
  </si>
  <si>
    <t xml:space="preserve">Too much pressure on "performance" </t>
  </si>
  <si>
    <t>School not be  contests.</t>
  </si>
  <si>
    <t>More of the same, making education a competition, not s pleasure.</t>
  </si>
  <si>
    <t>Nobody likes this "self assessment " stuff. 
Sounds like self criticism.</t>
  </si>
  <si>
    <t>You want "student ownership" ( whatever that means) then have student led education.</t>
  </si>
  <si>
    <t>I have not the slightest idea what that is supposed to mean.</t>
  </si>
  <si>
    <t xml:space="preserve">Discharge the outdated "reporting system. </t>
  </si>
  <si>
    <t>My district currently has three written reports each year. I find it very difficult to have enough to give feedback on for the first report card. My own children receive two written reports a year and the timing they use would be preferable to me as I would have more to report on.</t>
  </si>
  <si>
    <t>It doesn't matter to me. I would prefer that we choose something and stick with it and make sure that language is standardized.</t>
  </si>
  <si>
    <t>If we are to do this I would want something standardized so we are not scrambling to come up with it. It needs to be something meaningful too, not just done for the sake of having it be completed.</t>
  </si>
  <si>
    <t>It is always good for students to take ownership of their learning and set goals. I would hope that the students would be completing their own reflection of their progress towards their goals. I already produce pages of comments for each of my students and can't reasonably be expected to do more.</t>
  </si>
  <si>
    <t>I thought our reporting (at least in my district) already was.</t>
  </si>
  <si>
    <t>I spend a significant amount of time writing report cards (close to 30 hours each reporting period). I am required to write very lengthy comments that many parents do not even bother to read. A checklist would provide information in an easier to understand format for parents than some of the written</t>
  </si>
  <si>
    <t>Since parents cannot enter the classrooms due to restrictions, it’s difficult to get a sense of how my child is doing in school.  Sure we get vague report cards (not meeting/meeting/exceeding expectations), but that doesn’t really give me any sense of areas my child may be struggling with.</t>
  </si>
  <si>
    <t>Descriptive feedback is key and more parent/teacher communication is needed.</t>
  </si>
  <si>
    <t>Percentages/letter grades give a more accurate representation than a mere ‘meeting expectations’.  This should be brought back for grades 8 and up, not just grade 10-12.</t>
  </si>
  <si>
    <t xml:space="preserve">Keep reporting the same. </t>
  </si>
  <si>
    <t>Great way to give feedback</t>
  </si>
  <si>
    <t>N/aa</t>
  </si>
  <si>
    <t>Good way to incorporate students into reporting</t>
  </si>
  <si>
    <t xml:space="preserve">Keep it the same as now. It is not necessary to have student work for every report card. </t>
  </si>
  <si>
    <t xml:space="preserve">I don’t think Kindergarten should be using a performance scale. They should use a learning continuum. </t>
  </si>
  <si>
    <t xml:space="preserve">I don’t think student assessments should be used for all reporting periods. Just the main ones. </t>
  </si>
  <si>
    <t>I'm fine with the current arrangement but would expect that if my child falls outside the trend that I be notified rather than having to wait for the next report.</t>
  </si>
  <si>
    <t xml:space="preserve"> The language of "Emerging, Developing, Proficient, and Extending" is just too fluffy and doesn't really describe what is happening. They need to start understanding how to recover from an "F" and that keeping grades at a 3.0 or 4.0 level is better than dipping and attempting to recover. </t>
  </si>
  <si>
    <t xml:space="preserve">Why only 10 - 12?  Should be starting this in Grade 7 so that the students get used to this type of grading.  By the time they get to Grade 10 they don't know how to adjust to the new scaling and will spend a year, or more, trying to figure out how to improve the grade.  </t>
  </si>
  <si>
    <t>Setting goals is a great idea as long as they also learn to follow through and follow the SMART  methodology.</t>
  </si>
  <si>
    <t>I think one additional reporting period would be good.</t>
  </si>
  <si>
    <t>I like this way of reporting. Detailed descriptions are great.</t>
  </si>
  <si>
    <t>I think older kids should have grade scales as this is what universities and colleges do
 This will prepare them for life past Secondary school.</t>
  </si>
  <si>
    <t xml:space="preserve">I don't like the term "minimum."  Will districts be allowed to increase this?  Plus, I already find 5 is a lot.  As an experienced teacher, I already let parents know if there are concerns - I don't wait for some arbitrary deadline.  </t>
  </si>
  <si>
    <t xml:space="preserve">Some examples of what each of these mean in real terms would be useful.  I sometimes find that even within a school, teachers have different opinions of what  "proficient" looks like.  </t>
  </si>
  <si>
    <t xml:space="preserve">I teach at an elementary school, so will not comment on a process I am not familiar with.  </t>
  </si>
  <si>
    <t xml:space="preserve">We have used this scale up to grade 9.  Why not continue it?  Students are used to the language, and in the real world those improvements count more than a letter grade.  </t>
  </si>
  <si>
    <t xml:space="preserve">This will become a make work project.  It's external and so becomes a job to do, a box to check off; it doesn't necessarily show legitimate growth as it's done at a prescribed time.  </t>
  </si>
  <si>
    <t xml:space="preserve">Seems like we've transferred the busy work from the teachers to the students.  Now they have to "show growth" when they may not be ready.  </t>
  </si>
  <si>
    <t xml:space="preserve">What does this even mean? We are already inclusive and responsive. This is vague and means nothing.  Later, after teachers have said "of course we agree with inclusion!" it will be honed to include extra work under the "inclusion" banner and we'll have no recourse because we agreed to it.  </t>
  </si>
  <si>
    <t xml:space="preserve">These statements seem like they should be agreeable to everyone, but they are vague.  What do they look like in real life? You are asking teachers to share their ideas on concepts that are not fully formed, and will impact their working life and workload. I find this survey to be ridiculous.  </t>
  </si>
  <si>
    <t xml:space="preserve">Other than having this for K-7 I see no point in having it for 8 &amp;9. Teachers already give feedback to students. I have been told that, with letter grades, learning stops for students, and using proficiency scales encourages learning. This is blatantly false. </t>
  </si>
  <si>
    <t>Using a proficiency scale for 8&amp;9 has no educational merit.</t>
  </si>
  <si>
    <t>Teachers already do this. No need to mandate it. Do you have any clue as to what we do in the classroom?</t>
  </si>
  <si>
    <t xml:space="preserve">Teachers already do this. </t>
  </si>
  <si>
    <t>What educational purpose does this serve? Goal setting should be taught at home.</t>
  </si>
  <si>
    <t>Teachers already do this. Do you even know what teachers have been doing for the last 2 decades?</t>
  </si>
  <si>
    <t>No proficiency scale for 8&amp;9. Education benefits have not been adequately argued. Still in emerging stage.</t>
  </si>
  <si>
    <t>Too complicated for students and parents to understand. I like:
Net yet meeting, partially meeting, minimally meeting, meeting and maybe extending</t>
  </si>
  <si>
    <t xml:space="preserve">A lot of students find goal setting and tracking very difficult even when self-selected. </t>
  </si>
  <si>
    <t>We already do this and need more in class supports so students can be as successful as possible</t>
  </si>
  <si>
    <t xml:space="preserve">The amount of reporting proposed is an unreasonable amount of work put on teachers.  As someone who teaches music to the entire school in 2 periods per week per class, my entire program would be assessment if I had to report on that subject for every child so many times per year. </t>
  </si>
  <si>
    <t>I agree with the 4 point scale and it's use but for every subject and several times a year, that's too much.</t>
  </si>
  <si>
    <t>Slightly satisfied if this tool is used sparingly.  Sometimes these requirements, if needed too often, become artificial "make work" assignments needed to fulfill requirements.</t>
  </si>
  <si>
    <t>This tool is fine if used sparingly.  There's so much curricular content to cover that goal setting will add to workload for teachers and frustration for students in the really early grades.</t>
  </si>
  <si>
    <t>TOO MUCH REPORTING!  WORKLOAD IS UNREASONABLE FOR TEACHERS!</t>
  </si>
  <si>
    <t xml:space="preserve">I feel this with ongoing communication with the teachers is adequate </t>
  </si>
  <si>
    <t xml:space="preserve">I would rather A B C grades or percentages </t>
  </si>
  <si>
    <t xml:space="preserve">They are easier to understand </t>
  </si>
  <si>
    <t xml:space="preserve">It’s important for child to express how they feel they are doing </t>
  </si>
  <si>
    <t xml:space="preserve">Goals are important in all stages of life </t>
  </si>
  <si>
    <t xml:space="preserve">Not all children fit in a mould </t>
  </si>
  <si>
    <t xml:space="preserve">5 additional reports on learning is demanding too much. We have been through enough change over the past 5 years and then adapting to teaching through Covid-19…Please, be aware of what we have endure and give us a some time to breath and recover before adding to our work load. </t>
  </si>
  <si>
    <t xml:space="preserve">Less generic feedback </t>
  </si>
  <si>
    <t xml:space="preserve">Some teacher lack in communicating </t>
  </si>
  <si>
    <t xml:space="preserve">Lack of useful information. </t>
  </si>
  <si>
    <t xml:space="preserve">Feel this is pretty useless. </t>
  </si>
  <si>
    <t>Does not need to be part of reporting on child progress.</t>
  </si>
  <si>
    <t>Better communication from teachers. Seems all students have same reports and comments</t>
  </si>
  <si>
    <t xml:space="preserve">I find that the current system works well. Too many reports is annoying and too little isn’t informative enough. </t>
  </si>
  <si>
    <t xml:space="preserve">I hate the current scale because I have literally zero idea what these terms refer to in regards to letter grades. It makes the report cards basically useless. </t>
  </si>
  <si>
    <t xml:space="preserve">Letter grades and percentages are very easy to understand and know just how  well a student is doing. </t>
  </si>
  <si>
    <t xml:space="preserve">Letter grades are clear and precise. They are the way most parents are familiar with and should be continued to to used. The proficiency scale does not give students a clear level of skill to strive towards. </t>
  </si>
  <si>
    <t xml:space="preserve">These things are absolutely pointless as the students always assess themselves as better than they are actually doing. It is more objective to have a teacher do the assessments. </t>
  </si>
  <si>
    <t>I always found goal setting to be pointless and a waste of time</t>
  </si>
  <si>
    <t xml:space="preserve">This is how it should be. Each student should be taught the things that are missing from their core competencies. They should be taught in a way they can understand and catered to their individual abilities. They should be pushed to complete the required tasks in order to become productive people. </t>
  </si>
  <si>
    <t>The other things are acceptable but the proficiency scale has always been the most annoying part</t>
  </si>
  <si>
    <t xml:space="preserve">Should be letter grades with more details on progress. </t>
  </si>
  <si>
    <t>Letter grades for all levels</t>
  </si>
  <si>
    <t>While frequency is adequate, I am constantly frustrated in the qualitative approach of feedback. The current format does not provide any concrete measures parents can take to aid child's academic competencies.</t>
  </si>
  <si>
    <t>As commented on the above, the subjective nature of analysis does not provide more specific ways to help student improve.</t>
  </si>
  <si>
    <t>Gives littlectime to improve on weak areas</t>
  </si>
  <si>
    <t>Very broad umbrella, needs to be specific comments/details per student
Letter grades should be used</t>
  </si>
  <si>
    <t xml:space="preserve">More frequent reporting, letter grades k-12 </t>
  </si>
  <si>
    <t>Proficiency scale is more of a “blanket” grading method. With little detail/student specific feedback</t>
  </si>
  <si>
    <t>workload issues, especially during and immediately after a pandemic.  People are feeling pretty "tapped" right now.</t>
  </si>
  <si>
    <t xml:space="preserve">I like getting rid of grades for k-9 but Teachers are being required to do more and more everyday. Expecting 5 reporting times a year is too much. There needs to be consistency amongst all schools in the province. MyEd program is NOT teachers parent  friendly.  There needs to be a better option. </t>
  </si>
  <si>
    <t xml:space="preserve">Letter grades don’t mean the same thing anymore. This wording is better than the current meeting expectations etc. </t>
  </si>
  <si>
    <t xml:space="preserve">End of the year reflection is good. Again, this is adding more to teachers plates and there isn’t a simple way for kids to use that is consistent across the province. </t>
  </si>
  <si>
    <t xml:space="preserve">Once again, adding too much to an already full plate for teachers to take on we are expected to teach children things that used to be taught at home, now this is even more. </t>
  </si>
  <si>
    <t xml:space="preserve">5 times a year is adding too much to an already busy and full year for teachers. Frankly, many of the parents in our district don’t even read or download students report cards. They don’t read the fluffy “core competencies” information. They  want  easy to understand info on their child’s going. </t>
  </si>
  <si>
    <t>The learning updates are too basic with no student specific feedback</t>
  </si>
  <si>
    <t xml:space="preserve">This is currently not happening at all. Our son with autism is measured the same as a child without a designation and that is simply not realistic </t>
  </si>
  <si>
    <t>Answers are too generic to whether or not student is meeting or not meeting curriculum objectives. No feedback as to what can be done to help studnets who aren't performing at grade level.</t>
  </si>
  <si>
    <t xml:space="preserve">How many subjects. Developing and Emerging are not easily understood to at what level a student is performing at. Letter grades are a much better choice specifically for high school students. </t>
  </si>
  <si>
    <t>I believe letter grades are a better choice and a more quantitative way to judge performance.</t>
  </si>
  <si>
    <t>It does not help parents concretely identify what students are struggling in. It does not give an idea if they are just entering " proficiency" or in the middle. A system that uses language that is clearly understood by parents and teachers to talk about  strengths and weaknesses is needed.</t>
  </si>
  <si>
    <t>Is the teacher sitting down with a child to discuss reasons behind what they said vs child? Confusing for a child that thinks they are excelling in one area and find teacher disagrees. Are the things they are rating themselves on really relevant to their education and provde meaningful insight</t>
  </si>
  <si>
    <t>As long as it is explained they are not locked into goals. Especially in the elementary years when children might not grasp that. Are these goals looked at by kids throughout the year to see how they are doimg or if they need to make tweaks and changes to the goals</t>
  </si>
  <si>
    <t>Sytem is flawed and not a common language to talk about childs education. Teacher's are hesitant to rate at Extending, especially early in the year, which results in a scale that is mismatched with provincial descriptions and based more on a teacher grading on the curve for that class</t>
  </si>
  <si>
    <t>I am concerned about the feasibility of giving large quantities of descriptive feedback in high school systems, where we have over 100 students each. I am also concerned about the core competency self assessment in high school- who will be responsible for this?</t>
  </si>
  <si>
    <t xml:space="preserve">I am concerned about the level of descriptive feedback required for high school students and the impact on teacher workloads, given our high student numbers. </t>
  </si>
  <si>
    <t>having us use proficiency scales in 8-9, and during the year, and then having to create a percentage from that, undermines and invalidates the proficiency scale. Students know it is simple a grade with another name.</t>
  </si>
  <si>
    <t>having proficiency scales in 8-9, and during the year, and then having to create a percentage from that, undermines and invalidates the proficiency scale. Students know it is simple a grade with another name. we are now essentially required to create two grades- proficiency scale and percentage</t>
  </si>
  <si>
    <t xml:space="preserve">in high school, there is no easy way to get this done- what class will be responsible for doing this? what teacher will be ensuring this gets done? I disagree with it being added to one teacher's workload but not others if one course is chosen. </t>
  </si>
  <si>
    <t>again, I am concerned about teacher workload, and the time that must be taken to instruct students in how to goal set for this course and to have them reassess their progress multiple times a year. with over 100 students, having more things to assess and monitor is concerning</t>
  </si>
  <si>
    <t>this is never clearly outlined. as we to comment on students' IEP goal progress? if so, I do not feel I am qualified to do that for all student IEPs. As well, having to report on IEP goals in addition to curricular competencies is an increase in teacher workload which is concerning in high school</t>
  </si>
  <si>
    <t>It's good to do one less written report because a lot of the time they can be quite difficult to understand for parents.</t>
  </si>
  <si>
    <t>Right now we need to report on Career Education and ADST once a year and I would like if it was kept this way. It doesn't make sense to report on it more than once because what we have right now is working and we are already being asked to report on a lot.</t>
  </si>
  <si>
    <t>I teach grade 2 and while I do a lot of student self-assessment, I don't think students in the younger grades should really need this to be reported on. What purpose does it really serve for families?</t>
  </si>
  <si>
    <t xml:space="preserve">Yet more to do for teachers. We are already doing this in our classes. It is part of the curriculum. Why must everything be reported on? </t>
  </si>
  <si>
    <t xml:space="preserve">My priority as a teacher is to educate students, not rank them for another institution's (post-secondary) purpose. If I comment in writing on a student's progress, that should be sufficient without any need for a percentage, or even a letter grade. It is a redundancy. </t>
  </si>
  <si>
    <t xml:space="preserve">If we're going to use a "proficiency scale" then that should suffice. No letter grades or percentages necessary. It's like asking me to prepare a report card in 5 different languages. I have better things to do with my time - like teach. </t>
  </si>
  <si>
    <t xml:space="preserve">For too long, students (the most important stakeholder in all this) have not been invited to the table. They should be at the center of assessment and reporting practices. </t>
  </si>
  <si>
    <t xml:space="preserve">If we aim to raise responsible citizens, the first step is granting them the opportunity to be responsible (or to fail to be responsible). </t>
  </si>
  <si>
    <t>This one is self-evident.</t>
  </si>
  <si>
    <t>Far too many people think students attend school to get a grade. That backwards thinking has plagued the education system for too long. This is not a currency we are dealing in. Stop the grading. Otherwise, you're still working in a fatally flawed paradigm.</t>
  </si>
  <si>
    <t>I would like to include Grade 9 in the Grade 10-12 group (for letter grades and percentages)</t>
  </si>
  <si>
    <t>It gives students a better idea of where they stand.</t>
  </si>
  <si>
    <t>Too many forms of reporting. More work for teachers</t>
  </si>
  <si>
    <t>At the end of the school year is enough. Takes a lot of classroom time if required. Teachers can still do it across the school year of they want to without being required to do so.</t>
  </si>
  <si>
    <t>Not required. Recommended at the end of the beginning of the school year is enough and at the end of the school year. Takes a lot of classroom time if required. Teachers can still do it across the school year of they want to without being required to do so.</t>
  </si>
  <si>
    <t>In Grade 10-11-12, you need to have a good foundation in math to be able to do well in sciences and pre-calculus. It is hard to be inclusive if students don't have the necessary requisites and foundation when they enter the course.</t>
  </si>
  <si>
    <t>Inclusion in optional course</t>
  </si>
  <si>
    <t>This is great, except many students have no idea about what they need to be learning at that grade level. As long as this reflects goals such as social skills etc.</t>
  </si>
  <si>
    <t xml:space="preserve">I think we don’t get enough updates. Fresh Grade (when used) does aid in giving us more regular updates about our children’s progress </t>
  </si>
  <si>
    <t xml:space="preserve">I feel like I can’t tell when my children have been in the developing category what this means to get them to the next level.. when we think of % or grades, it’s much more clear to know how far behind they may actually be </t>
  </si>
  <si>
    <t xml:space="preserve">I think letter grades and % are certainly important for these grades but should be applied at least at the grade 7 level
</t>
  </si>
  <si>
    <t xml:space="preserve">In addition would be ok, as it could aid the students in understanding that the gap in % between developing and proficient </t>
  </si>
  <si>
    <t xml:space="preserve">I have one child in particular who finds the self assessment to be very stressful </t>
  </si>
  <si>
    <t xml:space="preserve">Goal setting is an important part of school and certainly most work places so would be good to integrate at school </t>
  </si>
  <si>
    <t xml:space="preserve">Often children with disabilities get left behind </t>
  </si>
  <si>
    <t xml:space="preserve">Students with disabilities (like ADHD), get left behind when being compared to normal kids on these scales </t>
  </si>
  <si>
    <t>4 seems like an adequate number, my son just started k this year</t>
  </si>
  <si>
    <t>Should be introduced in k but not enforced as they are still learning about school and such</t>
  </si>
  <si>
    <t xml:space="preserve">dislike the term "proficient" 
</t>
  </si>
  <si>
    <t xml:space="preserve">need more support/resources on how to teach core competencies </t>
  </si>
  <si>
    <t xml:space="preserve">not sure what that would mean for students with exceptional needs and beginning ELL learners. Explicit instruction on what this looks like need to be given.  </t>
  </si>
  <si>
    <t>dislike the term "proficient". 
believe that old terms (not meeting, approaching, meeting and exceeding) are easier to understand.  Especially for families who are ELL</t>
  </si>
  <si>
    <t>Setting clear goals increases chances of realization</t>
  </si>
  <si>
    <t xml:space="preserve">Too vague, descriptors of learning are "edubabble" and lack meaning. </t>
  </si>
  <si>
    <t xml:space="preserve">Fewer reporting periods, a greater emphasis on contact and communication. </t>
  </si>
  <si>
    <t>Clarity of student progress isn't always there reports should be more meaningful to students</t>
  </si>
  <si>
    <t>Students would feel less pressure comparatively and progress will still be evident</t>
  </si>
  <si>
    <t>Universities still look for gpa</t>
  </si>
  <si>
    <t>Continuity</t>
  </si>
  <si>
    <t>No system or continuity or training has been provided to ensure that this is being done correctly or effectively. Right now it is more like jumping through hoops. Competency self assessment needs to be closely tied to the assessment being done by teachers in all subject areas. .</t>
  </si>
  <si>
    <t>They are life applicable</t>
  </si>
  <si>
    <t xml:space="preserve">We definitely do not receive ieve this </t>
  </si>
  <si>
    <t xml:space="preserve">To vague , very little detail provided </t>
  </si>
  <si>
    <t xml:space="preserve">I wish we had letter grades in younger years as well </t>
  </si>
  <si>
    <t xml:space="preserve">My kids don’t care and just write something vague down , whatever they think the adults want to read </t>
  </si>
  <si>
    <t xml:space="preserve">They are kids , they lack the self awareness to find this useful .this is a waste of time for most . </t>
  </si>
  <si>
    <t>It feels like more work right at the end of the year when I'm already doing a formal assessment.</t>
  </si>
  <si>
    <t>Senior grades NEED formal letter grades as some kind of preparation for university.</t>
  </si>
  <si>
    <t>I am not assessing students in the same class on two assessment scales! That means two sets of assessment for one class, that is crazy!</t>
  </si>
  <si>
    <t>I feel like this is not a bad idea I just want to know with what resources and what time am I expected to use to make this happen?</t>
  </si>
  <si>
    <t>What specifically is this asking of me?</t>
  </si>
  <si>
    <t>A lot of these changes require more time of me in my making my assessments and of me teaching the students how to assess themselves. It's a lot of new work being asked in that respect.</t>
  </si>
  <si>
    <t>I don't think we should have to report on all subject areas three times in writing.  Especially in the primary grades, we don't necessarily have enough data to report on all subject areas each term.  Also, self-reflection in early primary is very difficult and time consuming.</t>
  </si>
  <si>
    <t>I think it is fine in the younger grades, but as you get into the higher grades parents need more detail.</t>
  </si>
  <si>
    <t>I think as long as post secondary has the requirement, we have to follow this.</t>
  </si>
  <si>
    <t>Why create additional work for teachers.  It's redundant.</t>
  </si>
  <si>
    <t>It is hard to do this in early primary when students are not yet reading and writing.  It is a very time consuming process for teachers to conference with each child to discuss the goals on a regular basis.</t>
  </si>
  <si>
    <t>Our whole educational system is suppose to be inclusive of all learners but is not funded to provide our diverse learners with the supports required to help them to be successful, so I think this is a joke.  Learning disabled students get no support if they aren't violent so don't even learn to read</t>
  </si>
  <si>
    <t>k-9 needs more separation</t>
  </si>
  <si>
    <t>You can't lump k-9 in the same category.  The needs of a kindergarten students are entirely different than a grade 9 and so are the reporting needs.  The reporting order for early primary, say K-3, should be completely different from those of grades 4-7, or 8-9.</t>
  </si>
  <si>
    <t xml:space="preserve">Seniors do well with using the proficiency scale on a day to day basis. </t>
  </si>
  <si>
    <t xml:space="preserve">What is the Summary of  Learning?
Will  I get release time to learn this new reporting system?
Will we have a year to put this new report card into place?
Will there be clarity on what this Summary of Learning means?
</t>
  </si>
  <si>
    <t>Be more specific here.
What do you mean by "teachers will provide descriptive feedback" exactly</t>
  </si>
  <si>
    <t>What do you mean by Student Self Assessment through the school year? Grade 2's cannot assess themselves constantly.</t>
  </si>
  <si>
    <t xml:space="preserve">How can K-2 set goals constantly and know what is is they are supposed to be learning? Also who will have the time to do this with all the content and competencies?
This is unreasonable.
</t>
  </si>
  <si>
    <t>Grade K-2's cannot set goals and self assess, they are just too young.</t>
  </si>
  <si>
    <t xml:space="preserve">Until it goes back to actual grades the school system will be flawed </t>
  </si>
  <si>
    <t>Letter grades for all grades should be the default. The way it goes now does not benefit anyone. Kids are getting put through to the next grade without be ready. Then when they get to highschool they fail and can't understand why</t>
  </si>
  <si>
    <t>All grades need Letter grading</t>
  </si>
  <si>
    <t>Go back to letter grades From grade 1 until 12. Go back to having winners in sports not just participation ribbons. Kids are being left behind and teacher seem to not care anymore</t>
  </si>
  <si>
    <t>It is a lot of extra work for those using online portfolios to consistently post and comment as well as write 3 written reports especially in primary grades when teachers are responsible for most of the posting und uploading.</t>
  </si>
  <si>
    <t xml:space="preserve">Not a lot of resources for the self-assessments making them hard to integrate and report on separately. </t>
  </si>
  <si>
    <t>Very important for students to be included and take ownership of their learning</t>
  </si>
  <si>
    <t>Not enough supports for this to be feasible in all classrooms</t>
  </si>
  <si>
    <t>eportfolio platform</t>
  </si>
  <si>
    <t>The program is slow, difficult to use, inefficient and the amount of detail and information expected to be posted is burdensome for teachers and overwhelming for parents in primary grades</t>
  </si>
  <si>
    <t>I find this is more than enough communication for me to know exactly where my child is in his learning. Any more would mean too much time in school spent on assessment and not enough time learning and doing.</t>
  </si>
  <si>
    <t>I do not feel that these terms are actually understood by everyone. The seem to be used differently by different teachers. A clearer definition is needed especially for the lower grades.</t>
  </si>
  <si>
    <t>I would like to see the portfolio system used rather than report cards. They truly showed how my child was learning as well as where he was at academically. I am disappointed to hear that they will no longer be used in my district.</t>
  </si>
  <si>
    <t xml:space="preserve">Between reports and FreshGrade and Jupiter and Google, parents are getting way too much communication </t>
  </si>
  <si>
    <t xml:space="preserve">Preference is not to include extending. That can be a comment </t>
  </si>
  <si>
    <t xml:space="preserve">I prefer % to grades as these come GPA anyway. </t>
  </si>
  <si>
    <t xml:space="preserve">Too many options., pick 1.  
</t>
  </si>
  <si>
    <t xml:space="preserve">All students should be able to recognize growth regardless or grades. </t>
  </si>
  <si>
    <t xml:space="preserve">Possibly a good idea for electives reporting instead of % grades. </t>
  </si>
  <si>
    <t xml:space="preserve"> assess the grade level expectations for students at grade level. 
individual needs can be assessed with individual reporting practices. 
Diversity is classes is minimizing meaningful reporting practices </t>
  </si>
  <si>
    <t xml:space="preserve">Continuum scales and proficiency could better reflect where all students are at and report progress relative to each child instead of the grade they’re in  </t>
  </si>
  <si>
    <t>The kids don't need to be mindful in a written format. The core competencies can be learned and expressed without direct teaching and explicit evidence. Besides, it is difficult for them to understand them and there is a lot of coaching and examples.</t>
  </si>
  <si>
    <t>How will the teachers be able to guide separate goals for each student when it's already hard to effectively teach the curriculum to such diverse sets of learners?</t>
  </si>
  <si>
    <t>They already are inclusive and responsive.</t>
  </si>
  <si>
    <t>Reporting on every subject area in every report</t>
  </si>
  <si>
    <t>Reporting on every subject area in every report would result in an inappropriate workload and would invite shallow reporting in some areas</t>
  </si>
  <si>
    <t>Not all teachers mark the same way</t>
  </si>
  <si>
    <t>if it ain't broke, don't fix it!!  I feel well informed about my kids and teachers have tons of work to do.  No need to add more reporting to their plates</t>
  </si>
  <si>
    <t xml:space="preserve">Emerging is the lowest term.  It's too nice.  I need to know if my kid is doing the work and learning well or not.  These new terms are not helpful nor would they motivate my kids.  I coach a lot and I would use the term 'emerging' to describe some of my best players whereas </t>
  </si>
  <si>
    <t>they work</t>
  </si>
  <si>
    <t>no need for it</t>
  </si>
  <si>
    <t>it's an okay idea but most kids (and adults) aren't able to assess themselves accurately</t>
  </si>
  <si>
    <t>I just see this as a parental thing.  Teachers shouldn't have to oversee this stuff.  parents need to do their job.</t>
  </si>
  <si>
    <t xml:space="preserve">I'm concerned that this may result in a high school diploma not actually meaning anything anymore </t>
  </si>
  <si>
    <t>the system already does this through IEP's and adaptations so why do we need to change it?</t>
  </si>
  <si>
    <t>I use ePortfolios and already give learning updates throughout the year for all learning areas via posts.</t>
  </si>
  <si>
    <t>I believe the proficiency scale provides a more encompassing assessment for student learning.</t>
  </si>
  <si>
    <t xml:space="preserve">I understand that letter grades may be required for post secondary, but I think it would make more sense to continue with proficiency scales. </t>
  </si>
  <si>
    <t>It would be nice for students to continue using the same language in describing their learning.</t>
  </si>
  <si>
    <t>Core Competencies are extremely pertinent in every day life skills and competencies and used even in adult life.</t>
  </si>
  <si>
    <t>It is important for students to set and reflect on goals for themselves.</t>
  </si>
  <si>
    <t>Educators should be responsible for providing inclusive education to ALL students.</t>
  </si>
  <si>
    <t>I like when teachers use the dojo app and keep open communication with parents.  Report cards are nice but essentially I want to know when I am needed to help my children with their learning</t>
  </si>
  <si>
    <t>It's ok for little kids but for it is lack luster for when kids are actually excelling in some way.  Kids need something to strive for, everyone does.  A proficient grade, I imagine, is like a B but when we used percentages a kid could be encouraged by increasing 5%.  With this system that isn't so</t>
  </si>
  <si>
    <t>For the same reason as above.  To positively reinforce effort, a grade percentage is better for that</t>
  </si>
  <si>
    <t>It would be a waste of the teacher's time to report on both and likely confusing also</t>
  </si>
  <si>
    <t>Self reflection is important to growth in any area, including academics.  I believe this is an important life skill as well as builds confidence</t>
  </si>
  <si>
    <t>I agree that goals are good but they must be reasonable and attainable goals.</t>
  </si>
  <si>
    <t>While I think it is essential that no kids get left behind in learning we also need to acknowledge that kids with advanced understanding deserve advanced learning</t>
  </si>
  <si>
    <t>I have explained this already.   The teachers don't need the extra work and it serves no purpose</t>
  </si>
  <si>
    <t>A written report for each subject and a general commentary at the end of each term to get a better idea of the child's progress</t>
  </si>
  <si>
    <t xml:space="preserve">A written report for each subject and a general commentary at the end of each term to get a better idea of the child's progress
It is very general and does not give any indication of the specific notions studied. Giving a general comment for French while writing, speaking, understanding. </t>
  </si>
  <si>
    <t>It gives a better assessment and idea of the learning and progress</t>
  </si>
  <si>
    <t>Not needed, too vague</t>
  </si>
  <si>
    <t>To engage the student but not easy for them to do it especially for the younger.</t>
  </si>
  <si>
    <t>Already the case</t>
  </si>
  <si>
    <t xml:space="preserve">Including Student-Led Conferences, this is an unreasonable amount of reporting in the high school setting. </t>
  </si>
  <si>
    <t xml:space="preserve">I believe that letter grades for the older students (8 &amp; 9) are more valuable as they transition into percentages later on at the high school level (10, 11 &amp; 12) but the proficiency scale allows for more wholistic conversations with parents about a student's learning. </t>
  </si>
  <si>
    <t xml:space="preserve">Percentages may still be subjective teacher to teacher but is a system that continues to be widely understood. </t>
  </si>
  <si>
    <t xml:space="preserve">I currently grade using the proficiency scale at the senior level and find it useful with regards to teacher assessment and student self-assessment. Having corresponding percentages correlated with the proficiency levels allows for less subjectivity when calculating a final, cumulative grade. </t>
  </si>
  <si>
    <t xml:space="preserve">This is an unreasonable proposal given the volume of students that a senior-level teacher teaches. Superficially including student self-assessment into a teacher assessment does not provide clarity nor an accurate representation of a students' progress in a course. </t>
  </si>
  <si>
    <t xml:space="preserve">I believe that students should have ownership over their learning and provide as many opportunities for that as possible in my classroom. However, including student goals in a formal report is an unmanageable amount of work in the high school setting. </t>
  </si>
  <si>
    <t xml:space="preserve">More information/clarification is required. Again, I implore consideration of the high school setting when making sweeping changes across all standards for all grade levels. </t>
  </si>
  <si>
    <t xml:space="preserve">All of the other pieces will be manageable if the number of reports is scaled back. I need to be able to spend my time, working with students, in the classroom in order to make connections and better support them in their learning, not collecting data, self-evaluations, and goals to write reports.  </t>
  </si>
  <si>
    <t xml:space="preserve">I do not agree with this proposed idea. Teachers already have so much on their plate in terms of reporting and aiming for student success. This is adding more stress to teachers and our jobs than is needed. Whatever is currently provided to parents is sufficient. </t>
  </si>
  <si>
    <t xml:space="preserve">If teachers are already providing letter grades then adding a proficiency scale to the reporting periods is unnecessary and ultimately takes valuable time away from teachers for home life. This proposal is unsatisfactory and should not be implemented. </t>
  </si>
  <si>
    <t xml:space="preserve">There should be no changes to what is currently implemented in schools. These added proposals add unnecessary stress to our jobs as teachers. </t>
  </si>
  <si>
    <t xml:space="preserve">I think 5 reports is enough for the teachers to complete as I know it takes time but also gives parents s as no understanding of how their children are doing. </t>
  </si>
  <si>
    <t>I completely dislike that system!  Proficient could mean barely scraping by to not quite an “A” student. Need more options on the scale for better gauging of a students strengths and weaknesses.</t>
  </si>
  <si>
    <t xml:space="preserve">Percentages are best as it truly shows where the child is at academically! </t>
  </si>
  <si>
    <t xml:space="preserve">While I support inclusiveness I see how children and teachers struggle in that environment. A struggling child may struggle more because they are still reading well below grade level while a “star” student may be bored waiting for guidance on what to do next. </t>
  </si>
  <si>
    <t>Letter grades and percentages for grades 1-12</t>
  </si>
  <si>
    <t xml:space="preserve">The proficiency scale has too few variables! Need to have at least a 5 or 6 point scale to better gauge a child’s strengths and weaknesses. </t>
  </si>
  <si>
    <t>I am a fan of the written reports, but the rushed parent teacher interviews don’t work. Always rushed and hard to get an appointment with teachers.</t>
  </si>
  <si>
    <t xml:space="preserve">I like the sliding scale as students feel more successful </t>
  </si>
  <si>
    <t>I wish colleges and Universities focused more on who the student is versus grades.
I wish there was an alternate way to focus less on grades and still give Post secondary institutions a way to pick their students.</t>
  </si>
  <si>
    <t>Students would definitely need help knowing what goals to set.</t>
  </si>
  <si>
    <t>This creates another inequality, especially in the high school where junior teachers who have larger classes with greater needs now have  to do more comprehensive reports for more students.</t>
  </si>
  <si>
    <t>I love the scale, I would just like the language tweaked at the top from "extending" to "advanced"</t>
  </si>
  <si>
    <t>I think consistency throughout the high school years is just as important as the early years.  All the same, not half and half.</t>
  </si>
  <si>
    <t>It needs to be a requirement not just "encouraged"</t>
  </si>
  <si>
    <t>This is great, but again, for ALL students.</t>
  </si>
  <si>
    <t>This is a Career Education curricular competency, not needed in this context.</t>
  </si>
  <si>
    <t>The same system for ALL grades.</t>
  </si>
  <si>
    <t>Two or three formal assessments are adequate.</t>
  </si>
  <si>
    <t>We are currently using this model and parents and students seem to understand the language and how we assess using the sliding scale.</t>
  </si>
  <si>
    <t>We currently do this in the classrooms but to make it another thing that we are required to do is a little much. Also I don't think it would be valuable but more as a checking off the box to meet this requirement.</t>
  </si>
  <si>
    <t>To add this as a requirement seems a little much for teachers. We already do this in the classrooms in other ways which also may be informal. Making something that we need to do just makes it seem very checking off the box</t>
  </si>
  <si>
    <t xml:space="preserve">I like that the reports will be written, but I'm not clear on the logistics of five reporting periods in a semester school. Do we do two summaries of learning, one at the end of each semester? Can the (non-written) learning updates be parent teacher conferences? </t>
  </si>
  <si>
    <t>I like the proficiency scale but have some major concerns. 1) clarity to parents (the words aren't necessarily clear and we'll have to do a ton of work to educate our school community) and 2) is emerging a "pass"? Since we have to give letter grades and percentages to 10-12, is proficient an "A"?</t>
  </si>
  <si>
    <t xml:space="preserve">It's very annoying to do all this work on proficiency scales and then have to give a percentage that negates all that work. I do not see why grade 10s need a percentage. I do understand the 11-12 situation but it's frustrating. </t>
  </si>
  <si>
    <t xml:space="preserve">I like the option but wish it were more consistent. </t>
  </si>
  <si>
    <t xml:space="preserve">It makes more sense for it to be self-assessment, but we have not found it very useful and students do not take it seriously. </t>
  </si>
  <si>
    <t xml:space="preserve">This is interesting. I have no opinion. I think the ministry would need to send resources to help us teach students to set good goals. Also for this and the core competency piece, we need a better way of tracking it so they 1) don't lose it and 2) can look back at previous years. </t>
  </si>
  <si>
    <t xml:space="preserve">clarity - what does proficient or emerging MEAN? </t>
  </si>
  <si>
    <t xml:space="preserve">Explained above, but there is no consistency in what, for example, emerging means. If a student is "emerging" do they pass the course? Do they need to be proficient to pass? </t>
  </si>
  <si>
    <t>I don't exactly know how the proposed changes will change things, but I feel comfortable with what is currently in place and don't want another change.</t>
  </si>
  <si>
    <t xml:space="preserve">Is this not what we are already doing? </t>
  </si>
  <si>
    <t>N/a</t>
  </si>
  <si>
    <t xml:space="preserve">To me, this is good practice. However, to have kids at young ages reflect on such BIG concepts seems forced and isn't helpful. </t>
  </si>
  <si>
    <t>As with all new changes, I'm unclear how this will work. Teachers shouldn't be keeping track of student goals.</t>
  </si>
  <si>
    <t xml:space="preserve">This is already good practice with me. However, the diversity and differences are quite extreme especially in a split class and I don't really think it should be expected we teach to 3+ different levels within one classroom. Especially without resources. </t>
  </si>
  <si>
    <t>As mentioned earlier. Teachers should not be responsible to track students goals. We already spend 6+ hours per student on each report card. Enough is enough!</t>
  </si>
  <si>
    <t>gr.8-12: 1 more than current practice in semestered school (2 reports/semester); 2 more than current linear school (1/term; 3 terms).  Why isn't 5th Summary of Learning, coincident with end of 2nd semester report?  Some courses have little to report at 25%.  I suspect K-7 teacher has more concerns.</t>
  </si>
  <si>
    <t>4-point scale is very vague.  "Emerging" is a positive term and doesn't accurately reflect a student who is not making any progress at all.  What does "Extending" mean?  Is it the same as "Exceeding Expectations".  As a parent I feel ... so much for the goal of "clear and accessible language".</t>
  </si>
  <si>
    <t>I would be interested in just using letter grades.  What is the difference between 95% and 97%?  or 75% and 80%?  Otherwise, this is the system we are all used to, so no additional work is needed if it remains in place.</t>
  </si>
  <si>
    <t>It's optional so no additional work for the teacher unless they choose.  However, the parent experience will now be inconsistent reporting of achievement across teachers and subjects.  It seems to me this works against the goal of "clear and accessible language" used in reporting.</t>
  </si>
  <si>
    <t>Time consuming for students to complete self-reports; nobody reads it.  If parents aren't already aware of what kids are doing, they are unlikely to read this.   Access to computers is an issue; not enough to go around for curricular needs.  Waste of teachers' time tracking who has/hasn't done it.</t>
  </si>
  <si>
    <t>In theory it sounds good.  As a parent and a learner I feel typing this in to a computer for reporting to be a waste of time.  Bureaucracy gone mad in the quest for accountability and documentation! If it must happen, then once per year is more than sufficient.</t>
  </si>
  <si>
    <t>not sure how this is different from current practice.  I am concerned about the word "fully" in the context statement, because after 20+ years I have yet to feel that I have fully met all the individual needs of my students, especially those with diverse abilities. "Adequately" is the best I can do.</t>
  </si>
  <si>
    <t xml:space="preserve">Reasons already listed above.  Just because goal setting and reflecting are critical steps that all successful learners go through, doesn't mean that it is necessary to report these out to parents in formal reports.  </t>
  </si>
  <si>
    <t>Would want to know specific areas of study needing work/help on</t>
  </si>
  <si>
    <t xml:space="preserve">Would want to know specific areas of study needing work/help on. </t>
  </si>
  <si>
    <t>Does not affect my household.</t>
  </si>
  <si>
    <t>Would want one-on-one time between teacher-student to go over assessment to work towards achieving greater personal goals.</t>
  </si>
  <si>
    <t>As long as students receive the support and materials they need to advance.</t>
  </si>
  <si>
    <t>One-on-one time between teacher and students.</t>
  </si>
  <si>
    <t>Change the curriculum to include life skills (taxes, mortgages, health/life insurance)</t>
  </si>
  <si>
    <t>It is a waste of time. Give letter grades and/or percentages for grades 8-12. Everyone understands this. It is clear to students, parents, and teachers.</t>
  </si>
  <si>
    <t>Should only apply to k-7. All of high school should be the same (letter grades/percentages) to best prepare student for higher grades and post secondary.</t>
  </si>
  <si>
    <t>It makes sense to everyone-students, teachers, parents, and post secondary institutions.</t>
  </si>
  <si>
    <t>Waste of time, so it is good if it remains optional. Good teachers are conscientious teachers. Thus they already make the effort to check in with students and parents, and gives the student a clear idea of how they are doing in the class, so this scale is redundant.</t>
  </si>
  <si>
    <t>Another massice time waster. Students do not care about this at all. It is an insincere, bureacratic process that yields results that nobody actually engages in-this is feedback I have heard from hundreds of students over the years.</t>
  </si>
  <si>
    <t xml:space="preserve">See above response. </t>
  </si>
  <si>
    <t>It is a great idea in theory and all students should absolutely be included in the classroom as much as they can be, but there are limits because students do need to prove that they are capable of certain skills, so if it is a writing class, for ex, adapting for an oral presentation doesn't work.</t>
  </si>
  <si>
    <t>Please refer to above comments to questions</t>
  </si>
  <si>
    <t>These terms are already being used and provide little to no insight into how your child is actually doing. A teacher once described that "proficient" is equivalent to "anything between a C and an A. Those are two very difference levels of proficiency and this scale lumps them into one.</t>
  </si>
  <si>
    <t>By my count, this is NOT the current number of reports: currently, we write two formal reports and then connect with parents/families/students at our discretion and in the format most suitable for the other three contacts.
This new system seems to be a return to three formal written reports.</t>
  </si>
  <si>
    <t>At my level of teaching (early primary), this scale is appropriate and helpful to shift agency to students as learners.  I wonder about the transition to "regular grades" in Grade 10, though - it seems late.</t>
  </si>
  <si>
    <t>We do this already.</t>
  </si>
  <si>
    <t>My concern is that the policy, as written, adds a top-down, heavy-handed requirement that creates the need for more testing to meet new deadlines as opposed to giving leeway to the professionals teaching, giving feedback, communicating to families, and reporting in timely and student-centered ways.</t>
  </si>
  <si>
    <t>Having two written reports works well to communicate with parents.</t>
  </si>
  <si>
    <t>For some subjects or topics the scale is too broad and should instead just be "Not yet" and "Achieved"</t>
  </si>
  <si>
    <t>Self assessment information is not intended for parents but instead is for student benefit so it is incorrect to include it into student reporting</t>
  </si>
  <si>
    <t>Student goal information is not useful to parents but instead is for student benefit so it is incorrect to include it into student reporting</t>
  </si>
  <si>
    <t>Assessments should already be inclusive and changing the policy is unneeded</t>
  </si>
  <si>
    <t xml:space="preserve">Self assessment information is not intended for parents but instead is for student benefit so it is incorrect to include it into student reporting. Teachers should not have to create a self-assessment for students that can easily be submitted into a report. </t>
  </si>
  <si>
    <t xml:space="preserve">Some times the feedback is a form letter and not individual. When it says meet expectations I don't know what those expectations are. </t>
  </si>
  <si>
    <t xml:space="preserve">Such a broad range. </t>
  </si>
  <si>
    <t>Students need to be able to learn how to be aware of their own strengths and falls</t>
  </si>
  <si>
    <t>The requirement of the additional summary of learning is not consistent with semester timetabling. This could be  corrected if the focus of the fifth report is student self-assessment. It is not true to say that this is the same as the number of reports currently required</t>
  </si>
  <si>
    <t>The proficiency scale is an appropriate number of categories. With appropriate exemplars, professional teachers should be able to assess reasonably consistently.</t>
  </si>
  <si>
    <t xml:space="preserve">Professional teachers cannot say that their margin of error in assessment is within a percentage. We cannot all agree on the distinction between 82% and 83%. By retaining percentages the Ministry is encouraging traditional book-keeping over evidence-informed professional judgement. </t>
  </si>
  <si>
    <t xml:space="preserve">Why both? Just remove percentages &amp; letter grades. One benefit of the proficiency scale is that it doesn't have the baggage of traditional grading. By encouraging the use of both, we are likely to see it as a translation exercise which then undermines this potential benefit. </t>
  </si>
  <si>
    <t xml:space="preserve">This may be useful for the purposes of tracking over time. I'm not sure that the purpose of formal reporting is to ensure mindfulness of growth since the permanence of such a record shifts self-assessment from what should be a low stakes activity to what may be perceived as higher stakes. </t>
  </si>
  <si>
    <t>Goal setting is good, but I think for it to work we need to fully shift away from traditional percentage based reporting otherwise we are likely to see goals that focus on grades than skills. Such a focus actually undermines student learning. The proficiency scale is a better fit for learning goals.</t>
  </si>
  <si>
    <t xml:space="preserve">Well this says essentially nothing. Even past practices were to be inclusive of learners and respond to individual needs. I guess it needs to be in the policy, but it doesn't represent a change in practice. </t>
  </si>
  <si>
    <t xml:space="preserve">Percentage level reporting is not consistent with a competency focused curriculum. To avoid the inevitable arguments over what is an 71% vs what is a 73%, it incentivizes traditional book-keeping based grading. This is something that should be replaced with the proficiency scale alone.    </t>
  </si>
  <si>
    <t>The written reports are time consuming and take away from valuable teaching time.</t>
  </si>
  <si>
    <t xml:space="preserve">As long as the descriptive feedback is not a long, time consuming process. </t>
  </si>
  <si>
    <t>As a high school teacher who has a standard student load per year of 190-200 students, writing close to 1000 reports per school year in addition to the ongoing preparation, marking and quality feedback provided directly to students on an ongoing basis is extremely difficult to achieve.</t>
  </si>
  <si>
    <t>Please see previous comment regarding sheer volume of reports required and time needed to write this large number of reports.</t>
  </si>
  <si>
    <t>1000 reports per year in high school is a large amount of reports to write in a meaningful way in addition to continuous quality feedback directly to students especially in terms of the amount of preparation time provided to do this work along with preparation, marking and course development.</t>
  </si>
  <si>
    <t>I would like it to remain 2 written reports and 3 other learning updates. Adding another written report will increase my workload by a LOT. It was a relief when it went down to 2. Why are you trying to change it back??</t>
  </si>
  <si>
    <t xml:space="preserve">Teachers already spend countless out of school hours working on the curriculum and other school related things - all unpaid. Adding on another written report where it is expected to be descriptive and personalized to each student will increase our workload exponentially. </t>
  </si>
  <si>
    <t>Use this scale only ok in grade 12 courses.</t>
  </si>
  <si>
    <t>I prefer the proficiency scale for all grades, including G10-12. However, many teachers are vocally opposed to it and complain about having 'grades taken away' from them.</t>
  </si>
  <si>
    <t>Redundant - letter grades are meaningless. If you are committed to strictly quantitative assessments, simply use percentages. Letter grades aren't standardized nationally or internationally, so percentages are a more transferable metric. I also think qualitative assessments can be equally important.</t>
  </si>
  <si>
    <t>YES to the proficiency scale. YES to percentages for G10-12. NO to letter grades - again, they are redundant and not standardized.</t>
  </si>
  <si>
    <t>Finally! Their academic records belong to THEM and we will finally see their voices included!</t>
  </si>
  <si>
    <t>A student's education belongs to THEM - assessments should reflect progress towards individualized goals.</t>
  </si>
  <si>
    <t xml:space="preserve">I wish I could believe it. We all know that our schools are a two-class system. Nepotism and favoritism benefit learners connected to school staff - a practice that is widespread and unchecked. </t>
  </si>
  <si>
    <t xml:space="preserve">Eliminate letter grades. They are redundant and ultimately meaningless. Stick with percentages as a quantitative metric. </t>
  </si>
  <si>
    <t>I'm confused about the proposed October learning update requirement and what that will be expected to look like.  I teach Kindergarten and in October I'm just getting to know my wee charges.  October is too early for me to provide a meaningful learning update to parents.  I need more room to write..</t>
  </si>
  <si>
    <t>I think it's important to communicate to parents where their child is in relation to learning outcomes.</t>
  </si>
  <si>
    <t>I'm not a high school teacher.</t>
  </si>
  <si>
    <t>Self assessment is a critical peice</t>
  </si>
  <si>
    <t>Goal setting for students is critical.</t>
  </si>
  <si>
    <t>Of course!  Inclusive is critical.</t>
  </si>
  <si>
    <t>Timing of October Learning Update - it's too early.</t>
  </si>
  <si>
    <t xml:space="preserve">October is too early to provide a learning update to parents.  If we could continue with Intake interviews in September that would be great.  We need to get to know our new familes.  I could do a portfolio share near the end of November but then that's right before a formal report goes home...  </t>
  </si>
  <si>
    <t xml:space="preserve">Taking away grades for younger students improves inclusivity. Less competitiveness and feelings of inadequacy between kids when one is an A student and one is a C+. </t>
  </si>
  <si>
    <t>Letter grades are needed at higher education levels for calculating GPA which is needed when applying to post secondary institutions.</t>
  </si>
  <si>
    <t>Not appropriate for kindergarten students</t>
  </si>
  <si>
    <t>Reporting should be consistent through all grades</t>
  </si>
  <si>
    <t>Teachers should not be expected to asses students twice. SBA and percentile grading do not align.</t>
  </si>
  <si>
    <t>It was good for a three term elementary but three terms was just about reporting periods.
Gives parents a heads up.
Mid-year summary and final summary is better if with portfolios. 
Fall interim on work habits is very helpful.
Conferences are great but are not really a report if no show.</t>
  </si>
  <si>
    <t>It’s clear and helpful.</t>
  </si>
  <si>
    <t>I don’t teach grades 10-12.
There needs to be a system that the post-secondary institutions agree with.</t>
  </si>
  <si>
    <t>I don’t teach grades 10-12 and do not know enough to have an educated opinion.</t>
  </si>
  <si>
    <t xml:space="preserve">The Core Competencies are important but they are too big for primary students to really understand enough to self-assess. The list is huge! When we have students do it, it’s mostly just to check the box. It is a waste of time for most primary students. </t>
  </si>
  <si>
    <t>Too big of an idea for Primary. Setting literacy goals are hard enough. Inquiry goals would be pretend and a waste of time for most Primary students. We need more learning time not more paperwork and hoops to jump through.</t>
  </si>
  <si>
    <t>There are not enough supports for students with special needs and learning difficulties and learning differences. Students need smaller classes, more EA time, more L.S.T. time and more tech. This seems more like asking teachers to do even more with less.</t>
  </si>
  <si>
    <t xml:space="preserve">Less is more. Check marks on a scale by teachers are helpful. K-9 is not a single group. Ask K teachers. Ask Primary teachers. Ask Middle school teachers. </t>
  </si>
  <si>
    <t>Assessing, evaluating and reporting already takes up so much teacher time. Yes, we want students to self-assess but at a developmentally appropriate level. Asking teachers to make it happen and report on it takes away from instructional time and puts more work into teachers.</t>
  </si>
  <si>
    <t>too onerous
information being shared isn't received well by parents and isn't being read at the current reporting level
more isn't always better</t>
  </si>
  <si>
    <t>Grades should be brought back
this language is too much 'teacher talk'  it needs a code to explain it</t>
  </si>
  <si>
    <t>This should be in effect from Grade 6 and up</t>
  </si>
  <si>
    <t>too confusing...keep it simple</t>
  </si>
  <si>
    <t>too hard for prmaries
too often for older kids....they stop trying...just like the FSA</t>
  </si>
  <si>
    <t>too time consuming....the kids tune it out....too much!</t>
  </si>
  <si>
    <t>so many on that question and I was only allowed to pick one....its terrible  I don't support it</t>
  </si>
  <si>
    <t xml:space="preserve">Two written reports plus a written summary report equals three written reports. We are currently doing one goals conference with parents and two other official written reports. If the goal conference also involves a written report, that is an astronomical amount of work for teachers. </t>
  </si>
  <si>
    <t>I actually prefe the seven point scale that was usd previously. It was more informative with its sliding scale feature.</t>
  </si>
  <si>
    <t xml:space="preserve">This is not meaningful for the vast majority of students and their parents. Often, strong students are hard on themselves when they self-assess, and often struggling students rate themselves unrealistically beyond expectations. </t>
  </si>
  <si>
    <t>Few students and parents follow through with suggestions and plans related to these goals. I also think it makes more sense to consider the whole child rather than put so much emphasis on one goal area.</t>
  </si>
  <si>
    <t>How so? This is unclear. Of course, this is a worthy goal.</t>
  </si>
  <si>
    <t xml:space="preserve">Student needs and strengths and weaknesses ebb and flow throughout each term. The singular focus on one goal is not helpful. Many parents do not seem interested in the goal suggestions, nor do they remember them later. For very young students, the goal selection is challenging. </t>
  </si>
  <si>
    <t>too much teacher mumbo jumbo
I have faith in their professionalism
I wish grades came back</t>
  </si>
  <si>
    <t>too much mumbo jumbo</t>
  </si>
  <si>
    <t>I wish they had never been removed</t>
  </si>
  <si>
    <t>they already do goal setting....THIS IS TOO MUCH!  the kids will tune out</t>
  </si>
  <si>
    <t>too much info...the kids are tuning it out</t>
  </si>
  <si>
    <t>its all terrible and has been since letter grades were removed</t>
  </si>
  <si>
    <t xml:space="preserve">Assessment is so arbitrary and highly dependent on the assessor/teacher. </t>
  </si>
  <si>
    <t xml:space="preserve">Unless post secondary has a fundamental philosophical shift across North America, percentages must be maintained. </t>
  </si>
  <si>
    <t xml:space="preserve">See my previous comment. </t>
  </si>
  <si>
    <t xml:space="preserve">It has been my experience that teachers at the secondary level are not prepared to implement the core competencies. Although I appreciate the intent, it has so far been a joke and a waste of educational time. </t>
  </si>
  <si>
    <t xml:space="preserve">Some students are ready for this level of independence and some are not. Teachers at the secondary level do not seem prepared to deal with supporting students across the spectrum. </t>
  </si>
  <si>
    <t xml:space="preserve">See previous answer. </t>
  </si>
  <si>
    <t xml:space="preserve">It has been my experience that secondary teachers struggle with assisting students in appropriate goal setting. </t>
  </si>
  <si>
    <t>This will place an unreasonable amount of pressure and work load on teachers. Reports at this depth take time and moreover, we need to give students a longer window of time to show growth.</t>
  </si>
  <si>
    <t>It's important for students to be involved and self-reflective of their learning but feel it would be more useful for students past primary elementary level</t>
  </si>
  <si>
    <t>I need more information on this. How are these goals set and monitored? Is this going to fall on teachers to complete progress reports? If so, it negates student ownership of the learning and adds additional burden (5x a year!!!) to teachers</t>
  </si>
  <si>
    <t xml:space="preserve">Barely hear anything </t>
  </si>
  <si>
    <t xml:space="preserve">Rather grades or percentages. </t>
  </si>
  <si>
    <t>Doesn’t ever tell me anything</t>
  </si>
  <si>
    <t xml:space="preserve">The scale is so ridiculous!! Not clear at all. </t>
  </si>
  <si>
    <t xml:space="preserve">Letter grades should be given from grade 4-12. More accurate depiction of where the student is really at. Easy to understand </t>
  </si>
  <si>
    <t xml:space="preserve">Most students have no clue about self assessment. </t>
  </si>
  <si>
    <t>Letter grades and percentage from grade 4-12</t>
  </si>
  <si>
    <t xml:space="preserve">Clear and easy to understand </t>
  </si>
  <si>
    <t>As long as the number of communication and workload does not increase, it is acceptable.</t>
  </si>
  <si>
    <t>The proficiency scale is a strength-based scale. I am strongly opposed to letter grades and percentages. The emphasis for % becomes product not learning process. Proficiency scale measures progress and process of learning in whatever way the student can show their strengths.</t>
  </si>
  <si>
    <t xml:space="preserve">I am strongly opposed to percentages. The emphasis for % becomes product not learning process. If a letter grade is needed for post-sec, what is the difference between a 75% B or a 83% B? Why should that matter. Without %, teachers can use letter grades to measure process, not final product. </t>
  </si>
  <si>
    <t>Without eliminating percents, nothing changes. You need to eliminate percent and NOT tie proficiency scale to letter grades. Be the change and move to proficiency scale for all grades K-12 in BC. Post-sec institutions can figure it out later.</t>
  </si>
  <si>
    <t>Adding this work to teacher reporting is increasing teacher workload. This work happens in the classroom already and should NOT be added to the teacher's responsibility when reporting.</t>
  </si>
  <si>
    <t>This is already happening. If it adds to teacher workload and there is more to be done, then it is not acceptable. If nothing changes from current practice, then it is acceptable.</t>
  </si>
  <si>
    <t xml:space="preserve">3 terms--1 report per term
manageable
</t>
  </si>
  <si>
    <t>I am not convinced that intermediate students will be sufficiently motivated by comments only</t>
  </si>
  <si>
    <t>consistency</t>
  </si>
  <si>
    <t>Self assessment of the core competencies takes a lot of class time.  Currently we are "teaching to the assessment."  For strong students, it is easy to do.  For weaker students and especially for students with learning differences, it takes a lot of time from teaching new skills and competencies.</t>
  </si>
  <si>
    <t>Again.  See my previous answer.  So much paper work and jumping through hoops when it is a really arduous task for a lot of learners</t>
  </si>
  <si>
    <t>I have a child with an IEP and many learning challenges.  He is in Grade 5.  This is the first year where self assessment has been at all meaningful and engaging for him.  Too much!</t>
  </si>
  <si>
    <t>If we do this multiple times a year, it is a huge amount of time spent on what amounts to paperwork.  It takes time away from valuable boots on the ground learning</t>
  </si>
  <si>
    <t>IEP meeting and reporting timing are not aligned and setup consistent with reporting schedule.</t>
  </si>
  <si>
    <t xml:space="preserve">too non specific </t>
  </si>
  <si>
    <t>clear and specific performance indication aligned with post-secondary applications.</t>
  </si>
  <si>
    <t>this is unecessary and duplicates assessments that is not aligned with post secondary assessments.</t>
  </si>
  <si>
    <t>student's self assessment is good for growth and development.</t>
  </si>
  <si>
    <t>student's taking responsibility for own learning is good</t>
  </si>
  <si>
    <t>inclusion and support for all learners</t>
  </si>
  <si>
    <t>all of it</t>
  </si>
  <si>
    <t>it doesn't make any sense to not consistently provide performance, percentage based grading from Grade 8 to prepare students for post-secondary requirements.</t>
  </si>
  <si>
    <t>To fulfill the requirements of the reporting now in my district requires a great deal of time that takes away from planning and preparation.
Also, What is the difference?  If the reporting times are the same what are you trying to fix?  That is not clear.</t>
  </si>
  <si>
    <t xml:space="preserve">I think that art should not be evaluated in the early years as was the case prior to the recent change to the report card order.  The focus of art best serves the children, especially young children if it is expressive and exploratory rather than performance based.  </t>
  </si>
  <si>
    <t>I am undecided.  Though, is it appropriate to have the tail of the university/college wagged the needs and appropriateness of the adolescent student?</t>
  </si>
  <si>
    <t>One or the other.  Make work for teachers.  The grades should be explained and that is that.</t>
  </si>
  <si>
    <t xml:space="preserve">These competencies are in my opinion developmental in nature.  It is especially developmentally inappropriate for young children to self assess.  They do not have the cognitive foundation for that.  </t>
  </si>
  <si>
    <t xml:space="preserve">We are assuming that all learners are emergent learners.  They are not.  I do not believe that this will encourage student ownership for those children who are not emergent learners.    More make work, administrative work for teachers taking away time and focus on actual teaching.  </t>
  </si>
  <si>
    <t>Well of course!  What is new about this?</t>
  </si>
  <si>
    <t xml:space="preserve">Student goals in early grades, scrap core competencies. </t>
  </si>
  <si>
    <t xml:space="preserve">Student goals in early grades where we are expected to provide play based curriculum - not work based which is where goals come in.  Let's not contribute to the hurried child syndrome.  Scrap core competencies because they are emergent qualities, not behaviours or acts.  </t>
  </si>
  <si>
    <t>Parents are given a clear picture of their child's progress</t>
  </si>
  <si>
    <t>Parents often question what the words mean in relation to their child. Parents grew up with letter grades they understand that.</t>
  </si>
  <si>
    <t>I teach at the k to 9 level.</t>
  </si>
  <si>
    <t>I teach at the k to 9 level</t>
  </si>
  <si>
    <t xml:space="preserve">Younger students struggle with the abstract concepts of self assessment. Even though we have taught this throughout the years and it is good practice, it is hard for students sho lack the maturity to make an assessment. They want parents proud of them and often mark themselves higher. </t>
  </si>
  <si>
    <t xml:space="preserve">See above comment. Elementary students lack the understanding and maturity. We teach them to do this in a non threatening way already. When tgey have to report out to parent their focus changes. They seek approval. </t>
  </si>
  <si>
    <t>I feel this is already done. We need to honor all students.</t>
  </si>
  <si>
    <t>Already stated above</t>
  </si>
  <si>
    <t>The language of “minimum” opens the door to rising expectations and increased workload for teachers without due process. 
There is no reason to state a minimum. Teachers frequently communicate about student learning more anyway. Respect the hard work of teachers.</t>
  </si>
  <si>
    <t xml:space="preserve">The language is wishy-washy. What does “emerging” look like? Parents get a false sense of security from this soft language that allows student failures and lack of skill development to persist for years because of a fear of plain language. </t>
  </si>
  <si>
    <t xml:space="preserve">This increases teacher workload. This is unacceptable. </t>
  </si>
  <si>
    <t xml:space="preserve">This is the sort of thing that looks great for people who aren’t in classrooms. Student self-assessments are a waste of instructional time and rarely align with their actual achievement. This is more feel-good cushioning of bad news as our system sees a continual decline in achievement. </t>
  </si>
  <si>
    <t xml:space="preserve">No. 
Let teachers teach the curriculum… the goals we have all agreed on. We’ve included this kind of nonsense for years. Are our scores increasing? Do our FSAs show that this kind of academic navel-gazing for children without fully developed prefrontal cortexes is effective? </t>
  </si>
  <si>
    <t>I would love to see the people writing this policy come and do this in an actual classroom. This doesn’t reflect reality. It looks great on paper, but everyone in a classroom knows that this pie-in-the-sky kind of ministry language won’t be supported by funding and actual policies that support this.</t>
  </si>
  <si>
    <t>All of it. And I would change the leading questions on this survey.</t>
  </si>
  <si>
    <t>I teach over 120 students this semester. The workload would be insane. A percentage or a letter grade represents a known entity. I have seen lengthy written reports that give very few insights on students progress, looks good but useless.</t>
  </si>
  <si>
    <t xml:space="preserve">Too much time consuming, I would have to spend most of my class time assessing instead of teaching. </t>
  </si>
  <si>
    <t>Reference to known entity.</t>
  </si>
  <si>
    <t>Too much time consuming when dealing with huge class sizes. Often parents quit reading reports after the 1st few sentences.</t>
  </si>
  <si>
    <t>From past experience, when students assess themselves they often cannot evaluate properly their performance. Some students will boost their achievement way over the top and others will be too hard on themselves. You are asking students to assess their progress when they cannot add simple math facts.</t>
  </si>
  <si>
    <t>From experience, even adults cannot set realistic goals. Even when given a chance of taking ownership of their own learning, very few do. I have tried in the past.</t>
  </si>
  <si>
    <t>Lots of teachers don’t have the resources/background to deal with the diversity of learners found in today’s classrooms. You can assign open ended assignments/ activities but you have also to cover certain standards. Responding fully to individual needs sounds good in theory but in practice?</t>
  </si>
  <si>
    <t>Most of the new assessment proposal.</t>
  </si>
  <si>
    <t xml:space="preserve">It works well in theory but may not work as well in real life. We have reinvented the wheel so often to always go back to what worked before. A start would be to bring back some substance to the curriculum. </t>
  </si>
  <si>
    <t xml:space="preserve">Five reporting events is too much and would not be authentic </t>
  </si>
  <si>
    <t xml:space="preserve">Four point scales are not as effective as five point scales. Also the wording is all wrong, especially the word developing we are always in the developing zone no matter where you are in the scale </t>
  </si>
  <si>
    <t xml:space="preserve">By having a totally different grading system in grade ten and above has created a system of unimportance until grade ten because the scale means nothing to students and parents </t>
  </si>
  <si>
    <t xml:space="preserve">Universities have not bought into the scale system and still require gpa. Teachers would have to complete even more work on their busy schedule by providing additional grades </t>
  </si>
  <si>
    <t xml:space="preserve">Self assessment is very important but to control it to the core competencies is lack of awareness to what the students are capable of </t>
  </si>
  <si>
    <t xml:space="preserve">The students should be setting personal goals as well as academic goals these are necessary for encouraging lifelong goals </t>
  </si>
  <si>
    <t xml:space="preserve">Inclusion in very important but there are activities that some students would likely not benefit from or worse feel inadequate. </t>
  </si>
  <si>
    <t xml:space="preserve">Teachers should be spending the majority of their time teaching and inspiring not assessing grading and writing reports </t>
  </si>
  <si>
    <t>We spend too much of our own time, weekends and evenings, writing reports, most of which will not be read. parents want to know achievement levels. The rest is fluff.</t>
  </si>
  <si>
    <t>This is all parents need to know. it is clear, and shows the whole range.</t>
  </si>
  <si>
    <t>why are we asking students to self-assess on something they are not being explicitly taught?</t>
  </si>
  <si>
    <t>Less reporting, or the current level of reporting with less anecdotal information.</t>
  </si>
  <si>
    <t>I like the flexibility of teaching out to parents in person or over the phone. Especially in Kindergarten. I am constantly providing feedback on learning, strengths and areas for growth. I understand the need for written feedback but feel that this limits the ability of each teacher to respond to le</t>
  </si>
  <si>
    <t>Why are we going backwards again? If students understand the scale from grades k-9 why are we being less explicit with grades</t>
  </si>
  <si>
    <t>As stated above. I think we are confusing parents and telling them the the scale is not  relevant...as grades and learning in  grades 11 and 12 are different somehow</t>
  </si>
  <si>
    <t xml:space="preserve">I feel like we have good communication with our children’s teachers. If they were behind I am sure they would let me know right away. </t>
  </si>
  <si>
    <t xml:space="preserve"> My child who is very academic and has been pushed up in reading and math above his grade level rarely gets extending grades in these classes. Children who work hard to excel in their studies and would normally be straight A students are not getting that satisfaction. </t>
  </si>
  <si>
    <t xml:space="preserve">I do not have a child in high school yet but I believe this would be a better system. </t>
  </si>
  <si>
    <t>At such a young age I don’t think my children understand these get. It might be a good tool for later in life.</t>
  </si>
  <si>
    <t xml:space="preserve">My family is very goal oriented in everyday life. </t>
  </si>
  <si>
    <t xml:space="preserve">I would love to see academic children be rewarded for their efforts with actual grades. </t>
  </si>
  <si>
    <t xml:space="preserve">They are too wordy.  I would appreciate more concrete can do and needs to work out.  </t>
  </si>
  <si>
    <t xml:space="preserve">This doesn't tie into real life or even Grade 10!  </t>
  </si>
  <si>
    <t>A waste of time</t>
  </si>
  <si>
    <t xml:space="preserve">We already do 5 points of communication with 3 being written.  </t>
  </si>
  <si>
    <t>Already using 4 point scales for the last 5 years</t>
  </si>
  <si>
    <t>Students need exposure to grades before they head off to college or university.</t>
  </si>
  <si>
    <t>Allows for better feedback and gives students the opportunity to see where they need to improve.  Offers their next step.</t>
  </si>
  <si>
    <t xml:space="preserve">These are not meaningful.  Students have difficulty assessing the competencies as they are not tangible.  Too airy fairy.  Just a task to complete by the end of the year without any real value.  </t>
  </si>
  <si>
    <t xml:space="preserve">This is too difficult for younger students.  Teachers spend too much time sitting one on one trying to get a goal from students who do not understand what is being asked.  Short term goals are more valuable.  Example:  This week I am going to read more.  </t>
  </si>
  <si>
    <t xml:space="preserve">I think this is done already with the four point scales.  They can be adjusted to individual learners.  </t>
  </si>
  <si>
    <t xml:space="preserve">We have been doing self assessment of the competencies for a few years and they are not meaningful.  </t>
  </si>
  <si>
    <t xml:space="preserve">Not enough information as to what written reports means. I’m ok with what we have now but I don’t have enough info to say if I like this new proposal </t>
  </si>
  <si>
    <t xml:space="preserve">This doesn’t work if people reduce the choices to a number and put a number into my ed.  It needs time for teachers to be trained properly or it is not a good thing. </t>
  </si>
  <si>
    <t xml:space="preserve">I think that letter grades are needed for academic courses in grade 12.  The proficiency scale works well for electives and skill based courses and PE. But  not for academic courses going on to university. </t>
  </si>
  <si>
    <t xml:space="preserve">I think teachers should have the option to use the proficiency scale but students should still get a letter grade in academic high school courses </t>
  </si>
  <si>
    <t xml:space="preserve">I haven’t been trained in this yet so I don’t have enough info to have an opinion. </t>
  </si>
  <si>
    <t xml:space="preserve">Good idea in theory but not sure how this would be done. </t>
  </si>
  <si>
    <t xml:space="preserve">Teachers need a lot more training and resources.  I don’t feel that I am ready for this.  I am currently faced with this situation and am not ok with this.  I am not going to plan 2 completely different lessons because I have a student who is about an age 4/5 level in my science 9 class.  </t>
  </si>
  <si>
    <t xml:space="preserve">I am not against diversity and inclusion but am against how it is being brought in and I don’t think it is the best thing in all circumstances.  Seems like our system is becoming more and more watered down and we’re catering to lowest common denominator. </t>
  </si>
  <si>
    <t xml:space="preserve">You can only expect so much of teachers.  I’m tired of bringing work home all the time.  Teachers can’t be expected to create multiple different lessons for so many different levels.  When a student can’t be part of any of the learning in the room - even highly adapted it’s not good for anyone. </t>
  </si>
  <si>
    <t>The detail of the reports &amp; information shared by the teacher always depend on their communication style. Some are better at communicating than others.</t>
  </si>
  <si>
    <t>While this scale is good for a "summary" it would be great to have details included so that the parents/caregivers understand what the challenges are and how we can help.</t>
  </si>
  <si>
    <t>While it's great to help our children become more self-aware, we need to ensure parents are also self-aware.</t>
  </si>
  <si>
    <t xml:space="preserve">It’s important for parents to have a clear understanding of where their child is but there are only 9 months of instructional time and often little change occurs between reporting. Reporting on all 5 areas this frequently is too much of a workload for already taxed teachers. </t>
  </si>
  <si>
    <t xml:space="preserve">I do not think a four point scale is appropriate for kindergarten learners. So much of the curriculum is an introduction or exploration of learning standards. That becomes difficult to break into four levels (a four point scale). </t>
  </si>
  <si>
    <t>Young children are just beginning to learn about self assessment and need time to develop the ability to meaningfully assess their own work. In order for the practice to be meaningful and valuable, kindergarten and grade 1 students should complete fewer required self assessments</t>
  </si>
  <si>
    <t xml:space="preserve">Goal setting is also a learned skill that takes time to establish. Students need to learn about developing a growth mindset, practice examining where they are (self assessment) and then explore next steps. It will not be meaningful if it is required of kindergarten students too soon. </t>
  </si>
  <si>
    <t xml:space="preserve">This is unrealistic of these earliest learners for the beginning and middle of the year. They are just learning how to be at school and follow expected behaviours and routines. If this is to be authentic and meaningful, it cannot be required until at least the end of the year for the k/1 students. </t>
  </si>
  <si>
    <t>Waste of time</t>
  </si>
  <si>
    <t xml:space="preserve">More work for teachers. </t>
  </si>
  <si>
    <t xml:space="preserve">3 reporting events per year would be practical. </t>
  </si>
  <si>
    <t>The detail, quality, and quantity of work required for this is not supported by the Ministry, my District, or my administration. It is all on the backs of teachers. WHEN do we get time to do this, except to give up our own time.</t>
  </si>
  <si>
    <t>Grades are abstract and do not transfer over into the rest of society as well as the proficiency scale does. However, the feedback should be succinct and brief. The majority of parents will not read anything other than that.</t>
  </si>
  <si>
    <t>Post-Secondary institutions are no longer relevantly connecting students to the job market. They are outdated and need to evolve and catch up with educational best practices. Post-Secondary should align with high schools, not the other way around.</t>
  </si>
  <si>
    <t>It should just be the proficiency scale without grades.</t>
  </si>
  <si>
    <t>If this is to be formally done, then the ministry should create the procedure and format for it. Otherwise, there is no need for it to be formal. Teachers and students do this regularly already.</t>
  </si>
  <si>
    <t>This should always be the case. However, again this is left on the backs of teachers to figure out. The Ministry should be creating the programs for this.</t>
  </si>
  <si>
    <t>This amount of written, formal, descriptive assessment is ridiculous with current work loads and support. Give teachers more work time and support to make this happen. Making better policy is great, but you have to back it up with investment and actual support.</t>
  </si>
  <si>
    <t>Authentic feedback on progress that includes student reflection is not possible 5x a year. Let’s do the math, a secondary teacher teaching in a semester system can have upwards of 120 students. If the school includes linear programs (IB or linear jr gr) then upwards of 240 student concurrently!</t>
  </si>
  <si>
    <t>There is no consistency in terms of anchoring what is an extending versus proficient, etc This causes difficulties within a school, across schools and parents don’t understand the scale. Even if anchoring can occur, it is incredibly subjective and moving into letter grades in Gr 10 will be a shock.</t>
  </si>
  <si>
    <t>As per system that parents understand and are able to access.</t>
  </si>
  <si>
    <t xml:space="preserve">Again let’s do the math, semester 120 students, with linear 240 students … to do letter grades in addition to proficiency scale means more generalities and less authentic, consistent progression reporting </t>
  </si>
  <si>
    <t>No support provided by ministry as to how this is done, what materials, how collected, who reviews it…. Becomes busy work for students. I have worked in 3 districts and they all do it differently to different degrees with low authenticity in having students reflect.</t>
  </si>
  <si>
    <t xml:space="preserve">No support or materials from province, no training to administer, teach, no one looks at it and no consistency between schools let alone districts, busy work for students </t>
  </si>
  <si>
    <t>Levelled materials for all subjects and courses, don’t put it all on classroom teachers.
Shortage of qualified EAs.
Reduce class sizes to accommodate for extra time required to support a student with extra needs, (ie individual oral assessments, creating multi levelled assessments, projects, etc</t>
  </si>
  <si>
    <t>5 a year is not authentic reporting of progress for a secondary teacher expected to have 3 paragraphs per course per 120 to 240 in a semester/ hybrid linear system. Becomes generalized and busy work.</t>
  </si>
  <si>
    <t xml:space="preserve">I provide ongoing and frequent verbal and written communication with my families already. Thai includes formal reports, emails, classroom blog and weekly windows of class activities as well as verbal communication with parents. </t>
  </si>
  <si>
    <t xml:space="preserve">Parents want concrete language </t>
  </si>
  <si>
    <t>Early primary grades are unable to successfully complete in a way that is of any value.</t>
  </si>
  <si>
    <t>Not developmentally appropriate for early primary.</t>
  </si>
  <si>
    <t>This is adequate.</t>
  </si>
  <si>
    <t>Necessary.</t>
  </si>
  <si>
    <t>Consistency through to grade 12. Why stop at grade 9?</t>
  </si>
  <si>
    <t>Parents do need to know how their child feels about their personal progress. A child's self evaluation ability may be amplified while at school, immersed in the school environment. Student evaluation could be more frequent, continuous.</t>
  </si>
  <si>
    <t>Personal involvement in goal setting provides a necessary opportunity to more deeply understand personal  accountability, and a deeper connection to their personal growth and learning. This is excellent. Student self evaluation could be more frequent, even continuous.</t>
  </si>
  <si>
    <t>Same for all.</t>
  </si>
  <si>
    <t>I feel that student self evaluation ought to be continuous throughout the year, and not confined to 5 occurrences during the year.</t>
  </si>
  <si>
    <t xml:space="preserve">No self assessment </t>
  </si>
  <si>
    <t>Grade 9 should require percentages. Parents want to know concrete assessment. High school offers percentages. Too big of a transition for Grade 9’s.</t>
  </si>
  <si>
    <t>A gateway for post secondary or trades school. Parents want percentages.</t>
  </si>
  <si>
    <t>An A should be 85% and an A+ should be 90%. Currently 86-100 for an A is too broad</t>
  </si>
  <si>
    <t>Self assessments are usually result in students just telling parents and teachers what they want to hear. Parents do not want this.</t>
  </si>
  <si>
    <t xml:space="preserve">Goals are only good if students know what it takes to achieve them. They don’t know what they are going to be up against in Maoist academic courses. </t>
  </si>
  <si>
    <t>More academic counseling for some students is required to help promote success.</t>
  </si>
  <si>
    <t xml:space="preserve">Allow students to fail with a zero and remove the “I” </t>
  </si>
  <si>
    <t xml:space="preserve">Too many chances and there is very little personal urgency to learn content with so many chances. </t>
  </si>
  <si>
    <t>We are expected to complete more writer feedback with no additional time given to us to complete this. If teaching in a high school setting, with up to 120 different students it just becomes a daunting task. It is frustrating as teachers put in lots of time and not read by families</t>
  </si>
  <si>
    <t xml:space="preserve">Is there going to be Provincial language for everyone to use or again, is this just left for us to figure out on our own. So many changes and the kids/families don’t even know or understand </t>
  </si>
  <si>
    <t>I think that this is what students/families are used to and understand and all the constant changes makes them disengage from being involved in their child’s reports</t>
  </si>
  <si>
    <t>Until they use the proficiency scale in post secondary I think it’s difficult to decipher between both letter grades and the scale.</t>
  </si>
  <si>
    <t xml:space="preserve">This is something we already do, for some kids it is beneficial, did others, it becomes a taxing exercise. I believe that reflection and reflecting on competencies is important and beneficial </t>
  </si>
  <si>
    <t>We, as teachers already have a ton of curriculum to get through and now we will have to stop and check on goal setting. In a school like mine where attendance is poor, it’ll feel like we’re playing catch up all year long</t>
  </si>
  <si>
    <t xml:space="preserve">For years I have taken all students abilities and assessed them according to their abilities. Not compared them to others </t>
  </si>
  <si>
    <t xml:space="preserve">In a perfect world, this reporting would seem great but in reality and with the speed of the classroom and learning, this will become a daunting task for both student and teacher </t>
  </si>
  <si>
    <t xml:space="preserve">This is similar to what we see now. </t>
  </si>
  <si>
    <t xml:space="preserve">My child cannot accurately self assess. Is this something they should build up to as they move through the years? If they are going to engage in it, I want it to be a worthwhile experience and not just something they must do each report card. </t>
  </si>
  <si>
    <t>Until students can accurately self assess, they cannot set valuable goals because these should be based on next steps in their progress continuum. This needs to be practiced over time, and shouldn’t be expected for each reporting time</t>
  </si>
  <si>
    <t>My child has diverse abilities and I want to see what they can do and where they are in relation to grade expectations too</t>
  </si>
  <si>
    <t xml:space="preserve">Better than it currently is but could be online and updates regularly to avoid surprises for families. Easier to load actual assignments instead of generic comments </t>
  </si>
  <si>
    <t>Doesn’t tell us what pieces are lacking or strengths. Letter grades at least provide a more a measure</t>
  </si>
  <si>
    <t>Important skill</t>
  </si>
  <si>
    <t xml:space="preserve">I also think frequency of reporting needs to be increased </t>
  </si>
  <si>
    <t xml:space="preserve">You wonder why there is so much anxiety amongst students and teachers?  We’re already doing formal Assessment 3 times per year and informal assessment twice a year.  I’ve been teaching for 27 years. This will make me quit the profession. </t>
  </si>
  <si>
    <t xml:space="preserve">With all the demand we have as teachers the amount of reporting out formally is ridiculous </t>
  </si>
  <si>
    <t>I’m fine with the way things are.</t>
  </si>
  <si>
    <t>Prefer letter grades.</t>
  </si>
  <si>
    <t>Agree.</t>
  </si>
  <si>
    <t>It would be beneficial to have letter grades with commentary.</t>
  </si>
  <si>
    <t>Not objective.</t>
  </si>
  <si>
    <t>Agrer.</t>
  </si>
  <si>
    <t>Letter grades from K-12 with same frequency of reporting and goal setting and assessment.</t>
  </si>
  <si>
    <t>It is a better measure and more easily understood.</t>
  </si>
  <si>
    <t xml:space="preserve">I am happy with the level of reporting I currently receive on my child’s progress. </t>
  </si>
  <si>
    <t xml:space="preserve">My daughter had extreme anxiety around testing/report cards from a very young age. I actually asked her teachers if she could not get letter grades as she stressed so much about getting straight A’s. </t>
  </si>
  <si>
    <t xml:space="preserve">I have found the self-assessment reports to be a very valuable experience both for parent and child </t>
  </si>
  <si>
    <t xml:space="preserve">Children’s mental health needs to be considered both with respect to teaching, testing, and assessments. </t>
  </si>
  <si>
    <t>It does not make sense that Grade 9 students, who are in a grade 9 to 12 setting would not receive letter grades. This does not set them up with the foundation for their graduation program. As well, if students were to move to other provinces or countries their lack of grades could be a problem.</t>
  </si>
  <si>
    <t>As I said above, grade 9 students should be preparing for graduation level courses, and this would not give them the experience they need with letter grades and numerical marks. The proficiency scale should stop at grade 8.</t>
  </si>
  <si>
    <t xml:space="preserve">While I am not averse to the idea of no letter grades in theory, until universities and post secondary stop requiring them, it would make sense to continue to report in this way. </t>
  </si>
  <si>
    <t xml:space="preserve">Unless the MyEdBC program is changed significantly to make this an easier process, it is not practical. This would increase teacher workload considerably without the supported technology in place. </t>
  </si>
  <si>
    <t xml:space="preserve">Great idea in theory but students and parents would probably see this as not important unless it had some impact on grades. </t>
  </si>
  <si>
    <t>It is not clear how this would work when students have multiple classes in grades 9-12. Do they have one set of overarching goals, which might get too general? Or do they have to come up with a set of goals in each subject, which would seem difficult to report on in addition to other proposed change</t>
  </si>
  <si>
    <t xml:space="preserve">There is never enough support for this to be meaningfully done. </t>
  </si>
  <si>
    <t xml:space="preserve">In a 9-12 school, this is difficult to manage and doesn't prepare students for the real world of grades required for graduation and post secondary studies. </t>
  </si>
  <si>
    <t>Teachers did not provide enough detail as to why my child was in a certain category nor was it explained well to my child. Basically they tried to fit her into a category in a rubric</t>
  </si>
  <si>
    <t>Letter grades are more specific and used not just across Canada and international. Even if the other four categories are used students and parents want to know a percentage. It makes most sense</t>
  </si>
  <si>
    <t>At high school to do this for every course several times a year is time consuming and takes away from what they are learning and why. Courses like career life education are best suited for this and it happens in the curriculum of that course and in CLC 12</t>
  </si>
  <si>
    <t>Required preparation time is not taken into account.</t>
  </si>
  <si>
    <t xml:space="preserve">Students need to kmow grade level for higher level high school courses. Scale should be at least 6 levels. Students should be graded 50%, 55%, 60%, etc. </t>
  </si>
  <si>
    <t xml:space="preserve">Obviously to apply for scholarships and bursaries. </t>
  </si>
  <si>
    <t>Parents and students only desire letter grades and not ambiguous grades.</t>
  </si>
  <si>
    <t xml:space="preserve">No comment. </t>
  </si>
  <si>
    <t>Only 10% are actively motivated to participate honestly.</t>
  </si>
  <si>
    <t>Proficiency scale should be for all grades. Many post-secondary institutions rely on interview and portfolio based applications. They can be forced to adapt to our model.</t>
  </si>
  <si>
    <t xml:space="preserve">In addition? What's the point? </t>
  </si>
  <si>
    <t xml:space="preserve">More flexibility with format. The requirements for written reports are archaic and status quo. Why have all the CSL portfolio pilot projects and then not allow that as the format? </t>
  </si>
  <si>
    <t xml:space="preserve">How are we still doing summation written reports with letter grades in 2022!? We need to create the future of school now. </t>
  </si>
  <si>
    <t xml:space="preserve">How are our students supposed to compete if they're not used to receiving criticism of their performance? The Proficiency Scale gives no real reference point to understand how a student is doing. </t>
  </si>
  <si>
    <t>I know of few students who take this exercise seriously.</t>
  </si>
  <si>
    <t xml:space="preserve">Of course our schools and society should be inclusive.  Those students who do not have a disability, however, should be assessed accordingly. </t>
  </si>
  <si>
    <t>It is CRITICAL for our students to receive letter grades. They should be receiving specific, measurable grades and feedback from earlier in their school lives. Protecting them by hiding behind 'proficient' doesn't prepare them for work, for real criticism, or for challenges in their futures.</t>
  </si>
  <si>
    <t>I think more reporting would help</t>
  </si>
  <si>
    <t>I have found this is very subjective, and often doesn’t give a lot of information. There are copied and pasted Descriptive messages from the teacher and it’s hard to know how to support your child</t>
  </si>
  <si>
    <t>“Learning Updates” and “Learning Summary” sounds like a meaningless and unnecessary rebranding of “Report Cards”. We’ve been told we are moving towards a system of more frequent updates. I’m concerned that teachers would be required to write reports in addition to that.</t>
  </si>
  <si>
    <t>I support the idea of using the proficiency scale. But will the old quick scales be updated to reflect the new curriculum,  clarify expectations, and ensure consistency? Will teachers retain some autonomy over which criteria are reported on?</t>
  </si>
  <si>
    <t xml:space="preserve">If letter grades and percentages are needed for acceptance at university then I suppose they should be used so as not to interfere with students’ chances of acceptance. But they don’t provide meaningful feedback about student learning. </t>
  </si>
  <si>
    <t xml:space="preserve">I think it would be best to have assessment continuity across all grades. And proficiency scales provide more relevant feedback on student learning. But I’m concerned that teachers would be burdened with using both proficiency scales and percentages. </t>
  </si>
  <si>
    <t xml:space="preserve">As a parent, I have minimal interest in my own childrens’ self-assessments. I am concerned that this would be required for all core competencies every term. It wastes huge amounts of instructional time to complete these with young children, who are not always able to accurately self-assess anyway. </t>
  </si>
  <si>
    <t xml:space="preserve">This takes away more instructional time that could be better used for teaching and learning. Young students don’t often have a clear idea of what they need to learn, or what is realistic and achievable.  I don’t think these are at all relevant as part of a student’s report and permanent record. </t>
  </si>
  <si>
    <t xml:space="preserve">I don’t understand what the proposed policy would look like in practice. If a differently-abled student would be assessed as “Emerging” on the proficiency scale in all areas, that doesn’t seem inclusive or responsive to their needs.  But what is being proposed as an alternative? </t>
  </si>
  <si>
    <t>The language around reporting frequency is unclear; it sounds like doing both the old reporting plus the new frequent updates system. I feel strongly about not requiring goal setting and self-assessment. The language about inclusion is unclear.  What would assessment be expected to look like?</t>
  </si>
  <si>
    <t>Letter grades should happen as soon as high school</t>
  </si>
  <si>
    <t>Letter grades should be started earlier so thry know where they are at and where they stand.</t>
  </si>
  <si>
    <t xml:space="preserve">Two written reports per year work well </t>
  </si>
  <si>
    <t xml:space="preserve">It works well </t>
  </si>
  <si>
    <t xml:space="preserve">Letter grades are appropriate at this age level </t>
  </si>
  <si>
    <t xml:space="preserve">Not sure if both are needed </t>
  </si>
  <si>
    <t xml:space="preserve">Goal setting helps students take more ownership of the their learning </t>
  </si>
  <si>
    <t>I think students need measurable standards to aim for</t>
  </si>
  <si>
    <t>unnecessary</t>
  </si>
  <si>
    <t>I have no problem with this from K-5 however I feel strongly that beginning in Grade 6 kids should get letter grades</t>
  </si>
  <si>
    <t>Letter grades are used at university, college, trade school.</t>
  </si>
  <si>
    <t xml:space="preserve">"in all subjects" is unrealistic 5x per year given how beginning of the year is focused largely on social emotional learning and routine building to set up for a new year, esp in younger grades
often not "all subjects" are taught simultaneously
(this character limit is too small)
</t>
  </si>
  <si>
    <t>It's what we have been doing in the younger grade and seems to make sense, however each word is often undefined or defined class by class and school by school, so very inconsistent</t>
  </si>
  <si>
    <t>I don't teach this grade so don't have an educated opinion on it.</t>
  </si>
  <si>
    <t>Though doesn't translate to universities around the world.</t>
  </si>
  <si>
    <t>For younger grades this can be difficult to do in the first reporting period given time needed to fully understand the core competencies in action</t>
  </si>
  <si>
    <t xml:space="preserve">Who is responsible for helping them reach these goals if they are outside the curriculum? At younger grades, it has to be guided group inquiry, not independent inquiry for them to be successful. </t>
  </si>
  <si>
    <t>It generally already is from my experience.</t>
  </si>
  <si>
    <t>As a teacher, I feel that this is a worthy but impossible goal.</t>
  </si>
  <si>
    <t xml:space="preserve">I would like to be more regularly updated on progress reports </t>
  </si>
  <si>
    <t>In most cases kids don’t need to know the exact percentage or letter they received, they could just fix on that which would cause unnecessary mental health issues.</t>
  </si>
  <si>
    <t>This is necessary for admission to post secondary education, I just hope the kids aren’t behind as a result of not knowing exactly where they were over the previous years.</t>
  </si>
  <si>
    <t>If it is not needed for admission to school than it would be nice for those students who didn’t need these results to continue with the system that they used for the previous years.</t>
  </si>
  <si>
    <t>Thinking about myself going through school, and I’m a scholar, I would not have been honest or forthcoming in these assessments at that time in my life.</t>
  </si>
  <si>
    <t>This could work well for some high achievers but I’m not sure it would work well for all students.</t>
  </si>
  <si>
    <t>Teachers and/or parents should be involved in this and it should occur directly following the reporting stage so that the student, teacher and parents as a collective unit can make a plan for the next learning period. Students on their own may not be mature enough to do a self assessment.</t>
  </si>
  <si>
    <t>Not very meaningful meanings</t>
  </si>
  <si>
    <t>Nothing wrong with it</t>
  </si>
  <si>
    <t>The k-9 scale is meaningless,why make it worse for the remaining grades</t>
  </si>
  <si>
    <t>This is a waste of time for students. They can’t tell what they don’t know.</t>
  </si>
  <si>
    <t>Letter grades in all grades as in the past</t>
  </si>
  <si>
    <t xml:space="preserve">Because unless you’re living under a rock, these terms are exactly the same as a C, B, A, A+. Comments shd be written regardless. But kids will still compare themselves so it’s all semantics.  Replacing a B with Developing isn’t fooling anyone. </t>
  </si>
  <si>
    <t xml:space="preserve">While to some extent it’s useful for students to evaluate themselves, spending hours of classroom time to do this rather than studying seems like a great way for teachers to sit back and relax, as well as the students. </t>
  </si>
  <si>
    <t xml:space="preserve">One hour of this twice a year is all that’s necessary. Sounds like this is going to develop into some long psychological rambling instead of focusing on actual learning. </t>
  </si>
  <si>
    <t>Shouldn’t this be being done already?!!!!</t>
  </si>
  <si>
    <t>More reporting periods has not ensured more informed feedback from teachers regarding my child's learning. At gr 8-12 my child had 8+ teachers compared to K-7 where 1 teacher had a wholistic view of my child.</t>
  </si>
  <si>
    <t>This scale does not translate into what my child is good at and what learning outcomes they need to work on. The reporting template needs a list of all the learning outcomes for a particular subject and  a teacher than ticks off the ones which have been attained. e.g swimming progress report</t>
  </si>
  <si>
    <t>Percentages and grades are subjective and often depend on an individual educator. Post-secondary institutions need to stop looking at marks as a way of measuring. Instead change to a criteria such as  leadership, stewardship, service, athletics/arts. Every child is entitled to post-secondary educati</t>
  </si>
  <si>
    <t>The proficiency scale although slightly better does not inform me of what my child needs to work on or is good at.</t>
  </si>
  <si>
    <t>In gr 8-12 reporting of Core competencies is only helpful if it is included as part of the reporting of a subject as my child has 8+ teachers. It is not like K-7 where my child sets goals and completes this exercise with one teacher.</t>
  </si>
  <si>
    <t xml:space="preserve">It is helpful for a teacher to get to know my child in this way. However at gr 8-12 this means my child will have to complete this exercise with 8+ teachers twice a year. </t>
  </si>
  <si>
    <t>Percentages are subjective and biased at 10-12. They give incorrect information about a child's success rate at post secondary or suitability.</t>
  </si>
  <si>
    <t>This seems like a reasonable timeline, keeping parents snd students informed without excess work for teachers.</t>
  </si>
  <si>
    <t xml:space="preserve">This system is incredible arbitrary and subjective. I would prefer the return to letter grades. </t>
  </si>
  <si>
    <t xml:space="preserve">Letter grades are a better representation of a student’s level of achievement. They are not subjective or arbitrary. </t>
  </si>
  <si>
    <t xml:space="preserve">If it is “in addition to” letter grades then I do not have a problem with this. </t>
  </si>
  <si>
    <t xml:space="preserve">I don’t think kids take self assessments seriously. </t>
  </si>
  <si>
    <t xml:space="preserve">I believe it necessary to assess knowledge in different ways for children with disabilities. Not all children are conventional learners. </t>
  </si>
  <si>
    <t xml:space="preserve">I believe letter grades are a better way to report on student progress and knowledge. </t>
  </si>
  <si>
    <t xml:space="preserve">The reporting seems sufficient. </t>
  </si>
  <si>
    <t xml:space="preserve">it is enough reports home.  </t>
  </si>
  <si>
    <t>sometimes teachers rate kids below what the actually are because if they give them an extending then they have to come up with additional work to keep them challenged.  This is not fair to the kid</t>
  </si>
  <si>
    <t>This should be started earlier like grade 8 or 9</t>
  </si>
  <si>
    <t>stick with percentages and letter grades</t>
  </si>
  <si>
    <t>kids need to learn to be able to self assess-its a good skill to have</t>
  </si>
  <si>
    <t>learning to set goals is important</t>
  </si>
  <si>
    <t>need to have letter grades and percentages at an earlier grade.  Get students used to it before it counts towards their transcripts</t>
  </si>
  <si>
    <t xml:space="preserve">In my district we just changed reporting  and we do 5 points of contact with 2 written reports in Jan and June which is sufficient for reporting to families. </t>
  </si>
  <si>
    <t>Students need to be able to visually see where they are at. Comments alone are not enough</t>
  </si>
  <si>
    <t xml:space="preserve">Younger students have a difficult time understanding this. </t>
  </si>
  <si>
    <t xml:space="preserve">Students Understanding is an issue. Lack of support for these students. It is difficult to assist these students with their own personal needs when there are not enough supports in the classroom to help these students with all of their needs. </t>
  </si>
  <si>
    <t xml:space="preserve">Reporting for parents needs to be easy to read. Checklist format is easier for parents to see at a glance instead of having to read so much info. Diversity and inclusion is something that needs to be supported. </t>
  </si>
  <si>
    <t>I think a written summary provides an accurate account of learning.  Supplemented with updates are useful to so that progress can be monitored and discussions can occur related to the progress and when necessary, adjustments can be made.</t>
  </si>
  <si>
    <t xml:space="preserve">The wording on the four point scale listed above provides meaning to the performance level assessed.  The assessed level can then be elaborated upon in the written report section. </t>
  </si>
  <si>
    <t>For the same reasons as mentioned above that the proposed 4 point scale is more meaningful than a letter on a report card. I can also understand the dilemna when applying to post secondary.  Perhaps a blend of the two when reporting at this level?</t>
  </si>
  <si>
    <t xml:space="preserve">Both at this level would help transition to the letter format used in higher education as that is what is currently used. The purpose of education is to prepare youth to be contributing members of society yet we evaluate using a system that no workplace would even consider. Letters have no meaning.
</t>
  </si>
  <si>
    <t xml:space="preserve">I think the reality is that making them be part of the reporting system forces teachers to teach them and the child benefits.  When self reflection becomes a regular practice it provides value in helping to develop the whole child. It is one of the aspects I enjoy teaching the most. </t>
  </si>
  <si>
    <t xml:space="preserve">I like the idea.  Children would have greater sense of being in control of their own learning. </t>
  </si>
  <si>
    <t xml:space="preserve">If I am understanding correctly then yes. Perhaps I don't understand as I try to understand the individual needs of my students rather than impose the same for everyone at all times. </t>
  </si>
  <si>
    <t>I would like to see an example of the Diversity &amp; Inclusion section as I am unsure what the proposed section would look like.</t>
  </si>
  <si>
    <t>Information throughout the year, less report cards, like having the scale vs report card</t>
  </si>
  <si>
    <t>The scale is more meaningful then a report card, but would like a more consistent set up</t>
  </si>
  <si>
    <t>Students don’t always understand, needs to be student language for it to be effective</t>
  </si>
  <si>
    <t>Like that students are part of the learning, more control over their own learning journey</t>
  </si>
  <si>
    <t>The written updates are the elements with value the grades have very little use to me as a parent</t>
  </si>
  <si>
    <t>That doesn’t describe progress or effort out school uses this at the moment. My two daughters both have LDs there skills are “emerging” they probably won’t develo I actually find this offensive</t>
  </si>
  <si>
    <t>The last statement was just gay a statement not a question
Tell me about your strategy for how you are going to implement what appears just to be a vision statement above</t>
  </si>
  <si>
    <t>Start with engaging parents. I can’t believe the error of just having a statement on DEI and not asking bc a question around it to me this shows a lack of consideration for diversity and inclusion</t>
  </si>
  <si>
    <t>Pointless terminology change. Why is $ being spent on changing it from “report cards” etc?</t>
  </si>
  <si>
    <t>I do not think that further standardized mechanisms are right. Standardization often rife with inequalities, reflecting poorly on (for e.g.) low SES families/areas. Will there be $$ for more staff to support this??? Leave time for teaching and learning and relationship building! Not tracking!</t>
  </si>
  <si>
    <t>I thought our systems were moving away from this?? Why does this need to be mandated?? This is going backwards.</t>
  </si>
  <si>
    <t>Teachers don’t need more standardized measures to try and fit students into.</t>
  </si>
  <si>
    <t>I thought schools were already supposed to be doing this? Why not provide support and resources ($$ for more school staff) to help get this done on meaningful ways instead of further mandating it?</t>
  </si>
  <si>
    <t>Why couldn’t this be developed as something for parents to help students develop and work towards with schools able to support as needed rather than doing it all? Support some kind of CBPR type approach for parents to do this and have those conversations.</t>
  </si>
  <si>
    <t>This is already something teachers are doing but which is getting more challenging because of the lack of subs, requiring LA teachers etc to cover colleagues instead of supporting kids. Hire more staff!</t>
  </si>
  <si>
    <t>Hire more educators so are schools are able to function smoothly before worrying more about another stupid tweak to reporting!</t>
  </si>
  <si>
    <t>Teachers are burning out and don’t need one more thing - ESPECIALLY - not now. Standardized scales, etc. are not the answer to anything. Why not look at ways to support teachers and support staff and get more parents involved in their children’s education for something other than mask complaints?</t>
  </si>
  <si>
    <t>I feel up to date on the progress</t>
  </si>
  <si>
    <t>I feel that emphasis on grades are better suited at the 10-12 level for post secondary prep</t>
  </si>
  <si>
    <t xml:space="preserve">Better standard for across the board </t>
  </si>
  <si>
    <t xml:space="preserve">Better to include for self reflection and integration of own insight goals and assessment. </t>
  </si>
  <si>
    <t>Offers sense development of responsibility and ownership</t>
  </si>
  <si>
    <t xml:space="preserve">Student involvement and participation on their education </t>
  </si>
  <si>
    <t xml:space="preserve">I would like more feedback from teachers as to what is happening  with my child's learning and behaviour in the classroom.  We can only get so much information from our children, and to have the Teachers perspective would be an asset, then we as parents can help our child where they are struggling. </t>
  </si>
  <si>
    <t xml:space="preserve">This will increase workload to unmanageable levels. </t>
  </si>
  <si>
    <t>Students and families are confused about the scales, they are too vague- they want letter grades. This experience is in the middle school levels.</t>
  </si>
  <si>
    <t>redundant and people dont like it</t>
  </si>
  <si>
    <t>I think that with my Ed set up there should be no reason for teachers to have to do more reporting on a child it is very easy for those parents who choose to be involved in their child’s education to be involved. More reporting seems to be for the parents who are checked out anyway</t>
  </si>
  <si>
    <t>It may be okay for English which is subjective but not math where there is a clear right and wrong</t>
  </si>
  <si>
    <t>Letter grades make more sense than wishy washy meeting exceeding approaching</t>
  </si>
  <si>
    <t xml:space="preserve">Too much work for teachers and too subjective </t>
  </si>
  <si>
    <t>We need to start putting more money into the kids that are going to be productive citizens of society</t>
  </si>
  <si>
    <t xml:space="preserve">Parent teacher interviews are the only time I can get a straight answer about what is really going on with my children's work habits. There is no real talk in a written report, only fancy phrases to decode and standard clauses used for various students at the same level. </t>
  </si>
  <si>
    <t>My son is in Gr 7. He is an average student who works hard. This reporting system fails to take him and his goals into consideration. Telling him he is Proficient doesn't mean anything to him. Giving him a C tells him he needs to work harder to get that B he wants bad. Now who is being left behind?</t>
  </si>
  <si>
    <t>Letter grades and percentages are clear forms of communication. There is no arguing with 86%. Proficient means nothing and the average student who hasn't been exposed to these letter grades sooner will be pulling in C+'s thinking they are proficient but really they aren't.</t>
  </si>
  <si>
    <t xml:space="preserve">Why could this not be an option for middle school? There is no parent or teacher (and I know a lot of teachers) I have ever spoken to who agrees with the proficiency scale as the only tool. Why is no one listening? </t>
  </si>
  <si>
    <t xml:space="preserve">When you phrase it what way it seems like a good idea but without a letter grade to back it up and a word sandwich in their report I can only see it helping the most insightful students. </t>
  </si>
  <si>
    <t>This is the only useful tool I have seen so far. Training for the teachers, perhaps at a pro D day to properly execute instructions and support the students during the process would be helpful. Handing them a form to fill out with no direction would be busy work of little value.</t>
  </si>
  <si>
    <t>I have a child chronic health and learning disability designations. There must be ways to meet this policy for them without sacrificing the needs of the everyday student. I know there are limited resources but there has to be a better way. This is not a reporting system for future leaders of BC.</t>
  </si>
  <si>
    <t xml:space="preserve">It doesn't mean enough to me or my children (one with a learning disability). Letter grades count and push kids for better grades. Putting the scale with letter grades for middle school is fine. Eliminating letter grades is a disaster for the average to excelling student. </t>
  </si>
  <si>
    <t xml:space="preserve">Formal reporting is pointless. Building strong relationships with the teacher and parents is a far better indicator for parents where students are at. Reporting is for government not children. </t>
  </si>
  <si>
    <t xml:space="preserve">Again this is mute information. Parents know where their kids are at. Reporting is for administrators </t>
  </si>
  <si>
    <t xml:space="preserve">Teens like this system and it works for them </t>
  </si>
  <si>
    <t xml:space="preserve">No one needs this </t>
  </si>
  <si>
    <t xml:space="preserve">This is a super valuable exercise to teach self-reflection and growth. </t>
  </si>
  <si>
    <t xml:space="preserve">Again goal setting is a powerful human development exercise </t>
  </si>
  <si>
    <t xml:space="preserve">As mentioned above. Reporting is for administration not students or teachers and adds unnecessary burden and takes away from teachers time to teach </t>
  </si>
  <si>
    <t>Is this really necessary during COVID? Teachers are burning out! Shouldn't the focus be on allowing teachers to enhance their relationship (time) with children? Instead, this adds more to their plate.  Please understand times are not normal!!!</t>
  </si>
  <si>
    <t xml:space="preserve">Grade 8/9 need to see some form of letter grades. Many students/parents want this as it is well understood by them. Proficiency scale is vague and really does not allow much opportunity to say "your child is struggling with the concepts." </t>
  </si>
  <si>
    <t>Absolutely the right way to go.</t>
  </si>
  <si>
    <t>10-12 need something for more substantive in terms of evaluation.  Proficiency scales are open to wide interpretation.</t>
  </si>
  <si>
    <t xml:space="preserve">General tendency for students tend to say they are doing well when they are not. </t>
  </si>
  <si>
    <t xml:space="preserve">In some cases in can work. </t>
  </si>
  <si>
    <t xml:space="preserve">This is a long  standing practice of teachers: take my student as they come to me and take them to where I can. The numbers of children with varied, special needs in the class requires one-on-one time. And yet, there are insufficient EAs!!!! </t>
  </si>
  <si>
    <t>Sorry, I can't limit it to one.  I would give the order an "emerging" grade</t>
  </si>
  <si>
    <t>This is not the same amount of reporting and should not be pitched as being the same. The 2 additional verbal reporting periods involve spending a great deal of time preparing data to have a meaningful meeting for the parents. Additionally, the language suggests  a minimum rather than maximum.</t>
  </si>
  <si>
    <t xml:space="preserve">More work needs to take place to negotiate the bridge between secondary and post-secondary institutions. The current percentage assessment entry requirements are exclusionary and more needs to be done to remove barriers for students going into post secondary. </t>
  </si>
  <si>
    <t xml:space="preserve">MyEd calibrates in one direction or another, there are currently no columns for both the Proficiency Scale alongside percentages. </t>
  </si>
  <si>
    <t xml:space="preserve">Encouraging healthy and beneficial goals is an important part of supporting students. I wonder if the frequency increases (these self assessments are regular practice in health and careers) for students experiencing challenging home circumstances, will these trigger/compound issues of self worth? </t>
  </si>
  <si>
    <t xml:space="preserve">We already do that. What may change are your levels of expectation around documentation. If data/documentation expectations increase, the impacts are as follows: teachers need more - paid - time to perform assessment; counselling loads may increase for triggered students. </t>
  </si>
  <si>
    <t xml:space="preserve">We have budget the time we have with students well. We need time to build relationships every school year before we place our academic expectations. Before academics, the social and emotional pieces need to be built. Otherwise we are creating a neo-liberal anxiety-filled environment for students. </t>
  </si>
  <si>
    <t xml:space="preserve">I believe that the 3 formal reporting periods take too much time away from the learning process. I am fully supportive of the move to formative conversations and a summative report. </t>
  </si>
  <si>
    <t>It gives parents a clear idea of how students are doing against a standard</t>
  </si>
  <si>
    <t xml:space="preserve">I understand the need for percentages for universities however feel like the added anxiety for a GPA is counterproductive. </t>
  </si>
  <si>
    <t xml:space="preserve">It would help level the playing field and reduce differences in assessment between teachers. </t>
  </si>
  <si>
    <t>Self reflection is one of the most important skills for future success</t>
  </si>
  <si>
    <t xml:space="preserve">Same as previous. This is an important skill that needs to be taught. </t>
  </si>
  <si>
    <t xml:space="preserve">We need to move beyond integration (or having special needs students in the classroom) to inclusion where they are part of the classroom. </t>
  </si>
  <si>
    <t xml:space="preserve">I feel we need to move beyond the letter grade dilemma. </t>
  </si>
  <si>
    <t>Working with a 4 point scale is incredibly challenging.  5 points gives a definite "middle" assessment of learning that is far easier to work with.  The jump between "Developing" and "Proficient" is huge for most kids and needs somewhere in the middle to give a fair assessment.</t>
  </si>
  <si>
    <t>I don't teach these grades.</t>
  </si>
  <si>
    <t>We need more guidance: are the kids expected to assess all Core Competencies by the end of the year? Stay focused on one or two for the whole year? Need much more clarity and direction.</t>
  </si>
  <si>
    <t>We need more guidance: are the kids expected to keep and meet the same goals from September to the end of the year? Are they able to change their minds as to what they want to work on? Need much more clarity and direction.</t>
  </si>
  <si>
    <t>Need clarity at to who is expected to be assessed at grade level, if their assessment is at a different grade level how is that communicated clearly to families in a generic report card.</t>
  </si>
  <si>
    <t>AS indicated above: a 4 point scale is too difficult tp work with and unfair to kids at the elementary level.</t>
  </si>
  <si>
    <t xml:space="preserve">Why is the system moving away from percentages and letter grades? Parents in high school do not want a written summary of learning; we want to know how are children are doing via marks and assessment. Universities and colleges do not give a feel good summary of learning at the end of the year. 
</t>
  </si>
  <si>
    <t xml:space="preserve">Again, what is wrong with grades and percentages, especially in high school? What does extending mean? Is it 80% or 100%. There is a big difference between the two. 
</t>
  </si>
  <si>
    <t xml:space="preserve">This is how it should be in high school, as it currently is. Feedback can be done through parent teacher conferences or emails and phone calls, if they are warranted. </t>
  </si>
  <si>
    <t xml:space="preserve">As long as there are percentages and letter grades, I don't really care about what else is written. 
</t>
  </si>
  <si>
    <t xml:space="preserve">How can students in grade 8 or 9, at the ages of 13 and 14, honestly give constructive feedback on how they are doing? How many would be honest in their responses. If I want to know how may kids are doing, I talk to them about their education. This just seems like busy work. 
</t>
  </si>
  <si>
    <t xml:space="preserve">Stronger students who hope to achieve success throughout high school already do this. 
</t>
  </si>
  <si>
    <t xml:space="preserve">I believe this already happens. 
</t>
  </si>
  <si>
    <t xml:space="preserve">Again, I understand proficiency scales for K-4, and perhaps even 5-7, but for high school, it does not make sense. Most high school teachers have over 200 students to report on, how can they honestly provide the accurate feedback that this is asking for. Most will just use generic comments.         </t>
  </si>
  <si>
    <t>In a full year system, this is a good number of reports - in a semestered system, it is too frequent!</t>
  </si>
  <si>
    <t>I am a high school math teacher. This system adapts poorly to Math classrooms - a more precise 100 point scale is more descriptive. The ministry has not provided clear guidelines as to what constitutes each level, resulting in a very subjective assessment system. Why do all subjects need to be asses</t>
  </si>
  <si>
    <t xml:space="preserve">It is good the way it is an in line with other jurisdictions. </t>
  </si>
  <si>
    <t xml:space="preserve">This seems like one of these things that is very difficult to put into practice. Please remember that high school teachers have 200 students to evaluate, so deeper levels of analysis are not reasonable. </t>
  </si>
  <si>
    <t xml:space="preserve">I have not yet seen this done in a meaningful way so far. </t>
  </si>
  <si>
    <t xml:space="preserve">Who will monitor this? Secondary teachers have 200 students to evalaute. Even a 5 minute conversation with each of  them would take 3 entire workdays. </t>
  </si>
  <si>
    <t xml:space="preserve">Secondary teachers have 200 students to evalaute. Even a 5 minute conversation with each of  them would take 3 entire workdays. </t>
  </si>
  <si>
    <t xml:space="preserve">Students need a scale to see how they should progress. The 4 point scale is vague and can be misleading. The change back to percentage and letter grades will make for potential stressed to some students. </t>
  </si>
  <si>
    <t>I'm ok with the current reporting frequency, but I wouldn't say no to a higher frequency.</t>
  </si>
  <si>
    <t>Seems like an abandonment of responsibility by teachers.</t>
  </si>
  <si>
    <t>What does this even mean?</t>
  </si>
  <si>
    <t xml:space="preserve">  “Extending” is so rarely used (in my kid’s elementary) that it is seen as an unattainable goal.   The descriptions used, such as “sophisticated understanding of material” are too vague. 
Too much jargon on the scales and in reporting.    The proficiency scale is just not relatable.  </t>
  </si>
  <si>
    <t xml:space="preserve">Why not just use “descriptive feedback” with the old letter grade system?
Again, feels like a lot of jargon. </t>
  </si>
  <si>
    <t xml:space="preserve">Depends on  how the teacher implements this …. One of my kids has to do a complex self evaluation using the curriculum language.  It was brutal. Kids need a lot of coaching to learn to be self reflective on this level.  It can be overwhelming and not authentic.  Felt like jumping trough hoops. </t>
  </si>
  <si>
    <t xml:space="preserve">Again, depends how well it is implemented. My kid just set easy goals, then “reached” them </t>
  </si>
  <si>
    <t xml:space="preserve">Teachers are doing a great job using and explaining the proficiency scale, but it just isn’t satisfying  and contains too much jargon. Letter grades are still what people desire and I think that descriptive feedback could be given alongside letter grades instead of alongside the proficiency scale. </t>
  </si>
  <si>
    <t xml:space="preserve">The elimination of letter grades and a vague grading system discourages my kids from trying.  When one reached grade 9, they actually tried harder since there were grades attached to their success </t>
  </si>
  <si>
    <t xml:space="preserve">This system is subjective to teachers opinions and not actual performance.  </t>
  </si>
  <si>
    <t xml:space="preserve">Letter grades are a set bar that the kids can work to achieve.  Grades represent the students attention in class, performance on work, and over all attention to school </t>
  </si>
  <si>
    <t xml:space="preserve">This is a subjective scale as to the teachers opinion.   Any teachers concerns of students performance can be dealt with at teacher parent conferences or direct conversations. </t>
  </si>
  <si>
    <t>It’s good to have a goal setting plan similar to a business plan</t>
  </si>
  <si>
    <t xml:space="preserve">Very similar to a buisness plan and will help kids prepare for real world </t>
  </si>
  <si>
    <t xml:space="preserve">The unfortunate reality is we have learners at all levels.  When we teach to the lowest level.  Student who are average and above average will suffer.  Students at the below average learning level should be in extra classes to bring them up to speed with the rest of the class.  </t>
  </si>
  <si>
    <t xml:space="preserve">Letter grades starting in middle school so as to prepare the kids for high school and eventually real life.  In real life if you don’t perform, you don’t excel </t>
  </si>
  <si>
    <t xml:space="preserve">Having kids in the school system and seeing how discouraged they get when teachers have to slow down the class for one or two students.   Those slower students should get extra support, not hold the entire class back. </t>
  </si>
  <si>
    <t>I don't see the reason to change the system. It is the same idea, but just using numbers instead of percentages and letter grades. I know in my experience, my children like to see the percentage as it helps give them motivation on where to improve.</t>
  </si>
  <si>
    <t>This type of scale can be used, along side of percentages and letter grades.</t>
  </si>
  <si>
    <t>I believe this is important, for post secondary. At the same time, changing the system once they hit grade 10 could be confusing to some.</t>
  </si>
  <si>
    <t xml:space="preserve">We are getting appropriate and timely feedback at this time. We do not need more reports. We need students to be more involved in the reports. However, we would like to ensure that secondary students are given a paper copy of their reports. </t>
  </si>
  <si>
    <t xml:space="preserve">Isn’t this done? The language is clear as to the competencies reviewed and where students are at. However, some teachers seem to be using these language yet with the old language influence. Perhaps training as to how the language a to be use during against the core competencies can be provided. </t>
  </si>
  <si>
    <t>Since post-secondary still require letter grades, it seems necessary at this time, until such time as to when it is no longer required for students to enter post-secondary, to receive letter grades.</t>
  </si>
  <si>
    <t>We believe the use of the proficiency scale is helpful.</t>
  </si>
  <si>
    <t>Students should be taught how to assess their own learning. This is such an important tool. This is already done. There is no need to add more information on the reports.</t>
  </si>
  <si>
    <t>I believe many teachers already use goal setting in their classrooms. This is an important skill that students should learn. This is already done. There is no need to add more information on the reports.</t>
  </si>
  <si>
    <t>This is already done. There is no need to add more information on the reports.</t>
  </si>
  <si>
    <t>The way it is written seem to imply that there is not enough reporting. We feel that there is already enough reporting done. Reporting should be collaborative with the students at all times. There should not be reporting wherein students, who can be involved, are not involved.</t>
  </si>
  <si>
    <t xml:space="preserve">I teach a primary grade. Three formal reports is a sufficient amount of updated information sharing how a parents child is doing overall. All teachers reach out informally to communicate learning with assignments, conversations and email/notes. </t>
  </si>
  <si>
    <t>Teaching primary students for many, many years has proven the fact that insight and goal setting is non-existent. At this point the process of reporting the teacher is “telling” the student what needs improving or what goal to set.</t>
  </si>
  <si>
    <t xml:space="preserve">Not realistic </t>
  </si>
  <si>
    <t>Three formal reports is sufficient (no OCSL)</t>
  </si>
  <si>
    <t>When completing a class Ongoing Communication of  Student Learning plus two formal reports, this is extremely time consuming taking up many, many weekends. The time commitment is extremely overwhelming. Completing the student portion also takes up too much class time.</t>
  </si>
  <si>
    <t>That we could understand the learning progress of our child</t>
  </si>
  <si>
    <t>That we could understand the learning progress of our child, which area that need to improve</t>
  </si>
  <si>
    <t>I think there needs to be more information given.  Is this information being withheld on purpose so that meaningful feedback is not given.  What is the difference of a written report and a final summary of learning?  Will Freshgrade no longer be an option?</t>
  </si>
  <si>
    <t>there needs to be more support in the classroom for this to happen properly</t>
  </si>
  <si>
    <t>Again ,more detailed information on what the reporting must look like is needed. Onerous, long formatted term  reports  are unnecessary and ultimately take 30+ hours to complete a term.This  takes time away from quality teaching and planning. There need to be ways to balance efficiency in reporting</t>
  </si>
  <si>
    <t xml:space="preserve">My concern with the language of this proposed policy is in the term "written." What exactly does that mean? I am concerned that teachers will be asked to write significantly more than we already are and that this will significantly increase our already heavy workload. </t>
  </si>
  <si>
    <t xml:space="preserve">I am not sure that it is beneficial to change the language around letter grades as everyone knows what they mean. There is too much space for relativity with the proposed terms. The expectations at lower grades have already significantly decreased which is having an impact on student learning. </t>
  </si>
  <si>
    <t>Percentages show clearly where the student is.</t>
  </si>
  <si>
    <t xml:space="preserve">If the proficiency scale is used alongside percentages, then that's fine. I fear that is we move solely to proficiency scales, the expectations will be lowered across the board. Lowering expectations hinders rather than helps students. </t>
  </si>
  <si>
    <t>This is a significant increase in teacher's workload. Teachers are burning out and leaving the profession at an alarming rate. Adding to reporting procedures will just make this worse. Moreover, this will be extremely repetitive if students are assessing in each course. They won't take it seriously.</t>
  </si>
  <si>
    <t xml:space="preserve">My fear is that this will fall to the teachers to create in each course. Who will read those? Will they create one for each course? This doesn't seem feasible in a high school context where students have many teachers over many subjects. </t>
  </si>
  <si>
    <t>My fear for all of the proposals is an increase in teacher workload and the practicality of assessing students over various different courses.</t>
  </si>
  <si>
    <t xml:space="preserve">I think that strikes a good balance between teacher time and parent awareness. </t>
  </si>
  <si>
    <t>I think this allows teacher's to more finely tune their feedback on individual students and better reflects the differing abilities of students. A letter grade might not provide parents informaiton about how hard their child is working or how far along they have come. It also creates anxiety.</t>
  </si>
  <si>
    <t>Unfortunately universities need to create some system whereby they can pre-judge applicants so we are stuck with the need for letter grades/percentages.</t>
  </si>
  <si>
    <t>I hate self-assessment but can appreciate how it is useful;)</t>
  </si>
  <si>
    <t xml:space="preserve">Parents need to be updated regularly about their child's progress. </t>
  </si>
  <si>
    <t>It tells us more than a letter grade or percentage about what is going well, challenges, next steps.</t>
  </si>
  <si>
    <t xml:space="preserve">Gives the child a sense of control and advocacy over their learning. Self-reflection has been shown to improve outcomes. </t>
  </si>
  <si>
    <t>You are increasing the amount of time a teacher needs to spend outside of their regular duties to complete these reporting events. Teachers need to be given more early dismissals or administrative days throughout the year to compensate the extra work they are given.</t>
  </si>
  <si>
    <t>The scale is fine.</t>
  </si>
  <si>
    <t>Grades are fine.</t>
  </si>
  <si>
    <t>Extra work for teachers.</t>
  </si>
  <si>
    <t>Students can not reliably self assess.</t>
  </si>
  <si>
    <t>This can be done in class but it should not be done as a part of reporting. Students will not submit by deadlines.</t>
  </si>
  <si>
    <t>These students already have IEPs that show their progress and goal setting.</t>
  </si>
  <si>
    <t>You need to decrease the amount of reporting or give teachers more administrative time throughout the year.</t>
  </si>
  <si>
    <t xml:space="preserve">The amount of times reporting is done is not a concern to me.  </t>
  </si>
  <si>
    <t xml:space="preserve">Being graded on this scale it doesn't always work giving teachers more room for opinion rather than just based on numbers.  My child got "A" grade percentages marks on all of her math tests last year but only received a proficient because sometimes in class she didn't grasp the concept immediately. </t>
  </si>
  <si>
    <t>It is ridiculous to think that Universities locally let alone internationally are going to accept a student with "extending" grades over a student who has straight A's since grade 8.  I think moving to this program is going to stunt the ability for BC students to get into prestigious post secondary.</t>
  </si>
  <si>
    <t xml:space="preserve">As stated before using this scale is putting BC students at a disadvantage against other students who are receiving reporting that is globally recognized. </t>
  </si>
  <si>
    <t xml:space="preserve">Of course you want students to be able to assess their progress and be mindful of their part in their education but the amount of class time wasted on doing all of these assessments and getting kids to figure out how to post them. So much time was wasted on this! </t>
  </si>
  <si>
    <t xml:space="preserve">Students who are self motivated will be self motivated with out without reporting on themselves.  This is just wasting more learning time.  The amount of time spent on this in my kids class is ridiculous </t>
  </si>
  <si>
    <t xml:space="preserve">This leaves room for my child who got all near perfect scores on tests and assignments to receive proficient rather than extending because of the expectation level for that child. They went above and beyond on several assignments and this was said by the teacher but still received proficient. </t>
  </si>
  <si>
    <t xml:space="preserve">Using the proficiency scale only benefits students with scrappy work ethic that put out sub par work.  Because the teacher expects less from those students so less is expected for the extending mark. I have seen this personally happen. </t>
  </si>
  <si>
    <t xml:space="preserve">I think that more in-person meetings are valuable. The back-forth discussions can be really important. I would prefer to see two written reports and three face-face meetings with families. </t>
  </si>
  <si>
    <t>The scale is clear and easy to understand</t>
  </si>
  <si>
    <t xml:space="preserve">I don't teach high school. It makes sense to keep them as long as universities require them. </t>
  </si>
  <si>
    <t xml:space="preserve">It's extra work to do both - not needed as one can see where you would fall given letter grades. </t>
  </si>
  <si>
    <t xml:space="preserve">Student Voice is an important thing to share with families. </t>
  </si>
  <si>
    <t xml:space="preserve">I'm not sure about this. Does this mean the teachers are reporting on student goals? Or do students self-evaluate? I'm happy with the later, not the former. </t>
  </si>
  <si>
    <t xml:space="preserve">Of course we should be inclusive of everyone. I'm wary as more is added to a teacher's plate, with no additional time to work on longer/harder reports, along with increased planning time required to meet the needs of everyone. This needs to be accompanied with expanded resource team supports. 
</t>
  </si>
  <si>
    <t xml:space="preserve">I value face to face meetings and discussions. </t>
  </si>
  <si>
    <t xml:space="preserve">This will allow regular  updates to parents before final reporting for the year. </t>
  </si>
  <si>
    <t>older grades need the nuance of letter grades  &amp; percentages so kids/parents can address concerns early AND kids can be comfortable with letter grades &amp; percentages LONG before start affecting future career options. Letter grades &amp; percentages are also more comprehensible to parents.</t>
  </si>
  <si>
    <t xml:space="preserve">These higher grades need letter grades &amp; percentages to let them apply for many different kinds of post-secondary. </t>
  </si>
  <si>
    <t xml:space="preserve">It is completely unacceptable to close avenues to post-secondary education for most children by withholding information required to apply. </t>
  </si>
  <si>
    <t>For this to have value children will need  a home environment that allows children to identify lacking areas without punishment. This is outside provincial control.</t>
  </si>
  <si>
    <t>It is appropriate to share this with parents in lower grades (K-7, oerhaps?) but older children need to have ownership of this OUTSIDE of parental oversight. I agree this should be part of the curriculum, but it is not appropriate to include it in reporting to caregivers.</t>
  </si>
  <si>
    <t xml:space="preserve"> Neuro-divergent children do not deserve low grades because they are lacking skills to gain knowledge, but high-functioning children do not deserve to have get the same grade as someone who does not have the required skills. Students with diverse abilities need different policies.</t>
  </si>
  <si>
    <t>Older students require the nuance of letter grades &amp; percentages to address areas of concern. Provincial proficiency scales vary too much by teacher to have the same value.</t>
  </si>
  <si>
    <t>Parents are still finding the competencies confusing.  Students are as well.  It would be better to have performance standards that students could strive to meet.  The performance standards would be Student can do ____________ , Student is able to __________________,  etc... based on diff topics</t>
  </si>
  <si>
    <t xml:space="preserve">10 -12 Need grades.  Do not change this.  There is already too much variation in how in depth courses are taught from one school to another.  A math 12 class at one highschool is not equivalent to a math 12 class at another.  Its the same curriculum but there is no standard of difficulty level.  </t>
  </si>
  <si>
    <t xml:space="preserve">Too confusing for parents.  Need specific performance standards for each skill students are learning in the course.  That would be more helpful in communicating what students are able to do and what they are not able to do. </t>
  </si>
  <si>
    <t>I agree there should be ongoing self assessment on the part of the students, to communicate their level of understanding and be involved in the assessment process.</t>
  </si>
  <si>
    <t xml:space="preserve">Good for K-9, not for 10-12.  Students don't take goal setting seriously, they are just filling it in because they have to.  Teachers rush it because to effectively do it, it cuts substantial time out of teaching their course. </t>
  </si>
  <si>
    <t xml:space="preserve">5 reporting events is unnecessary for authentic, thoughtful assessment communication. </t>
  </si>
  <si>
    <t>I would like to see 4-point scale extended to include 10-12. It encourages more detailed anecdotal assessment of student growth especially when combined with a reduction in reporting events.</t>
  </si>
  <si>
    <t>Why not just go full 4-point scale?</t>
  </si>
  <si>
    <t>Should left to teachers to conduct where &amp; how they see fit. A teacher with upwards of 200 students trying to incorporate this as an officially required reporting protocol will be spending equivalent of 2 full workdays on it - more, in fact, if they wish to make it authentic &amp; meaningful</t>
  </si>
  <si>
    <t xml:space="preserve">Requirements for the 2 non-written 'learning updates' are a bit vague. IF reporting on EVERY subject area is not required for these (i.e. typical parent-teacher or student-led conference conversations, OR ongoing digital portfolio posts documenting progress), then I think the overall # is fair. </t>
  </si>
  <si>
    <t>I have always been opposed to a 4-pt. assessment scale. We have been using a 5-pt. scale at our school, which I find MUCH more accurate &amp; easier for students/parents to see progress on. 'Developing' is a HUGE catch-all range that students can get 'stuck' in. We added 'Refining' before 'Proficient'.</t>
  </si>
  <si>
    <t>Not applicable to my grade level, although based on my limited understanding, this is done primarily to address post-secondary application needs so is therefore a 'necessary evil'.</t>
  </si>
  <si>
    <t>Not applicable to my grade level, although if letter grades are required, then this needs to be made OPTIONAL to not double 10-12 educator workload in having to assess twice!</t>
  </si>
  <si>
    <t>This is as we have been doing and the flexibility provided in the format makes it workable.</t>
  </si>
  <si>
    <t>While I am strongly in favour of engaging students in goal-setting processes at all ages, expecting early primary (K-2) students to be able to self-generate meaningful individual learning goals throughout the year is not reasonable, and also a huge workload/time issue for early primary teachers!</t>
  </si>
  <si>
    <t>I appreciate the inclusivity, however, believe that flexibility needs to be available for professional educators to best determine appropriateness/authenticity for individuals with certain diverse needs. Also this policy does not address reporting standards for students on Learning Plans (vs. IEPs).</t>
  </si>
  <si>
    <t>See comment above re: inappropriateness for early primary. A 4-point (vs. 5-point) proficiency scale would be my other most pressing concern.</t>
  </si>
  <si>
    <t>Written report cards take a lot of time. Every report card takes at least two full weekends to complete.</t>
  </si>
  <si>
    <t xml:space="preserve">The word proficient  doesn’t match the other three descriptors. I think something like. “applying” or some other “ing” word would better match the other three descriptors </t>
  </si>
  <si>
    <t>They are needed to apply for University.</t>
  </si>
  <si>
    <t xml:space="preserve">That is a lot of information collection along with the regular amount of assessment and gathering evidence of learning. </t>
  </si>
  <si>
    <t>This is the first time I have heard about it.</t>
  </si>
  <si>
    <t>That is great to make sure the level of learning for each student.</t>
  </si>
  <si>
    <t>We can easily recognize that our kids are going well or no.</t>
  </si>
  <si>
    <t xml:space="preserve">This s good way to see our kids level of learning </t>
  </si>
  <si>
    <t>Kids has chance to evaluate themselves freely according to their opinion.</t>
  </si>
  <si>
    <t xml:space="preserve">They should learn set a goal fir their future and attempt to make it </t>
  </si>
  <si>
    <t>This is reality of our life.</t>
  </si>
  <si>
    <t>To see which part is eeek and try to fix it by helping our kids</t>
  </si>
  <si>
    <t>As a parent, I prefer for educators to spend their time creating meaningful lessons and engaging with the students rather than spending a significant amount of time preparing reports. Reports don't need to be four plus pages in length.</t>
  </si>
  <si>
    <t>I think letter grades can start in grade 9 when high school starts.</t>
  </si>
  <si>
    <t>Letter grades are a more precise indicator of learning than the four point scale.</t>
  </si>
  <si>
    <t xml:space="preserve">I am okay with this if it doesn't become too complicated for teachers and students. </t>
  </si>
  <si>
    <t xml:space="preserve">A couple of self assessments for each report is enough. I don't need my daughter to do self assessments for every subject. </t>
  </si>
  <si>
    <t>One goal per reporting period is sufficient. Setting goals in all subject area is not needed.</t>
  </si>
  <si>
    <t>If the province can increase funding for education assistants to help with the individual needs of students. One teacher meeting all of the needs of the students is not possible.</t>
  </si>
  <si>
    <t xml:space="preserve">One goal per reporting period is sufficient. Goals don't need to be made in all subject areas. </t>
  </si>
  <si>
    <t xml:space="preserve">This scale does not provide enough feedback to reward and incentivize children, inform parents. </t>
  </si>
  <si>
    <t>The comments from the report tends to lack specific recommendations on how to improve certain areas. And it is also very general and not specific for the student. Therefore, it does not have much value.</t>
  </si>
  <si>
    <t>Lack of recommendations for improvement.</t>
  </si>
  <si>
    <t>I do not have a high school age kid.</t>
  </si>
  <si>
    <t>It is a general good practice for students to reflect on their own learning</t>
  </si>
  <si>
    <t>This is a very good idea.</t>
  </si>
  <si>
    <t>The school is holding back on students who can learn more and focus on the ones lagging behind.</t>
  </si>
  <si>
    <t>Students need to learn the goal setting and take charge of their own study.</t>
  </si>
  <si>
    <t>It is an effective and fair method of reporting.  Somewhat daunting for teachers, however, if the teacher consistently reports to their students, then the workload decreases and everyone is satisfied with the communication.</t>
  </si>
  <si>
    <t xml:space="preserve">Parents/Kids still do the math to try to figure out their proficiency in a mathematical way.  If they translate the math according to their previous experiences, then Proficient is only 75%, when proficient should be 100.  </t>
  </si>
  <si>
    <t>It is consistent with current practices, but more over, students needing information for University, still get the info they need in a manner they understand.</t>
  </si>
  <si>
    <t>I am not sure what this would look like, so it is hard to agree or disagree. If it is simply for formative assessment, then we already use it.</t>
  </si>
  <si>
    <t>Students struggle with the self awareness of this.  I think we need better guidance on what this looks like and examples of it.</t>
  </si>
  <si>
    <t>In theory a great idea, however, when is this taught?  Is it assessed ?  If it doesn't have value, the students and teachers won't put effort into it.</t>
  </si>
  <si>
    <t>This is absolutely important.</t>
  </si>
  <si>
    <t>Students will get overwhelmed by the amount of goals they are setting, and they will find a lot of repetition between classes.</t>
  </si>
  <si>
    <t>Three written reports provides enough information for parents to have a clear idea of how students are learning. The other two reports might look different ways.</t>
  </si>
  <si>
    <t>There is no consistency around what "extending" means. Some educators interpret "extending" to mean going beyond the criteria and expect students to randomly create something beyond what they teacher has given as learning targets. For other educators, extending means mastery.</t>
  </si>
  <si>
    <t xml:space="preserve">Percentages do not support Indigenous Ways of Knowing and the First Peoples Principles. We should not be providing percentages just to satisfy universities, in particular without provincial exams to ensure consistency across schools and districts. </t>
  </si>
  <si>
    <t>There needs to be agreement around how an A correlates with extending. At the elementary level, many teachers use "Proficient" to mean A.</t>
  </si>
  <si>
    <t>It is good for students to consider other types of learning beyond the curriculum.</t>
  </si>
  <si>
    <t>Many teachers would not know how to do this effectively: however, it would really benefit students.</t>
  </si>
  <si>
    <t>Unless you give teachers adequate prep time (like in Ontario where teachers get 2 preps a year so they have one all year) this is just another addition to an already overfull teaching expectation load. Teachers are QUITTING&lt; BURNT OUT&lt; AND OVERWORKED! There is not time for 120 student reports!</t>
  </si>
  <si>
    <t>Just a different scale that is exchanged for a letter grade at the end. This is no different from what teachers were doing before you made changes to language and just made it "seem" better</t>
  </si>
  <si>
    <t>Teachers are constantly trying to adapt and change their methods to best suit students. Letters and percentages are a small part of the equation and it is something that is much better understood.</t>
  </si>
  <si>
    <t>Way too many and too much language for a student to look at for 8 separate classes</t>
  </si>
  <si>
    <t>This should be it's own class if you want this better implemented</t>
  </si>
  <si>
    <t>This has always been at the forefront of teacher pedagogy - it doesn't need to be force fed</t>
  </si>
  <si>
    <t>I think having to report on all students progress 5 times formally is a large workload for teachers. If, however, 2/5 reporting times are very informal and can include student-led conferences 1 time per year and the parent conference beginning of year, then that is more reasonable.</t>
  </si>
  <si>
    <t>I like the proficiency scale, but it is not consistently understood as different than marks. It is not seen as a continuum, but has great potential. When we have to choose 1/4 levels in MY Ed, parents treat extending as an A, proficient as a B, no matter how much explanation given to the contrary.</t>
  </si>
  <si>
    <t>I have a child in secondary and it is completely confusing to go from proficiency scale to percentages at grade 10. For grades 8/9, they used words from the scale, but also used points and percentages, and it was confusing. There is not a common understanding of what prof. levels mean.</t>
  </si>
  <si>
    <t>No point in two systems. Even in elementary, the prof. scale is being seen as a four point scale just like A, B, C, I. It has potential, but not when teachers have to decide only one point of the scale in My Ed for each subject. Real feedback/comments are more important than % or scale indicator!!</t>
  </si>
  <si>
    <t>I do this regularly and have students contribute to the three written reports, as well as their regular reflections. We need to take care that teachers and students both are not overwhelmed by having to share this reflecting too many times in the year.</t>
  </si>
  <si>
    <t>Again, I do this in the regular reporting and in class. Again, we need to be careful that this is not required to be shown too many times. Five times a year seems a lot. This goal setting and reflecting is going on throughout the year; however, formal sharing could be limited to 3 times per year.</t>
  </si>
  <si>
    <t>I would agree. This is why commentary is better than the prof. scale -- it allows for greater nuance about differentiation/personalized goals. Assigning letter marks &amp; prof. scale levels is limiting &amp; less indicative of each person's spectrum of progress, especially for students of diverse abilities</t>
  </si>
  <si>
    <t>I think the 5 times/year, even with the limit of 3 formal written, is a lot to put on teachers. This is left up to too much District interpretation of the reporting order. What will those other two times look like? It needs to be clear that those times are indeed less formal and time consuming.</t>
  </si>
  <si>
    <t>Would prefer all of the Learning Updates to be written reports instead of only two mandatory written reports.</t>
  </si>
  <si>
    <t>It sounds ok. Is there a key to what each point on the scale equates to? Such as emerging is 25%, 50%, 75%, etc. of the subject learned?</t>
  </si>
  <si>
    <t>It seems ok to me to use letter grades for K-12, especially if this is the university requirement later on in a student's life. Changing from grade 9 onwards may cause confusion for students from a 4-point scale to letter grades.</t>
  </si>
  <si>
    <t>It is important to address the core competencies but if students will be specializing in various subjects requiring a deep technical knowledge, there needs to be a more objective system for determining the level of learning and understanding that has taken place.</t>
  </si>
  <si>
    <t>It makes sense that students have some responsibility in developing or at least knowing what their interests and skill sets lie and how they can develop it.</t>
  </si>
  <si>
    <t>Preference for a more objective system via letter grades or another system where we can determine more concretely how much learning of a subject has taken place for a student.</t>
  </si>
  <si>
    <t xml:space="preserve">The draft policy includes too many reports and too many forms of assessment for Grades 10-12 (letter grade, percent AND optional proficiency).  I would like to see ONE method chosen and the number of formal reports reduced.  </t>
  </si>
  <si>
    <t>I like the scale; I wish their was a fifth proficiency rather than only four as this would be easier to spread learners in terms of to what extend they demonstrate learning.</t>
  </si>
  <si>
    <t>Stick with the proficiency scale all the way through!  We should be moving away from letter grades and percents.  Post-sec needs to catchup.  We should not be catering to them.  If we care about LEARNING proficiency is more informative.</t>
  </si>
  <si>
    <t>I would like to see the proficiency scale as the ONLY method of reporting in this grade range.  Let's focus on the LEARNING!!</t>
  </si>
  <si>
    <t>Student input is important.</t>
  </si>
  <si>
    <t>If we care about learning, letter grades and percents tell us little.  If we are shifting to proficiency in K-9 then let's stick with it otherwise what is the point.</t>
  </si>
  <si>
    <t xml:space="preserve">Grade 9's and 10's can be in the same class with the same teacher yet require two different proficiency scales.  All secondary school students should be moving to this scale or none.  </t>
  </si>
  <si>
    <t xml:space="preserve">Letter grades and percentages are redundant.  Letter grades are used to represent the number grade and using both is a waste of time and resources.  Letter grades are not necessary to apply to post secondary education if the number grade is present.    </t>
  </si>
  <si>
    <t xml:space="preserve">Consistency across grades and using one proficiency scale is the way for parents, students, teachers, administration to all be on the same page.  Using letter grades, number grades, and proficiency scales that all give the same information is redundant.  Choose one for the whole school system.  </t>
  </si>
  <si>
    <t xml:space="preserve">Student reporting is thorough and authentic assessment already includes student self assessment.  Adding more requirements to student reporting without giving more preparation time to teachers takes away from time that could be spent planning lessons.  </t>
  </si>
  <si>
    <t xml:space="preserve">With this change teachers are once again having to spend more time on student reporting with no extra time in order to do so. </t>
  </si>
  <si>
    <t>All</t>
  </si>
  <si>
    <t>I have stated my dissatisfaction or satisfaction with the individual sections.  All of these are equally important and asking which 'one' suggests that the other responses are less important.</t>
  </si>
  <si>
    <t>this is standard practice that I am fine continuing with.</t>
  </si>
  <si>
    <t>I think that teachers arent all using this scale in the same manner. I think of course this can happen with any tool but, I think there should be no question as to a students level and/or abilities. Explanations are not clearly given all the time by educators as to their chosen mark for students.</t>
  </si>
  <si>
    <t xml:space="preserve">I think that students in highschool should all receive letter grades to allow them time to have comfort with this before grades like 11 and 12 where these are the only thing that count for post secondary institutions. This could lead to build up of anxiety for whats to come in those grades. </t>
  </si>
  <si>
    <t xml:space="preserve">I dont think that all teachers are participating in this piece with their students in the same manner. As a parent, I have found that it varies from year to year and I dont always see students fully involved with this as they can be. </t>
  </si>
  <si>
    <t>Goals are an important part of developing a better understanding of yourself and your strengths and stretches.</t>
  </si>
  <si>
    <t xml:space="preserve">This would increase workload for teachers and not provide the same level of feedback that we currently do with points of progress. </t>
  </si>
  <si>
    <t xml:space="preserve">We are currently using this scale and it works well. </t>
  </si>
  <si>
    <t>As Universities require grades, I feel it is appropriate for grades 10-12.</t>
  </si>
  <si>
    <t>Consistency across grades</t>
  </si>
  <si>
    <t>We currently have student voice in our points of progress.</t>
  </si>
  <si>
    <t>Goal setting and progress can be self-assessed by students, but should not be assessed by teachers.</t>
  </si>
  <si>
    <t>To increase teacher workload in addition to everything else that is asked of us is not acceptable. The requirements for reporting cannot continue to change every couple of years!!</t>
  </si>
  <si>
    <t>It seems like a lot of work for teachers to communicate with parents this way. Time that would be better spent on working with students and connecting with parents and families directly. But I do want to know how my child is doing at school throughout the year.</t>
  </si>
  <si>
    <t>I definitely prefer this over letter grades and percentages. I especially like the descriptive feedback which can be catered to the unique experiences of children. I don’t love the 4 point scale which is essentially a range of performance. Children excel and require support in different ways.</t>
  </si>
  <si>
    <t>I do like that there would be more variety in how students are assessed seeing as children learn, excel and require support in different ways. I just hope that this would be taken into consideration by post secondary institutions.</t>
  </si>
  <si>
    <t>I love that children would be included in assessments that are about them!</t>
  </si>
  <si>
    <t>This is the way it has always been done.  I am more concerned about the "how" of the learning updates.</t>
  </si>
  <si>
    <t>Parents do not understand the scale, but they do understand letter grades.  Letter grades would be more effective.  OR a letter grade attached to each section of the scale so they can understand what it means using their knowledge base.</t>
  </si>
  <si>
    <t>Why letter grades and percentages?  Pick one.</t>
  </si>
  <si>
    <t>What will the scale mean to post-secondary institutions?  Have they been consulted?  They require specific things for entering programs.  A scale is not going to cut it.  Will it put BC kids at a disadvantage, especially those who wish to study out of province or out of the country?</t>
  </si>
  <si>
    <t>This is difficulty for elementary students to put down on paper.  It feels like a make-work thing for everyone.  Most kids are not thinking about their growth throughout the year at such a young age.  Plus, it would require one-on-one time to complete, especially for primary.  This is not an option.</t>
  </si>
  <si>
    <t>Elementary students have a very hard time setting goals for themselves.  I can't even imagine how a Kindergarten student would do this.  It is ridiculous.  Plus, this would require one-on-one work with elementary students.  That is nearly impossible in classes from 20-28 kids with varying needs.</t>
  </si>
  <si>
    <t xml:space="preserve">I have no idea what this means.  </t>
  </si>
  <si>
    <t>I cannot fathom how goal setting would work in elementary without doing it one-on-one, which no one has time or support for.  Plus, that time could be better used teacher kids how to read, supporting those with challenges, and TEACHING!</t>
  </si>
  <si>
    <t xml:space="preserve">I am assuming this includes parent-teacher interviews. I appreciate the written and in-person discussions. </t>
  </si>
  <si>
    <t xml:space="preserve">For grade 7 and above, I would prefer a more detailed scale. I was frustrated by the lack of information for my child last year in Grade 8, which is dependent on teacher input. I feel percentages/letter grades are a better indication to understand how my child is doing. </t>
  </si>
  <si>
    <t xml:space="preserve">Percentages and letter grades are necessary for post secondary. This makes sense to me. But I would like to see it introduced earlier in the school ladder (ie: Grade 7 or 8). </t>
  </si>
  <si>
    <t xml:space="preserve">Some of the testing methods to date fail to be inclusive for learning disabilities, so this would be a good step forward. I 100% agree with this. </t>
  </si>
  <si>
    <t xml:space="preserve">I would like to see letter grades/percentages introduced earlier - to Grade 7 or 8 up to Grade 12. </t>
  </si>
  <si>
    <t xml:space="preserve">No real understanding of where a student truly sits on the scale compared to letter grades/percentages. This can be especially hard grades 7-9 where I can’t tell if my child is improving or falling behind. For students in grades 8-9 even 5-10% can be a huge difference </t>
  </si>
  <si>
    <t>Letter grades/percentage ms should be used from grade 7-12. Even a 5-10% change can tell a student/parent how things are going in a subject</t>
  </si>
  <si>
    <t xml:space="preserve">Letter grades/percentages are fairly self explanatory as to how a student is doing. </t>
  </si>
  <si>
    <t xml:space="preserve">For some students this can be good and for some it can be extremely stressful </t>
  </si>
  <si>
    <t xml:space="preserve">This is no more than we already do. </t>
  </si>
  <si>
    <t>Our school already uses these scales with success</t>
  </si>
  <si>
    <t>This can take away from teaching time, especially in the younger grades where the teacher needs to conference one to one with a student</t>
  </si>
  <si>
    <t>It is relatively easy to create rubrics that include abilities for all learners</t>
  </si>
  <si>
    <t xml:space="preserve">Proposed plan is not clear on this. There are currently enough reporting events to keep parents informed of their child’s progress. The current use of digital portfolios provides far in excess of the required number of reports. </t>
  </si>
  <si>
    <t xml:space="preserve">Proficiency scales result in lower stress than letter grades when students are receiving feedback. Used well, they better contribute to a growth mindset. </t>
  </si>
  <si>
    <t xml:space="preserve">I would like post secondary institutions to move away from letter grades/percentages. Until that happens, upper secondary grades are limited to using these reporting methods. </t>
  </si>
  <si>
    <t xml:space="preserve">This is a good way to become familiar with using the proficiency scale in the upper grades. </t>
  </si>
  <si>
    <t xml:space="preserve">I don’t think students need to write an official self-assessment 5 times. I think ongoing in class self assessments are more targeted, useful and efficient. Parents are unlikely to value an increase in this area. </t>
  </si>
  <si>
    <t xml:space="preserve">Similar to my above statement, this is already an ongoing process in class. I don’t think official reporting on student goals is needed 5 times because it doesn’t allow enough time in between to achieve the goals that have been set. I feel that 3 reports is sufficient. </t>
  </si>
  <si>
    <t xml:space="preserve">Not all students are able to identify goals or self-assess their progress because they have cognitive challenges that prevent this. Having an IST teacher create goals for that student would defeat the purpose. </t>
  </si>
  <si>
    <t>I can’t give accurate feedback on this question because it has NOT been made clear whether or not the use of digital portfolio software (like FreshGrade) to communicate student learning throughout the year would meet the criteria for written, descriptive feedback for the first 4 formal reports.</t>
  </si>
  <si>
    <t xml:space="preserve">For secondary teachers, the expectation that they provide 5 detailed written reports a year for 200+ students without providing time to complete them is unrealistic.  </t>
  </si>
  <si>
    <t xml:space="preserve">There does need to be more support from the ministry in what each of these levels looks like.  More evaluation resource exemplars for all grade levels needed.  </t>
  </si>
  <si>
    <t xml:space="preserve">Providing grades when. marking on a proficiency scale goes against the whole idea of proficiency assessment.  There is also not enough consistency between teachers' assessments to provide a consistent message to students.  </t>
  </si>
  <si>
    <t xml:space="preserve">Clear and explicit resources for teachers will be needed if this is to be done well.  </t>
  </si>
  <si>
    <t>The four point scale works for up to grade 7 but it is too broad for high school.  Grades start to matter in grade 10 for post-secondary planning. It would be much better to introduce students to the letter grade system before it potentially catches them off guard so they have a clearer idea.</t>
  </si>
  <si>
    <t>You should keep letter grades for grade 10 through 12 and also in grades 8 &amp;9</t>
  </si>
  <si>
    <t>Letter Grades and Percentages in Grade 8-9 too</t>
  </si>
  <si>
    <t xml:space="preserve">I like to receive feedback regularly from my child’s teacher so that I can support my child effectively in their learning and provide extra support if and when necessary. </t>
  </si>
  <si>
    <t>It’s important for me to know where my child is at in order to best support them</t>
  </si>
  <si>
    <t xml:space="preserve">Level grades cover a very broad spectrum while letter grades and especially percentages give an exact representation. This is incredibly important especially when applying to post secondary institutions </t>
  </si>
  <si>
    <t xml:space="preserve">Students need to be assessed on the same level provincially just for the sake of simplicity. If they move or attend a different school in the province, it makes it much harder on students if different grading practices are in place </t>
  </si>
  <si>
    <t xml:space="preserve">I think students should be part of their learning and by identifying their own levels of success, they can set goals </t>
  </si>
  <si>
    <t xml:space="preserve">I think it’s important to have tangible goals self set by students in tandem with teachers so that they can experience the feeling of achieving a goal through hard work and dedication </t>
  </si>
  <si>
    <t>All students learn differently, their assessments should be reflective of their learning process</t>
  </si>
  <si>
    <t>I’m very happy with the proposed choices, I think by engaging parents and students more and making them active partners in the learning process, student success rates should be higher. I also hope there is a plan in place to support teachers with the extra work</t>
  </si>
  <si>
    <t xml:space="preserve">It is so much work! Parents do not read this report cards! We do not get paid for all the time spent putting detail and care into each one. </t>
  </si>
  <si>
    <t xml:space="preserve">From a Kindergarten perspective, there should be no extending. </t>
  </si>
  <si>
    <t xml:space="preserve">Teachers already do this but when it is a reporting policy, teachers feel they HAVE to as opposed to wanting to. </t>
  </si>
  <si>
    <t xml:space="preserve">It does not provide enough context. My child may be meeting expectations in all areas but I don’t know if they are on the cusp of just meeting (so likely needs support) or on the cusp of exceeding. A letter grade or percentages gives a clearer picture. It is also what is used in post secondary. </t>
  </si>
  <si>
    <t xml:space="preserve">Not necessary to have both. Grades and percentages satisfy without the other. </t>
  </si>
  <si>
    <t xml:space="preserve">As a post sec instructor for 20 years, our school has witnessed a markable decrease of student readiness. Math and English skills have weakened, and students have difficulty with deadlines and ‘rules’. There is structure and expectations in post sec and the Kto12 system isn’t preparing them for it. </t>
  </si>
  <si>
    <t>Reporting is good as it helps students reflect on their achievement and shortcomings.</t>
  </si>
  <si>
    <t>University - helps differentiate in ability.</t>
  </si>
  <si>
    <t>The term "Learning Update" is not well-defined. What constitutes a learning update and what formats or criteria are required? If these learning updates are intensive, will teachers receive release time to complete these?</t>
  </si>
  <si>
    <t xml:space="preserve">I think the current proficiency scale is working for families. </t>
  </si>
  <si>
    <t xml:space="preserve">What is the point of using the proficiency scale in the early years and then suddenly requiring high school students to worry about earning grades that are based mostly on test scores? My concern is that the students will have trouble adjusting to the change. </t>
  </si>
  <si>
    <t>A grading system needs to be consistent and simple. Why are we complicating this with more assessment methods?</t>
  </si>
  <si>
    <t xml:space="preserve">I am happy with teaching and assessing the competencies. </t>
  </si>
  <si>
    <t xml:space="preserve">The policy needs to consider developmentally appropriate practices before mandating this. Primary grade students are still grasping the concept of a "goal". Some adjusts need to made about this. </t>
  </si>
  <si>
    <t xml:space="preserve">This policy needs to be outlined more clearly. Are you referring to Individual Education Plans or something beyond our current practices? If you are plainly stating that you are requiring teacher to complete more administrative tasks above and beyond what we are currently doing, then no. </t>
  </si>
  <si>
    <t>The current reporting practices is fine. Why do we need to make changes?</t>
  </si>
  <si>
    <t>I need a better definition of Learning Update vs Learning Summary. They sound alike. Are the Learning Updates similar to an Interim Report Card with minimal descriptive language? Please be more specific. Also, the timing of the first Learning update should be in the first 30% of the school year.</t>
  </si>
  <si>
    <t>I think a four level proficiency scale will be less descriptive than an 8-level letter grade system. It might be best to consider scrapping both letter grades AND proficiency scales in place of more descriptive language or a checklist along with descriptive language.</t>
  </si>
  <si>
    <t>I think this is a huge mistake. Universities and Colleges can come up with their own entry processes. This will only feed into the already existing perception that K-9 schooling isn't really that important and doesn't "count". Students who receive "Fully Meeting" in grade 9 and then receive a "B".</t>
  </si>
  <si>
    <t>The assessment system should be consistent across all grades K-12. It makes no pedagogical sense to change it in Grade 10.</t>
  </si>
  <si>
    <t>We'll need more direction here. What about students on fully modified programs. Currently we assess them on their IEP goals. Will that still be the case?</t>
  </si>
  <si>
    <t>I like the balance of formal and informal. There are more times for reporting than there have been in the past, but they are not overall more time-consuming and they are generally more meaningful.</t>
  </si>
  <si>
    <t>I like that more descriptive language is used, but 1) I think it is confusing to parents who are used to A, B, C, etc.--teachers have to spend a lot of time educating parents that Exceeding does not equal "A" (and there is inconsistency among teachers about this viewpoint).</t>
  </si>
  <si>
    <t xml:space="preserve">Speaking as a parent now--there is quite a range from one class to the other of how a child earns an A, B, C, etc. whether it is tests, participation, homework, etc. How does this compare from school to school? This becomes an equity issue for students when they move to post-secondary.
</t>
  </si>
  <si>
    <t>As a parent, I like this, but as a teacher I would worry that it creates a greater workload for teachers.</t>
  </si>
  <si>
    <t>I like the concept as a parent and teacher, but it does not seem to be as meaningful at the secondary level because it seems students are not taught about the CCs in any holistic way--which is understandable since they do not have a consistent homeroom.</t>
  </si>
  <si>
    <t>As a teacher, I would have to see what this looks like. We spend some time on goal setting, but it sounds like we would have to spend more class time on it and on revisiting our goals. (Am guessing this goal setting is similar to what we see in the IEPs?)</t>
  </si>
  <si>
    <t>A noble goal, but not without more support for teachers in the classroom. This can only be accomplished with more SSA/EAs in every classroom.</t>
  </si>
  <si>
    <t>I like the scale, I just think three things could be improved 1) make it a true sliding scale (like it was originally), with gradations between "applying" and "developing" for example, 2) for elementary K-7: separate Reading and Writing within Language Arts, 3) Make the template less "busy"/shorter</t>
  </si>
  <si>
    <t xml:space="preserve">Reports take an extreme amount of time which takes away from classroom planning and lesson delivery.  Ongoing communication throughout the year with fewer formal reports is more beneficial. </t>
  </si>
  <si>
    <t xml:space="preserve">Clear language across schools and the province would create a more clear understanding for parents. </t>
  </si>
  <si>
    <t xml:space="preserve">This can be difficult to do authentically in younger grades. </t>
  </si>
  <si>
    <t xml:space="preserve">I am curious how our current practices are not inclusive to all learners. </t>
  </si>
  <si>
    <t>I think 2 formally written reports is enough. I believe parents and teachers would prefer a conference/meeting in term 2, and then a celebration of learning/student led conference towards the end of the year. This would better help parents to understand where their child is at.</t>
  </si>
  <si>
    <t>I think this is clear language for parents and students to understand</t>
  </si>
  <si>
    <t>Doesn't make sense to offer both. Just choose one or the other.</t>
  </si>
  <si>
    <t>Assessment should always be varied and flexible</t>
  </si>
  <si>
    <t xml:space="preserve">I just think it’s a lot of time wasted getting teachers to go from one scale to another scale… as a parent I have had both scales for my children. I don’t see any difference, so it seems like not a great use of time and money to make this change </t>
  </si>
  <si>
    <t>I think the self assessments are definitely not meaningful at the early primary level. They are not able to complete a self assessment very well and the exercise is always over most of their heads</t>
  </si>
  <si>
    <t>It feels sufficient.  Lots of ongoing formative assessments in class so reporting is simply an accountability piece for both students and teachers</t>
  </si>
  <si>
    <t xml:space="preserve">Very hard with competency based assessment to convert to a %. </t>
  </si>
  <si>
    <t>Positives: great to comment in conjunction with reporting and these are skills that promote learning. 
Negative: Students are detached from their values as they do not receive grades on these</t>
  </si>
  <si>
    <t>Please facilitate this not being cumbersome to report on</t>
  </si>
  <si>
    <t>I am not a fan of the scale and also do not understand why so much time and effort is being put into replacing one scale with another. As a parent, I don’t see the difference between using one of the other (and I have had my children get reports using both so I have experience with both)</t>
  </si>
  <si>
    <t xml:space="preserve">I really don’t find them all that useful or informative </t>
  </si>
  <si>
    <t>Report cards should be sufficient; no need for Summary of Learning; impossible time task for secondary teachers with up to 210 students. Too much time spent on reporting out takes away from teaching/planning time. Teachers also conduct parent teacher meetings. Line up with semester system?</t>
  </si>
  <si>
    <t>Need more flexibility on visuals. Elementary uses sliding scale; so should high school. Teachers not given enough time for descriptive feedback for so many students. Not sure why we do it for gr 8 and 9 when they are ultimately headed for letter grades and % for sr years/uni.</t>
  </si>
  <si>
    <t xml:space="preserve">Realistic. </t>
  </si>
  <si>
    <t xml:space="preserve">Too murky. Choose a system. Families overloaded with edu-jargon. Ask a regular person what proficient or applying means...or for that matter, extending. </t>
  </si>
  <si>
    <t xml:space="preserve">I support student self-reflection; I don't think it needs to be on a report card. </t>
  </si>
  <si>
    <t xml:space="preserve">Again, doesn't need to be on report cards. </t>
  </si>
  <si>
    <t xml:space="preserve">good idea but first put some money into the system to properly support diverse learners. </t>
  </si>
  <si>
    <t xml:space="preserve">Reporting out takes too much time away from the classroom. The whole progression of learning takes TIME!! You have to let the student work through it without constant report outs. Also, I would select several components to change so the question is too limiting. </t>
  </si>
  <si>
    <t xml:space="preserve">The number of times we presently report feels manageable, keeping in mind we already do continuous reporting through the parent portal of MyEd. More would not, IMHO, improve results.  </t>
  </si>
  <si>
    <t>I don't teach these grades so I do not feel qualified to comment.</t>
  </si>
  <si>
    <t>I do it now. Students understand it easily. Do not fix what isn't broken. Is it broken?</t>
  </si>
  <si>
    <t>Speaking as a parent this would completely confused me. Proficency scales, letter grades and percentages? Seriously? How is this better?</t>
  </si>
  <si>
    <t xml:space="preserve">I worked at a school that tried this several years ago. The idea behind it is admirable but it just didn't seem to make a big difference in the end. Students should always be part of the process. Just not sure how to make it effective. How well do students actually know the core compitencies? </t>
  </si>
  <si>
    <t>Sure, sounds worthwhile. Who is checking on progress? What happens if progress is not acheived? But, certainly a worthwhile goal.</t>
  </si>
  <si>
    <t>We should be doing this. Why haven't we been doing this?</t>
  </si>
  <si>
    <t>I need more info about what the written summary of learning involves</t>
  </si>
  <si>
    <t>The report cards are too language heavy for our ELL population - not accessible - parents do not have a clear understanding of progress</t>
  </si>
  <si>
    <t xml:space="preserve">More info needed as to expectations for reporting self assessments </t>
  </si>
  <si>
    <t xml:space="preserve">This seems like a lot of formal feedback where informal when needed may be more helpful and allow teachers more time </t>
  </si>
  <si>
    <t xml:space="preserve">Letter grades may be more helpful in the grade 8-9 years as a guide to lead into where it counts for university reporting </t>
  </si>
  <si>
    <t xml:space="preserve">Two scales could be confusing and redundant </t>
  </si>
  <si>
    <t>It’s good to teach self assessment</t>
  </si>
  <si>
    <t xml:space="preserve">I like that the proposed policy recognizes the value of both formal/written reports and informal reporting. Good communication with parents and caregivers is good practice. </t>
  </si>
  <si>
    <t xml:space="preserve">I use this proficiency to guide conversations about assessment. Students are familiar with it and it is relevant to growth and learning. </t>
  </si>
  <si>
    <t xml:space="preserve">While I understand the need for letter grades in university applications, I think that the proficiency scale is still useful for students up to grade 12. I wish that we could develop a system that combines letter grades with the proficiency scale to encourage a growth mindset. </t>
  </si>
  <si>
    <t>This is the best of both worlds. A combination of letter grades and the proficiency scale will encourage students to think of their learning as a lifelong process rather than a limited experience.</t>
  </si>
  <si>
    <t xml:space="preserve">I agree that letter grades/percentages are important to advance to college/university. </t>
  </si>
  <si>
    <t xml:space="preserve">I think this is important to keep kids mindful and engaged and allow them to reaffirm their goals for the future. </t>
  </si>
  <si>
    <t xml:space="preserve">Anything that creates more inclusiveness is very important. Too many children have been sidelined in the past due to one size fits all philosophy. However, teachings should  challenge all learners as much as possible which is why one teacher in a class cannot do it alone! More funding needed! </t>
  </si>
  <si>
    <t xml:space="preserve">More funding for more teacher supports from Ministry to carry out this tall order </t>
  </si>
  <si>
    <t>In the VSB, we currently have two written reports (January and June) and 5 reporting events in the year.  We find many ways to report to the parents at least 3 other times in the year through parent- teacher conferences, student-led, and celebrations of learning. This is much better and more meaning</t>
  </si>
  <si>
    <t>Why does the language need to change every 2-3 years. We use Beginning, Developing, Applying and Extending.</t>
  </si>
  <si>
    <t>VSB does this in the final report and it is enough.</t>
  </si>
  <si>
    <t>This would increase the teacher's workload tremendously to add all of this to the reporting.</t>
  </si>
  <si>
    <t>This sounds complicated and we already do that anyway. Teacher autonomy is important.</t>
  </si>
  <si>
    <t>Only 2 written is necessary and teacher workload is already very heavy trying to teach and meet the very diverse needs of students in class.  All of this extra workload then takes away from actual meaningful teacher time because you are spending all of your class time on self-assessments but not muc</t>
  </si>
  <si>
    <t xml:space="preserve">This is too many learning updates. 
What counts? An email? A Phone call? A meeting face to face? I CONSISTENTLY make phone calls, email and meet in person with families throughout the year and am still expected to prepare for “formal” yet unwritten reports (such as triad conferences). </t>
  </si>
  <si>
    <t>The wording of the proficiency is moot if parents don’t understand the performance outcomes.</t>
  </si>
  <si>
    <t>I don’t understand this question.</t>
  </si>
  <si>
    <t>We should not have to report back to the ministry on personal goal achievements.  This can be intrusive and cause undue alarm for families whose child does not meet their goal.</t>
  </si>
  <si>
    <t>Are all students on IEPs now?</t>
  </si>
  <si>
    <t>Reporting on IEP goals for students with special needs is not addressed.  For each reporting period, there should be written Updates regarding IEP goals and objectives in addition to reporting of the students' participation in learning outcomes that are at grade level.</t>
  </si>
  <si>
    <t>Using this scale provides more information about the level of functioning in each subject area</t>
  </si>
  <si>
    <t>Letter grades and percentages are needed for post secondary.  In addition, the phrase "on an adapted program" needs to be used when a student on an IEP is given specific supports in subject areas.  This informs the post secondary institution and students of the level of functioning of the student.</t>
  </si>
  <si>
    <t>Whenever possible, students with special needs should be helped to understand their strengths and challenges through self-assessment</t>
  </si>
  <si>
    <t>This is much needed, particularly at the secondary level</t>
  </si>
  <si>
    <t>More guidelines and teacher training is needed in how to report regularly on IEP goals and how to include the phrase "on an adapted program" in reports</t>
  </si>
  <si>
    <t>Les enseignants devront passer leur temps à évaluer pour avoir assez de matière pour en parler dans le bulletin. 
Les parents ne s’intéressent pas aux commentaires. Ils aiment les notes, les pourcentages , les lettres. Ils veulent mettre leur enfant dans une catégorie est ce qu’il est bon ou pas.</t>
  </si>
  <si>
    <t xml:space="preserve">Les élèves et les parents ne comprennent pas ces catégories par qu’elles ne veulent rien dire. Ils faut avoir plus de flexibilité. </t>
  </si>
  <si>
    <t xml:space="preserve">Les universités ne veulent pas du emerging et du developing parce que ça ne veut rien dire. C’est pour  ca qu’il faut les supprimer au secondaire. </t>
  </si>
  <si>
    <t xml:space="preserve">Gardez les proficiency scale dans un tiroir svp! </t>
  </si>
  <si>
    <t xml:space="preserve">Les élèves ne savent pas s’auto  évaluer. Pourquoi ils mettraient une critique envers eux même. C’est des ados, il ne veulent pas passer pour des nuls.  </t>
  </si>
  <si>
    <t xml:space="preserve">Cela ne prend pas en considération les besoins des élèves en français. Censé toujours comme ça, on adapte pour les besoins des Anglo mais personne n’élabore ces plans en ayant les besoins des élève en français en tête. </t>
  </si>
  <si>
    <t xml:space="preserve">Les élèves n’ont pas besoin d’être testé chaque seconde. 
Les questions jouent en votre faveur. Pourquoi ne pas demander:  proposez  des changements réalistes.  Qu’est ce qui marche dans votre classe comme évaluation. Comment est ce qu’on peut vous rendre la tâche facile et réalisable. </t>
  </si>
  <si>
    <t xml:space="preserve">It's essentially the same as letter grade, and without significant staff interaction and buy in, will have no meaning </t>
  </si>
  <si>
    <t xml:space="preserve">I feel like I can't vote on this because I don't fully understand the meaning </t>
  </si>
  <si>
    <t xml:space="preserve">Letter grades should begin at grade 8 at the latest </t>
  </si>
  <si>
    <t>Five seems excessive.</t>
  </si>
  <si>
    <t>Letter grades and percentages with comments are more accurate.</t>
  </si>
  <si>
    <t>they work.</t>
  </si>
  <si>
    <t>the letter grades and percentages are enough.</t>
  </si>
  <si>
    <t>elementary students don't really care about them and don't do their best to evaluate themselves. They also struggle with seeing their own growth.</t>
  </si>
  <si>
    <t xml:space="preserve">students will set any goal just for the sake of getting it done rather than really being interested in achieving a goal. </t>
  </si>
  <si>
    <t>How is this supposed to work? Don't teachers already report on what they need to report on? Does this really improve education?</t>
  </si>
  <si>
    <t>Students aren't interested in self-assessing. When done, it's typically shallow and rushed just so it can be done. Doing this just gives teachers more to do and worry about. We already have enough on our plates with what we are expected to teach. Stop having elementary kids think like high-schoolers</t>
  </si>
  <si>
    <t>Five reporting events is too many. Preparing for these takes a substantial amount of teachers time away from planning for student learning. Two written reports, and two informal reports is plenty…if parents care to know how their children are doing they can ask anytime.</t>
  </si>
  <si>
    <t>Already doing my best to do this.</t>
  </si>
  <si>
    <t xml:space="preserve">I think the current amount is fair in terms of workload for the teachers as well as sufficient information for parents. </t>
  </si>
  <si>
    <t xml:space="preserve">I teach Grade 3 and this is a fair way to assess progress. </t>
  </si>
  <si>
    <t xml:space="preserve">I do not think a self assessment is needed at every reporting period. </t>
  </si>
  <si>
    <t xml:space="preserve">I do not think this is necessary as part of their report card. </t>
  </si>
  <si>
    <t xml:space="preserve">I suspect that 5 reporting events is overkill — I want my children’s teachers to have time to teach interesting things, not constantly be working on reports/open houses/teams meetings etc. </t>
  </si>
  <si>
    <t xml:space="preserve">This is what we already have on our report cards. </t>
  </si>
  <si>
    <t xml:space="preserve">My children are not in high school. </t>
  </si>
  <si>
    <t xml:space="preserve">My children hate having to fill out self-assessments at school (we currently do this in our school district). They find it boring and unhelpful (even they know that how the students rate themselves on self-assessments is not necessarily related to real life). </t>
  </si>
  <si>
    <t xml:space="preserve">Required goal-setting in multiple areas isn’t very authentic, and can very easily turn students off of the process. Time spent on this also takes away from learning. </t>
  </si>
  <si>
    <t xml:space="preserve">Too much time spent on setting goals, reviewing goals, reporting, self assessment, teacher-driven assessment will take away from actual learning time. Please reduce the reporting frequency and amount of self-assessment/goal-setting required. More is not always better. </t>
  </si>
  <si>
    <t>I think reporting is important and keeps teachers accountable.</t>
  </si>
  <si>
    <t>Letter grades are very divisive and too broad.</t>
  </si>
  <si>
    <t>Same as previous answer</t>
  </si>
  <si>
    <t>I find these requirements make the grown ups feel happy. They fall short with students who really don't have the depth of knowledge we hope for when it comes to their own growth. I find they respond with what they think the teachers want to hear.</t>
  </si>
  <si>
    <t xml:space="preserve">Same as previous. </t>
  </si>
  <si>
    <t>Increased workload for teachers with four learning outcome updates</t>
  </si>
  <si>
    <t xml:space="preserve">Letter grades and percentages need to go.  Post-secondary institutions can have entrance evaluations to enter different area of studies. </t>
  </si>
  <si>
    <t>increasing workload of teachers</t>
  </si>
  <si>
    <t>increasing workload of teachers more time will be needed to make things more inclusive</t>
  </si>
  <si>
    <t xml:space="preserve">Letter grades and percentages are not meaningful feedback and are inconsistent </t>
  </si>
  <si>
    <t>A minimum of five reporting events in one semester seems unreasonable and, frankly, impossible. I am also unsure as to what a reporting "event" is. Why use the word "event" which could not be more vague. Please use clearer language and provide examples.</t>
  </si>
  <si>
    <t>A four-point scale is not enough for grades 8 and 9. It is too broad, even if the teacher provides a lot of descriptive feedback. A minimum five-point scale is needed.</t>
  </si>
  <si>
    <t>Letter grades and percentages are required for university entrance. Letter grades and percentages provide more specific feedback to students as long as they are accompanied by written feedback.</t>
  </si>
  <si>
    <t>This four-point scale is not sufficient for grades 10-12 and would only confuse students and parents and would add to a teacher's already heavy workload when providing detailed comments on report cards. I cannot stress enough how strongly I am against this. It is not helpful to anyone.</t>
  </si>
  <si>
    <t>I believe students could address the Core Competencies in a more organic and meaningful way if they were prompted to do so while attaching the to certain curricular competencies. This seems a make-work project - a hoop - that is not meaningful to students.</t>
  </si>
  <si>
    <t>I already make this a part of my teaching practice and have found it useful and meaningful for students and parents.</t>
  </si>
  <si>
    <t xml:space="preserve">Obviously, all assessment practices should be inclusive of all learners, but when there are seven students in a classroom with designations and IEPs, it becomes impossible for the teacher to meet all these learning needs. In an ideal world, yes. In BC classrooms, this is a HUGE challenge. </t>
  </si>
  <si>
    <t xml:space="preserve">Many students cannot even access their electronic report cards. Make this access easier, make sure parents always see these report cards, and reduce the reporting to 4 in a semester. This would be meaningful and helpful. </t>
  </si>
  <si>
    <t>I am satisfied as long as the report is detail enough for us ( as parents) to support our children's learning.</t>
  </si>
  <si>
    <t>As long as there is a description that can provide sufficient information for parents to support their children.</t>
  </si>
  <si>
    <t xml:space="preserve">The letter grade and % will give the students optiond to apply universities in different countries. </t>
  </si>
  <si>
    <t>If letter grade and % are used, there is no point to duplicate the reporting, which may cause redundant work and confusion.</t>
  </si>
  <si>
    <t>Self- assessment is extremely important for students' self- awareness and motivation</t>
  </si>
  <si>
    <t xml:space="preserve">This will help students'self-motivation </t>
  </si>
  <si>
    <t>Children learned differently, neuro-typical vs. neuro-atypical  kids should be all included and assess fairly</t>
  </si>
  <si>
    <t>Hindi</t>
  </si>
  <si>
    <t>letter grades are important in assessing students. not sure how universities outside of BC will let our students in without the marks</t>
  </si>
  <si>
    <t>is working in my classes  the hybrid of marks and the scales are liked by my students</t>
  </si>
  <si>
    <t>not sure that this will provide an accurate assessment of the students. most will over value their work</t>
  </si>
  <si>
    <t>When are teacher's expected to complete two additional report cards? Is there going to given to teachers to do so? What is the purpose of these report cards? This is additional work that is being loaded on us again. It won't have any additional value to parents in understanding their child's learnin</t>
  </si>
  <si>
    <t>They are a complete waste of time to report on.</t>
  </si>
  <si>
    <t xml:space="preserve">This is already being completed as part of their career education. WHY are we being asked to report on this separately??? </t>
  </si>
  <si>
    <t>It is what we already do</t>
  </si>
  <si>
    <t>Three reporting periods is already a lot and time consuming for teachers.</t>
  </si>
  <si>
    <t>reporting frequency is less of an issue and nearly redundant now that most schools have online access to the teacher gradebook (eg powerschool, my ed)</t>
  </si>
  <si>
    <t>this is pretty idealistic and frankly not the reality of what happens in schools - students, especially older ones, don't take this seriously</t>
  </si>
  <si>
    <t>it's somewhat insulting to educators to even say this.  This is the norm.</t>
  </si>
  <si>
    <t>refer to previous response</t>
  </si>
  <si>
    <t xml:space="preserve">Receiving feedback from my kids teachers about every 2 months from my kids' teachers in a 9 month (not including 2x - 2 week breaks) year is plenty in my opinion. </t>
  </si>
  <si>
    <t xml:space="preserve">Proficiency scale gives picture of student's achievements quickly. Like letter grades but less on specific tests etc &amp; more focus on overall understanding. </t>
  </si>
  <si>
    <t xml:space="preserve">Consistency with K-9 while still providing grades needed for post-secondary applications. </t>
  </si>
  <si>
    <t xml:space="preserve">See previous comment </t>
  </si>
  <si>
    <t>Exposure to competencies across the grades is a needed focus for building life skills</t>
  </si>
  <si>
    <t xml:space="preserve">Learning to goal set is great but you're expecting primary students to learn this skill when they can barely read, write or understand math yet. Why? Focus on basics in primary grades. Building goal setting skills from grades 4-12 is plenty enough practice. </t>
  </si>
  <si>
    <t xml:space="preserve">What does that even mean? No more IEPs? </t>
  </si>
  <si>
    <t xml:space="preserve">Already mentioned above. Way too much expected of primary aged kids. Some can't even write a sentence yet about their weekend. Goal setting seems like a lofty expectation. </t>
  </si>
  <si>
    <t xml:space="preserve">In the context of the classrooms in which I teach written reports are by far the least effective method of reporting. I would go into it if you gave us an extended character limit. In short, by limiting choice of reporting type for teachers you are creating an unresponsive and inequitable system. </t>
  </si>
  <si>
    <t>This scale is excellent and a massive improvement over traditional letter grades which are associated with a classist and backwards view of assessment. However, as the ministry has failed to educate parents and staff on the meanings of these terms they are useless. Please do better.</t>
  </si>
  <si>
    <t xml:space="preserve">See above. Percentages assume that students "complete" a course of study and learn a percentage of required truths. This is not an accurate reflection of learning, nor of the purpose of education. Holding this back from 10-12 as a result of pushback from partners you haven't engaged with is </t>
  </si>
  <si>
    <t>(cont.) Cowardice.
Remove letter grades and percentages. Doubling teacher workload will not achieve the results you are looking for. You will get 2 badly done systems, one which is harmful and one which is heartless.</t>
  </si>
  <si>
    <t>Self-reflection is crucial, but must NOT be part of assessment. No one self-reflects honestly in an official reporting document. You are cheapening the value of self-reflection by inserting yourselves.</t>
  </si>
  <si>
    <t>Great, now what support are you offering to allow classroom teachers to foster this kind of growth and participate in this tracking? Adding good ideas is nonsense if the bad ideas are not cleared away. Good direction, now kill the FSA, standardized testing, automate forms, and provide more staffing.</t>
  </si>
  <si>
    <t>Great, as above though, are you going to make this possible? How much teacher burnout do you need to see before you clear out the bad policies? When the fishbowl is overflowing more clean water doesn't help. Empty it of the gunk first!</t>
  </si>
  <si>
    <t xml:space="preserve">It is a reference for all the other failed policies that need to be removed.
Also in what world is slightly satisfied lower than neutral? </t>
  </si>
  <si>
    <t>Then assessments should be geared towards all levels as well.</t>
  </si>
  <si>
    <t>I'm not convinced that this frequency or type of reporting will make parents better understand their child's learning.</t>
  </si>
  <si>
    <t>This is way too much information for parents (not useful) and too much academic reporting for primary - the focus should be on Literacy and Mathematics.</t>
  </si>
  <si>
    <t>using letter grades and percentages goes against the philosophy of inquiry based, open ended holistic learning.  Also, using letter grades and percentages just because universities require them is not a good reason.  high marks don't guarantee strong learners at university.</t>
  </si>
  <si>
    <t>this all seems like too much - when are teachers supposed to do all this work?  are parents really wanting/ needing all this information?</t>
  </si>
  <si>
    <t xml:space="preserve">the format for reporting to parents should be kept short and to the point.  parents don't need all this extra work/ documentation.  Way too much work for teachers.  Give teachers TIME to work on report cards!  </t>
  </si>
  <si>
    <t>Letter grades and percentages will be helpful for students applying to post-secondary out of the province and internationally.</t>
  </si>
  <si>
    <t>I do not feel this is developmentally appropriate for Kindergarten students. Participating in whole-group and collective goal setting is more appropriate until students develop independence.</t>
  </si>
  <si>
    <t>Many educators use digital portfolios. Digital portfolio posts must be acceptable rather than having a written report. In addition, the requirement that all subjects be reported on each time is not feasible due to time restraints and increased workload.</t>
  </si>
  <si>
    <t>This is reasonable and creates consistency in terms of reporting language.</t>
  </si>
  <si>
    <t>This is reasonable.</t>
  </si>
  <si>
    <t>I think if grades are being used, using a proficiency scale is not necessary, so as last not as the use of the proficiency scale is encouraged rather than mandated, this would be ok.</t>
  </si>
  <si>
    <t>I think self-assessments for primary grades should only be expected 1-2 times per year, rather than at each reporting period.</t>
  </si>
  <si>
    <t>Again, this is very challenging for young learners. It would be appropriate to expect this 1-2 times per year for primary students.</t>
  </si>
  <si>
    <t>Reasonable.</t>
  </si>
  <si>
    <t>The requirement that all subjects be reported on 5 times per year is not practical. This is an extreme increase in teacher workload and challenging given time constraints. Social Studies and Science are often taught in different terms in elementary school so that topics can be taught thoroughly.</t>
  </si>
  <si>
    <t>A report per term seems like a good amount of information for families and gives time for teachers to conduct assessments of, as, and for learning.</t>
  </si>
  <si>
    <t>Until universities change their policy students require percentages.  I don't necessarily agree with letter grades however.</t>
  </si>
  <si>
    <t>This might change how universities look at prospective students.</t>
  </si>
  <si>
    <t>I'm not sure how well students in younger grades will be able to do this.  Reflecting on their learning is already a challenging concept in the primary grades.</t>
  </si>
  <si>
    <t>I'm unclear if that is different than what is currently done.</t>
  </si>
  <si>
    <t>Reporting takes a large amount of time for teachers, I suspect with increased reporting there will be less rich/specific reporting done.  Most teachers write their reports on their own time as there is not enough time given through prep to do lesson planning and reporting.</t>
  </si>
  <si>
    <t xml:space="preserve">This would require an additional written reort beyond what my district currently does. Our written report format is become increasingly detailed and onerous, taking hours upon hours to write outside of school time. Adding a third would greatly increase teacher workload. </t>
  </si>
  <si>
    <t xml:space="preserve">It is unnecessary to report on every subject on every report, particularly those that are not core subjects. It does not make sense to expect teachers to report on an area that was not a major focus of the term. It is not possible to teach a comprehensive unit in every single subject area at once. </t>
  </si>
  <si>
    <t xml:space="preserve">It makes sense that reporting would occur in a way that would mesh with post secondary intake/acceptance practices. </t>
  </si>
  <si>
    <t xml:space="preserve">That is utterly ridiculous, pointless, absurd and insulting to make teachers report in two different ways. Parents could not care less about the proficiency scale and would actually prefer real grades that make sense in the real world. </t>
  </si>
  <si>
    <t>This is pointless in the elementary grades. The students are not capable of understanding the competencies as it is such broad, abstract language. This exercise each year is utterly painful and a waste of time and paper to satisfy a ridiculous requirement. Self-assess real, meaningful things instead</t>
  </si>
  <si>
    <t xml:space="preserve">This is not necessary as part if reporting in the elementary grades. This can be accomplished at the classroom level and is absolutely unnecessary to be included on a report card. It would just be yet another unnecessary thing to add to the report card workload. </t>
  </si>
  <si>
    <t xml:space="preserve">This is already happening. I am confused as to why this would need to be included as a new requirement. </t>
  </si>
  <si>
    <t xml:space="preserve">Teacher workload is already beyond unacceptable. To propose unnecessary changes that only add to workload, with nothing being taken off our plates and no increase in compensation, is both sickening and alienating to those who give so much to the profession. </t>
  </si>
  <si>
    <t>That doesn't really sound like what we're currently doing.  It's unclear to me whether you're talking about 5 reports for ALL subject areas, which is over the top and leads to more reporting than actually doing.</t>
  </si>
  <si>
    <t>We were trying to get away from grading, for good reasons.  The proficiency scale is really not different than assigning letter grades.  And there is so much blow back when we are honest about this assessment that we end up inflating these grades.  No good comes of it.</t>
  </si>
  <si>
    <t xml:space="preserve">What's the reasoning behind including percentages? If we're assessing using current best practices, we would recognize that we can't really assign percentages - evaluation is too imprecise for that. It ruins the hard work we do to encourage students to concentrate more on their learning and less on </t>
  </si>
  <si>
    <t>This is silly.  No student will look at this once they see a percentage or a letter grade.  It's just more work for teachers.</t>
  </si>
  <si>
    <t>Accept the assessment/reporting that comes organically from authentic experiences that teachers are offering. What happens now is that teachers do cool stuff, and students have to fill out a silly form at the end of the year that has little to do with what they've accomplished. It's a hoop.</t>
  </si>
  <si>
    <t>I've tried this with students many times and found it wholly ineffective.  We've been making much more progress concentrating on things like teaching growth mindset than pushing goals that get quickly forgotten.</t>
  </si>
  <si>
    <t>Great idea - teachers need training and support to pull this off.  It's really hard to scaffold lessons to this end. It also takes a level of communication and continuity across grade level as a student moves on each year that we just don't have right now.</t>
  </si>
  <si>
    <t>the proposed workload is out of step with what teachers can manage</t>
  </si>
  <si>
    <t>Teachers spend a ton of time on assessment and reporting.  A ton.  This feels like more time, but no greater effect.  For example, you can change the window dressing on a student failing all you like, but the bottom line is the same.  Writing more stuff about it doesn't fix the problem.</t>
  </si>
  <si>
    <t>Using the scale is fine for K-6, but students should receive letter grades and percentages starting in Grade 7.</t>
  </si>
  <si>
    <t>Letter grades and percentages should start before Grade 10…should start at Grade 7.</t>
  </si>
  <si>
    <t>I’m not a fan of students assessing their own performance.  I feel strongly that teachers should assess student performance.</t>
  </si>
  <si>
    <t>5 reporting periods won't increase parent engagement in meaningful conversation with their own kids about their learning progress.  It will have the opposite effect, it will make reporting easier to ignore.</t>
  </si>
  <si>
    <t>Classrooms are diverse and the 4 point scale allows for teachers to assess their students with diversity and inclusion at the heart of it all.</t>
  </si>
  <si>
    <t>That hard data is a realistic and age appropriate measure of performance</t>
  </si>
  <si>
    <t>Many students have just now begun to understand personal reflection and growth as a a descriptor of their learning and the language used is becoming more commonly spoken and understood.  It would be frustrating to take this away when it took so many years to teach the importance of self reflection</t>
  </si>
  <si>
    <t>goal setting can be hard for students to take seriously.  K-3 students don't fully understand goal setting and reporting on a primary aged goal is not genuine if they don't fully understand what working towards a goal really means.  Intermediate to secondary school makes more sense for goal setting</t>
  </si>
  <si>
    <t>If the students with disabilities and diverse abilities value assessment and evaluation of their school performance then it is valuable for their growth.  If the assessment is to create boxes for these students and their abilities to be categorized and measured against others then it isn't.</t>
  </si>
  <si>
    <t>Add one other parent teacher formal assessment conference instead to keep parents engaged and accountable</t>
  </si>
  <si>
    <t>If parents want to more, have the parents personally be responsible for meeting to discuss the progress of their children</t>
  </si>
  <si>
    <t xml:space="preserve">Statut quo </t>
  </si>
  <si>
    <t>Je trouve ça difficile que les échelles et les façons de rendre des compte aux parents changent aussi souvent.  Aussitôt qu’on s’habitue à une façon de faire, c’est une autre qui vient la remplacer (pas facile non plus de s’y retrouver pour les parents et même les élèves).</t>
  </si>
  <si>
    <t xml:space="preserve">C’est beaucoup plus en harmonie avec la façon d’évaluer des collèges et des universités </t>
  </si>
  <si>
    <t>Double charge de travail pour les enseignants du secondaire (10 a 12ème année)</t>
  </si>
  <si>
    <t xml:space="preserve">Je ne crois pas que cela devrait s’appliquer à partir de la maternelle.  Les enfants ne sont pas nécessairement prêt à ce genre d’auto réflexion.  </t>
  </si>
  <si>
    <t>C’est bien d’inclure tout le monde et de penser à tous les besoins.</t>
  </si>
  <si>
    <t xml:space="preserve">Ce sont de bonnes idées en théorie mais pas nécessairement en pratique.  Avec les petits, il faut presque le faire pour eux car ils n’ont pas encore la capacité d’auto-réflexion.  Aussi, ça devient très redondant pour eux et ce n’est pas quelque chose qu’ils aiment habituellement faire.  </t>
  </si>
  <si>
    <t>This is a subjective scale that is impossible for a teacher to measure appropriately</t>
  </si>
  <si>
    <t>I am extremely dissatisfied with the overwhelming amount of unpaid work, adjusting, and re-adjusting of content and style of report cards that is placed upon teachers. Every other year, we are mandated to learn CSL, portfolio, and technology tools without paid training. More reasons but not given sp</t>
  </si>
  <si>
    <t xml:space="preserve">Parents do not understand the scale, students never fit into one exact slot, and the scale phrasing and context seems to change constantly. With such a large portion focused on student led, as well as core competencies, parents are confused about how their children are doing. </t>
  </si>
  <si>
    <t>This system does not work, is extra paperwork and a waste of time. Elementary students in general, do not have the developmental skills to recognize and be honest with themselves. Younger students have to be so coached that their communication is widely inaccurate, often causing anxiety.</t>
  </si>
  <si>
    <t xml:space="preserve">Students, along with a parent-teacher team, fair much better in talking about their strengths and stretches. This real communication is much more useful than core competencies. </t>
  </si>
  <si>
    <t>How does the proposed policy differ from how teachers are working currently with diversity?</t>
  </si>
  <si>
    <t>I disagree with many parts of the overall proposal and was not givven sufficent means of discourse. I strongly am against the proposed IE grade, as well as the core competencies. IE does NOT mean there is insufficent EVIDENCE, yet that is how it will be percieved. I also disagree with the proficienc</t>
  </si>
  <si>
    <t xml:space="preserve">It’s the same as the current amount so I am neutral. </t>
  </si>
  <si>
    <t xml:space="preserve">ADRM (Acquiring, Developing, Refining, Mastering) is a scale I find more descriptive than emerging/extending. </t>
  </si>
  <si>
    <t>Although I understand universities still use percentages and grades, I would love to see a system that is completely focused on feedback over grades but I know this may not work for
our post secondary institutions (yet!!)</t>
  </si>
  <si>
    <t xml:space="preserve">Again, I prefer ADRM over EDPE. </t>
  </si>
  <si>
    <t xml:space="preserve">Separately reporting on the competencies ignores how interconnected they are in our curricular competencies and every day assessment, so although it’s good to keep track of reflections that focus on these core competencies I do think we should also help students reflect on how it’s embedded. </t>
  </si>
  <si>
    <t>Gradeless accommodates those with diverse learning needs in a more equitable way.</t>
  </si>
  <si>
    <t>I think emphasis on percentages and grades, especially in the humanities, does not completely honour the students growth over the year in their curricular skills. Grades still call for an emphasis on content/memorization which is the opposite of our new curriculum’s function and purpose.</t>
  </si>
  <si>
    <t>Much more than we had as kids and should be enough for most students. Always some exceptions where more may be needed. Would rather teachers spend their limited time on learning and engagement with my kid rather than report cards</t>
  </si>
  <si>
    <t>The terms are definitely easy to digest for the sensitive parent although it has the same effect in knowing it really is a scale so the terms just attempt to sugar coat it. A numbered scale would be fine. Either way  "extending" seems like an odd choice for basically saying excelling.</t>
  </si>
  <si>
    <t>Kids cannot just have a rude awakening in post secondary where graded work and blunt feedback is the norm.  Percentages seem to be a much more fair way to assess grades than a subjective assessment by a teacher who, for example, may like or dislike a kid for whatever reason and "grade" accordingly.</t>
  </si>
  <si>
    <t>If using letter/percentage grades and constructive feedback, the proficiency scale seems unnecessary and may just add confusion.</t>
  </si>
  <si>
    <t>Yes, this is so valuable but needs to be simple. This will form part of every job they hold in future as well.</t>
  </si>
  <si>
    <t>I do think it could be very valuable but goals would need to be realistic and truly achievable. If there isnt a system to support kids in meeting their goals then we risk setting kids up to feel like failures if they dont meet the goals or kids set easy goals to achieve so they can show success</t>
  </si>
  <si>
    <t>No comment</t>
  </si>
  <si>
    <t xml:space="preserve">Prepares kids for post secondary. They need to show grades for application into post secondary and they need to get used to receiving feedback in this manner. </t>
  </si>
  <si>
    <t>It gives time for students to show growth and teachers time to report and notice that growth.</t>
  </si>
  <si>
    <t>Better version of letter grades.</t>
  </si>
  <si>
    <t>Universities look at these.</t>
  </si>
  <si>
    <t xml:space="preserve">It's an option, include it. </t>
  </si>
  <si>
    <t xml:space="preserve">Promotes critical thinking </t>
  </si>
  <si>
    <t xml:space="preserve">Students don't control enough of their own learning, the teacher / admin do, students aren't involved enough to feel this ownership. </t>
  </si>
  <si>
    <t xml:space="preserve">It sounds good, but how does this actually work? How many students can fit under the same marking scheme? </t>
  </si>
  <si>
    <t xml:space="preserve">Having all students under the same marking scheme limits what that marking scheme can be capable of. </t>
  </si>
  <si>
    <t>Two written reports and a summative written report doesn't make sense in a semester high school. Fix MyED so that it supports attaching individualized gradebook reports to emails, including the detailed feedback I have given on each assignment, so that learning updates can be frequent and detailed.</t>
  </si>
  <si>
    <t xml:space="preserve">Honestly, parents don't understand the proficiency scale. And they don't understand that a student performing at grade-level (particularly in upper years), may not meet the criteria for "Extending". </t>
  </si>
  <si>
    <t>This makes sense, as parents and students need to have clear understanding of their results, especially as they start to consider their post-secondary options.</t>
  </si>
  <si>
    <t>In a high school system providing meaningful descriptive feedback on each Learning Standard would be very onerous for each of my up to 120 (in a semester school) or 210 students (in a linear school). Would a Proficiency Scale grid (for each Learning Standard) not me more efficient and effective?</t>
  </si>
  <si>
    <t xml:space="preserve">I believe that self-assessment is important. But the mechanics of having students complete these tasks, for a 3-times a year reporting timeline, doesn't lead to authentic self-assessment for many students. </t>
  </si>
  <si>
    <t>Goal setting is important, and I engage my students in it regularly.  But in a high school were we teach up to 120 or 210 students at a time, teachers are not meaningfully involved in this process. Does this formalized process give authentic support for students to reach their goals?</t>
  </si>
  <si>
    <t>This might suit an Elementary teacher with a small number of students, to whom they teach multiple subjects, over a full year. This reporting model doesn't scale well to a high school, in terms of teacher work load and ability to describe Learning Statement achievement in-depth and authentically.</t>
  </si>
  <si>
    <t>I don’t think the descriptors of performance are informative or defined well. I don’t think they are meaningful and they do not fit the context of the report card purpose. In particular, what does it mean if a student is emerging in reading at a grade 6 level? Is that different from a grade 1 level?</t>
  </si>
  <si>
    <t xml:space="preserve">The words do not make sense. Emerging reading has a research based meaning in which early aspects of the skill are being demonstrated. If you report :emerging in reading in grade 6? -is that demonstrating emerging reading skills, no- it means the reading skills are very poor for a grade 6 student.
</t>
  </si>
  <si>
    <t>I guess you need to comply with universities</t>
  </si>
  <si>
    <t>I appreciate consistency, but use words that actually represent what you mean.</t>
  </si>
  <si>
    <t>This is only as good as the teacher - wasted time for many</t>
  </si>
  <si>
    <t>Teachers need to understand how to support goal setting. Too often if it done badly, students do not achieve their goals and they find the process aversive and demoralizing.</t>
  </si>
  <si>
    <t>This is complex- yes progress should be reported for all students. No this is not a good system for all students. Reports need to report both on student progress ( from here to here) and on how they are doing relative to the expectations. Vague terms leave parents in the dark.</t>
  </si>
  <si>
    <t>The scale descriptors are not meaningful and do not give clear indications of a students personal progress or their level of competence with the curricular skills. They are words that describe stages of development but they are being used to evaluate competence at a certain  grade level.</t>
  </si>
  <si>
    <t>I feel that is too many reporting events.  We only need two written reports per year.  These reports take hours and hours to prepare and will then take away from planning educational opportunities for students.</t>
  </si>
  <si>
    <t>The scale is adequate.</t>
  </si>
  <si>
    <t>We don't really need that scale in addition to letter grades.</t>
  </si>
  <si>
    <t>Three written reports in the current format are too many.</t>
  </si>
  <si>
    <t>This wording does not tell parents how their child is doing.  I think it is actually quite ineffective to say the least.</t>
  </si>
  <si>
    <t>Needs to start well before Grade 10
Universities and other post secondary education uses grades
The real world doesn’t use such language like emerging
Not real language at all</t>
  </si>
  <si>
    <t>Not seeing the effectiveness of self assessment at the primary level at all</t>
  </si>
  <si>
    <t>This is a very hard concept for ego centric primary students</t>
  </si>
  <si>
    <t>Same number of reports is fine.  It's the methodology that is the issue.  As a parent, having these types of grades are fine for Grade K to 3.  Grades need to be provided Garde 4 to 12 as it doesnt give children an accurate sense of how they are doing.  This is not reflective of an actual workplace.</t>
  </si>
  <si>
    <t>As a parent, having these types of grades are fine for Grade K to 3.  Grades need to be provided Garde 4 to 12 as it doesnt give children an accurate sense of how they are doing. Therefore it doesn't provide parents an accurate sense of how their child is doing and taking appropriate action.</t>
  </si>
  <si>
    <t>This methodology should be adopted at earlier grades, not just from Grade 10.  It then gives kids and parents a longer transition period, instead of just Grade 10 onwards.  If my child was 'Proficient' from K-9, and I find out in Grade 10 that his performance equates to a C+, that's not enough time</t>
  </si>
  <si>
    <t>Proficiency scale CANNOT be used in high school.</t>
  </si>
  <si>
    <t>It's important to self assess and then receive feedback from the teacher directly.  Similar to a workplace evaluation.</t>
  </si>
  <si>
    <t xml:space="preserve">Personal goals should certainly be set, but also classroom and curriculum goals should also be established </t>
  </si>
  <si>
    <t>Grades and percentage must be provided for high school Grade 8 to 12.  Ideally from Grade 4 onwards, once out of primary grades.</t>
  </si>
  <si>
    <t xml:space="preserve">Percentage grade is much more accurate in children’s progress. And parents are also to easy to identifying their children’s learning. The current report system is very vague. </t>
  </si>
  <si>
    <t xml:space="preserve">Letter grades should be provided earlier. At least beginning in middle school, if not sooner. </t>
  </si>
  <si>
    <t xml:space="preserve">I agree with having letter grades as a measurement of performance. </t>
  </si>
  <si>
    <t xml:space="preserve">Good enough to understand the kid progress </t>
  </si>
  <si>
    <t xml:space="preserve">Prefer grade 8-9 to use percentages grade. It could provide better idea to parents and students what academic level the kid is. Help for study planning. </t>
  </si>
  <si>
    <t xml:space="preserve">It is important to know the percentage grade. It helps to motivate the kid to work towards the goal. </t>
  </si>
  <si>
    <t xml:space="preserve">University application evaluate the percentages grade. We should have a clear idea where the kid is standing and it helps to plan practically. </t>
  </si>
  <si>
    <t xml:space="preserve">It helps the kids understand themselves better. </t>
  </si>
  <si>
    <t xml:space="preserve">Kids understand themselves better helps to improve confidence and internal drive. </t>
  </si>
  <si>
    <t xml:space="preserve">Open mind and understand other people </t>
  </si>
  <si>
    <t xml:space="preserve">Kids old enough to take academic responsibility for themselves. Precise grade could help them to plan better for their goals. </t>
  </si>
  <si>
    <t xml:space="preserve">Kids get out of school early and teachers send home work but no actual meetings with teachers </t>
  </si>
  <si>
    <t xml:space="preserve">No meaningful understanding </t>
  </si>
  <si>
    <t xml:space="preserve">Not explained properly and kids don’t understand it </t>
  </si>
  <si>
    <t xml:space="preserve">Not enough resources or time for implementation </t>
  </si>
  <si>
    <t xml:space="preserve">We don’t know things aren’t going well till it’s too late </t>
  </si>
  <si>
    <t xml:space="preserve">Currently, semesters have 1 report in the middle and 1 at the end, with a "soft" report to parents generated by students or teachers. Since 2 summaries would be needed and lots of descriptive feedback, that is formal reports. This is an increase to our workload.   </t>
  </si>
  <si>
    <t>I currently use it for all my assignments and students are familiar with it. Having a clearer description of each aspect would be more helpful, as well as being clear on what is a pass and a fail. Also, for 10s-12s, how might the proficiency scale "translate" into the required letter grades?</t>
  </si>
  <si>
    <t>This is not a policy change as far as I understand. Students in the graduation program have required % and letter grade at the end of every course. Is this proposing that we use % and letter grade for every assignment?</t>
  </si>
  <si>
    <t>I think it gets students away from the minutia of % and more focused on broader strokes and growth. There is little to no "grade grubbing" anymore.</t>
  </si>
  <si>
    <t>If it is to be used effectively, the Ministry should make it clear in curriculum documents how they connect to each curricular area. I'm too busy and overwhelmed to even look at the CCs. In addition, it feels like another "thing" to do when we are already so busy teaching.</t>
  </si>
  <si>
    <t xml:space="preserve">I do think goal setting is important and I do it in a small way in my classes (ex. how can you improve on X skill in the future?). However, this version of it again feels like another "thing" we have to do when we've got so much on our plates and are already stressed out/exhausted. </t>
  </si>
  <si>
    <t>I see this being done more and more in a wide variety of classrooms, including my own. It is not always perfect, but working with a team of teachers and EAs who support these students means we can make it work. It's not an individual job.</t>
  </si>
  <si>
    <t>Weaving in the Core Competencies</t>
  </si>
  <si>
    <t>It's too much. Teachers are overworked, overwhelmed, stressed, exhausted--including the CCs feels like adding another entire curriculum to whatever we're teaching. There is room for assessment and reporting to improve, but the timing is awful. 18+ months into COVID is no time to push this on us.</t>
  </si>
  <si>
    <t xml:space="preserve">3 report cards are plenty.
parent teacher conference  and student lead conference is fine.
</t>
  </si>
  <si>
    <t>The reporting order I just read, says "Student progress reports for students in grades 6 to 9 
4 Written student progress reports for students in grade 6 through 9 must include
(a) letter grades and reporting comments indicating levels of performance in relation 
to the learning outcomes "  I'm conf</t>
  </si>
  <si>
    <t>I need provincially given core competency templates. So I am consistent with reporting.</t>
  </si>
  <si>
    <t>I need provincial templates, this makes it confusing. A huge grey area.</t>
  </si>
  <si>
    <t>I don't get enough support to properly sit down one one with students on an IEP. There isn't enough time!</t>
  </si>
  <si>
    <t>I need time to meed with students individually, one on one, to have proper conversations with them about their learning.</t>
  </si>
  <si>
    <t>Three written reports plus two additional reports would increase teacher workload. This is fine if compensation for teachers is commensurate.</t>
  </si>
  <si>
    <t>I feel that the scale gives parents a good idea of where their children are with respect to their learning.</t>
  </si>
  <si>
    <t>This should be adjusted for age and experience of students. For example, K-2 students should set one goal, as goal setting is new to them.</t>
  </si>
  <si>
    <t>They already are in elementary school.</t>
  </si>
  <si>
    <t>Taking pictures of student work becomes the primary goal of the educator. Not the learning process! Definitely not the way to go</t>
  </si>
  <si>
    <t xml:space="preserve">Having 6 year olds setting learning, personal inquiry and development goals is a inappropriate for primary students.  
They are unable to do this developmentally. The teacher would force feed them something that would satisfy this demand. It would be meaningless </t>
  </si>
  <si>
    <t xml:space="preserve">This would be detrimental to teacher workload and advancing the class. With primary students, the vast  majority are not able to complete a meaningful self assessment independently. That means that teachers will be tasked with one to one scribing. This is extremely time consuming. </t>
  </si>
  <si>
    <t>With primary students, the majority are not able to complete this task independently. That means that teachers will be tasked with one to one scribing. If we go forward with this Ministry needs to provide a template that kids can complete meaningfully ON THEIR OWN regardless of academic ability/ELL</t>
  </si>
  <si>
    <t>Of course I am all for inclusion. But realistically, to do this there needs to be sufficient SSA/EA/Resource support in schools, which currently there is not. There needs to be some kind of support in place and funding for support.</t>
  </si>
  <si>
    <t>Teacher workload is not taken into consideration. We have just been through a recent reporting change, in the middle of a pandemic, why now? I spend days and weekends writing report cards ENTIRELY OUT OF MY OWN TIME and parents barely look at them.we need more in person, student led opportunities</t>
  </si>
  <si>
    <t>My children find the proficiency scale unnecessarily complicated and too vague. They are MUCH less motivated to learn under the proficiency scale. They used to feel proud of their letter grades. My previously straight A son now says, "Why bother, it's just going to be marked proficient."</t>
  </si>
  <si>
    <t>My children find percentages very informative and as both hope to go to university appreciate that percentages are still in place for seniors.</t>
  </si>
  <si>
    <t>This would be very disappointing for my children. How exactly will university acceptance work? They require percentages.</t>
  </si>
  <si>
    <t>My children found these quite confusing with several questions that required their teacher to explain what was being asked. For example, what is the difference between working towards and this is my next step? The language was very unclear.</t>
  </si>
  <si>
    <t>Goal setting is a great idea. I'm not sure how this is being promoted at school? My children have never mentioned it.</t>
  </si>
  <si>
    <t>My children's school seems inclusive and welcoming of everyone. However, I was very disappointed that the accelerated math program was cut in the name of inclusion. My children are VERY bored in the regular classroom, redoing all the math they did last year.</t>
  </si>
  <si>
    <t>My children miss letter grades so much. They are much less motivated and happy with receiving "proficiency" feedback</t>
  </si>
  <si>
    <t>That is an adequate amount of reporting to parents.</t>
  </si>
  <si>
    <t>I like the wording and how the reports explain to parents what each category means.</t>
  </si>
  <si>
    <t>I think grades 10-12 need letter grades with post secondary coming soon after for many students.</t>
  </si>
  <si>
    <t>I think the current student assessment of three times per year is sufficient.  As a primary teacher it takes a lot of instructional time to complete this task and I wouldn't want to have to do it more than the current three times.</t>
  </si>
  <si>
    <t>I would want these to only be on the two written reports at first and second term.  It is extremely difficult for early primary grades to develop adequate goals and I feel it takes a lot of instructional time for this.  I wouldn't want to use more instructional time than I'm already using.</t>
  </si>
  <si>
    <t xml:space="preserve">I rather have the teachers teaching then constantly writing report cards </t>
  </si>
  <si>
    <t>I miss the letter grades. I find this way lacks continuity around how the teachers apply it</t>
  </si>
  <si>
    <t xml:space="preserve">I don't have a child in those grades </t>
  </si>
  <si>
    <t xml:space="preserve">Letter grades for elementary </t>
  </si>
  <si>
    <t xml:space="preserve">All ready addressed this </t>
  </si>
  <si>
    <t>I have the information I need on my children’s progress by looking at their work in their binders and the work they bring home. My children’s teachers have always been accessible if I need further information about my children’s learning.</t>
  </si>
  <si>
    <t>The scales do not make sense. The teachers do their best with the language provided to them for a scale that the language does not reflect. Subjects like career education, applied skills, pe, etc should not be expected to provide a scale for.</t>
  </si>
  <si>
    <t>Students should be required to reflect but requiring it be included in reports doesn’t seem effective. The self reflection on core competencies seems like a task with language used that doesn’t seem to be affective.</t>
  </si>
  <si>
    <t xml:space="preserve">Again, yes, children should self assess , however, requiring this in a report card does not seem affective.  </t>
  </si>
  <si>
    <t>Yes inclusion is important but there is a grey area not being recognized with the current system. For some children, being in a larger classroom setting as is standard for intermediate classes in elementary, inclusion does not provide them with the learning they need. Smaller classes would benefit.</t>
  </si>
  <si>
    <t>Adding more reporting is not going to improve learning for children. There are other things I would change but I could only choose one. The current curriculum assessment tools have multilayered issues.</t>
  </si>
  <si>
    <t xml:space="preserve">I pick up and drop off my kids every day so I have the opportunity to talk to their teachers. Because of this I have a good idea of how they are doing in school. </t>
  </si>
  <si>
    <t xml:space="preserve">I think students in high school should receive grades. The 4 point scale would work for elementary students though. </t>
  </si>
  <si>
    <t xml:space="preserve">Students should get used to receiving letter grades so it’s not a shock in grade 10. </t>
  </si>
  <si>
    <t xml:space="preserve">My kids are in primary grades. I don’t see this as much use for them. </t>
  </si>
  <si>
    <t xml:space="preserve">Goal setting is a necessary skill at any age and career path so this is useful. </t>
  </si>
  <si>
    <t xml:space="preserve">I would like to see support for gifted kids like an incentive program for elementary students </t>
  </si>
  <si>
    <t xml:space="preserve">The proficiency school would work for elementary but I think high school should be grade and percentages </t>
  </si>
  <si>
    <t>Teachers are already overworked and underpaid. The 3 (not 5) long report cards we already get are enough.</t>
  </si>
  <si>
    <t>Totally unmotivating. It's just overly complicated semantics. Kids prefer to know exactly where they stand. Ever seen a kid who worked their butt off for a C-? It's a celebration. I don't see that same joy in the scale at all.</t>
  </si>
  <si>
    <t>Yes, thank you. Keep this going! Kids much prefer it.</t>
  </si>
  <si>
    <t>Kids literally groan at this possibility. If it's not broken, don't fix it!</t>
  </si>
  <si>
    <t>I get what they're trying to do, but it's done in a very ineffective way. Very confusing for kids.</t>
  </si>
  <si>
    <t>No mention of this from kids.</t>
  </si>
  <si>
    <t>A heck of a lot better than when we were kids! But I academics, streaming is SO helpful. Please don't use "inclusion" as a way to stop adapted math classes for example.</t>
  </si>
  <si>
    <t>Kids hate it. Unnecessarily complicated.</t>
  </si>
  <si>
    <t>The current frequency of reporting is sufficient to communicate with families.</t>
  </si>
  <si>
    <t xml:space="preserve">All learners are constantly developing their skills and competencies, therefore I am not sure that "developing" is the best word to indicate a level of proficiency between "emerging" and "proficient". </t>
  </si>
  <si>
    <t>Percentages as grades are universal, so this policy makes sense as students get closer to needing to show evidence of learning outside of their school district.</t>
  </si>
  <si>
    <t xml:space="preserve">Not sure this is necessary, therefore I agree with it being optional. I think most people can understand from a percentage or letter grade whether someone is proficient or not. </t>
  </si>
  <si>
    <t xml:space="preserve">This is very difficult for the primary grades. It is very time consuming for teachers to include student voice on written updates 3 times per year.  Self-assessment is important and should be embedded throughout the year, however the written update requirement should be reduced for primary grades. </t>
  </si>
  <si>
    <t xml:space="preserve">This is very difficult for the primary grades. It is very time consuming for teachers to include student voice on written updates 3 times per year.  Gaol setting is important and should be embedded throughout the year, however the written update requirement should be reduced for primary grades. </t>
  </si>
  <si>
    <t xml:space="preserve">Having student self-assessment on formal reports can be extremely time-consuming and I think it would be better to adjust the policy to allow for student goal-setting and self-assessment to be included in any of the 4 learning updates instead of requiring it to be in the 2 written updates. </t>
  </si>
  <si>
    <t>Current is fine.</t>
  </si>
  <si>
    <t>Students are not really benefitting from this.  It’s a hoop they jump through and teachers help them jump.  It’s not meaningful.  Why do I think this? I hear it ALL the time and my own children hated it and found it useless.</t>
  </si>
  <si>
    <t>Useless in early grades.  Again, hoop jumping.  Not meaningful.  Ask the kids who have done it for years.</t>
  </si>
  <si>
    <t>written comments for each subject</t>
  </si>
  <si>
    <t xml:space="preserve">It is not necessary to provide written comments in each subject area each reporting period.  Early primary subjects flow across areas and written comments in each area don’t reflect what’s actually taking place in the class.  </t>
  </si>
  <si>
    <t xml:space="preserve">We just changed from three report cards to two, changing back is frustrating. Two report, two parent conferences and an informal report is plenty. </t>
  </si>
  <si>
    <t>Getting rid of letter grades, especially from Grade 4 and up, has been a huge detriment to kids, families, and teachers. Many kids and parents do not understand the actual level their kids are achieving at, and no grades, no option to fail, etc has just made out students more disengaged.</t>
  </si>
  <si>
    <t xml:space="preserve">Letter grades, achievement, and being able to fail are real-life things that affect kids in the "real world" beyond high school. </t>
  </si>
  <si>
    <t>in addition to is fine, but why would we need to essentially double up on marks?</t>
  </si>
  <si>
    <t>Valid if a standard form for the whole province, otherwise it is contrived and not overly valuable. Many teachers do these type of reports as a one-off, rather than as on-going, continuous  assessment.</t>
  </si>
  <si>
    <t xml:space="preserve">Again, this could have merits, but only if it is standardized expectations across the province. Depending on how these things are used/administered, they can be useful or totally useless. </t>
  </si>
  <si>
    <t xml:space="preserve">Don't we already do this? </t>
  </si>
  <si>
    <t xml:space="preserve">I think getting rid of letter grades, percents, etc. has caused a lot of "don't really care" attitudes by parents and students. Many Kids just don't try as hard anymore because there are so little consequences whether you do well or poorly at school. </t>
  </si>
  <si>
    <t xml:space="preserve">Letter grades and proficiencies are 2 different marking systems. When they are combined and then used as a basis to generate a letter grade it negatively lowers a child’s mark. If they get a proficient mark which is 3/4, that is 75%  &amp; on some assignments they can’t even get an extending </t>
  </si>
  <si>
    <t>This is a big expectation for younger children and those with designations and won’t lead to any “student ownership”.Those are 3 huge items on that take a lot of time to teach and implement. What is being taken off the curriculum and competency list. You can’t just keep adding and adding things.</t>
  </si>
  <si>
    <t xml:space="preserve">How is this even possible”respond fully to  individual needs” when supports for kids with needs and anxieties keeps being reduced and taken away    Kids are coming with multiple issues and teachers are being left deal with it all on their own. </t>
  </si>
  <si>
    <t xml:space="preserve">Basic idea modifies languages of reports to formative/summative language but this is more a rebranding rather than any substantive change. 
However, description and logic of reporting is for a lineared school year but many schools run semestered systems. </t>
  </si>
  <si>
    <t xml:space="preserve">Don't see any changes to existing policies or processes. </t>
  </si>
  <si>
    <t xml:space="preserve">This seems to be a system designed for elementary (smaller classes, spend most of time with same teacher) to be shoehorned into secondary with over 100 students/teacher. 
What you're going to get are some useless arbitrary scoring on that scale that doesnt provide more meaningful feedback. </t>
  </si>
  <si>
    <t>Honest and fully reflective self reflections can have value but thats not the norm in my experience. The time and effort to get to that stage is enormous for teacher and class and would require significant cuts to other learning opportunities to get there.</t>
  </si>
  <si>
    <t xml:space="preserve">Same comment as previous Q. Useful if done well, but in practice not done well. </t>
  </si>
  <si>
    <t xml:space="preserve">Generally agree to accommodations, but not to changing (read: lowering) standards. </t>
  </si>
  <si>
    <t xml:space="preserve">I would much rather have live reporting and more frequent feedback from teachers on how they are doing on summative tasks as they are marked. Report cards take hours, no days, for teachers to write to sum up old information, and they take away time to plan and do more meaningful, timely assessment. </t>
  </si>
  <si>
    <t>Some of my sons report card marks didn't seem to reflect his impressions over the term last year. It seemed like some of the teachers were combining the methods of averages and traditional ways of calculating grades.</t>
  </si>
  <si>
    <t xml:space="preserve">Grades and percentages don't take into account the level a student is at the end of the course and don't encourage taking risks to try new things...but I don't have a better suggestion for meeting university entrance requirements. </t>
  </si>
  <si>
    <t xml:space="preserve">This might provide a better idea of how a student is doing at the end of a class. If they receive extending but have a lower percentage it would reflect a greater degree of learning. </t>
  </si>
  <si>
    <t xml:space="preserve">This would require a lot of time for teachers to administer and collect, and to train students to do it well and honestly. </t>
  </si>
  <si>
    <t xml:space="preserve">Teachers are connecting with parents pretty regularly. 5 times seems like a lot. With COVID, there are many stressors, keeping this the same is difficult at this time. Also, the summary report guidelines at the end need to be made more clear. </t>
  </si>
  <si>
    <t xml:space="preserve">Reflection should be more open ended and discretion of the teacher. These guidelines do not allow autonomy </t>
  </si>
  <si>
    <t xml:space="preserve">Too much required, many parents don’t read it </t>
  </si>
  <si>
    <t xml:space="preserve">Too much reporting. 4 times a year is ample. </t>
  </si>
  <si>
    <t>Students need time to understand the letter grade and percentage feedback before entering the critical 10-12 years. The 10-12 years leave a permanent mark on their transcripts for post secondary. If the students do not understand the letter grade system before this, they may struggle to adapt. Bad!</t>
  </si>
  <si>
    <t>This is important in all senior grades from 9-12 and shows a measurable mark of learning. Important for parents, students and teachers. Bring this back to all senior grades!</t>
  </si>
  <si>
    <t>The proficiency scale has no merit in senior grades. Teachers can communicate through comments while using measurable grades and percentages to convey learning achievements or improvements. Stop using the proficiency scale!</t>
  </si>
  <si>
    <t xml:space="preserve">I don’t see value in self assessment. </t>
  </si>
  <si>
    <t>Useful for some students</t>
  </si>
  <si>
    <t>Remove the proficiency scale from our schools!</t>
  </si>
  <si>
    <t>The proficiency scale is pointless, meaningless, and a complete waste of time for teachers, students and parents. Please reconsider this redundant reporting method. Thank you!</t>
  </si>
  <si>
    <t xml:space="preserve">Not tangible  enough. Need more accurate  representation  of student's learning via percentages  or grades </t>
  </si>
  <si>
    <t xml:space="preserve">Grading would represent competencies to be at post secondary  institutions </t>
  </si>
  <si>
    <t>Too vague and not competitive  enough</t>
  </si>
  <si>
    <t>Bring back  grades and percentages in k-9</t>
  </si>
  <si>
    <t xml:space="preserve">We currently do two formal written reports, two conferences and one informal written report. I don’t want that to change. The conferences are FAR more valuable. Also, if we are going to use proficiency scales we need updated performance standards that align with the new curriculum. </t>
  </si>
  <si>
    <t>I think the proficiency scale is good for K-3. Beyond that not so much. It definitely should not be used in grade 8 and 9. We are softening up education too much. My other problem is that emerging includes way to broad of a range. Like from I don’t understand this concept to I did zero work. Not OK.</t>
  </si>
  <si>
    <t xml:space="preserve">I am in favour of this but letter grades should not begin in grade 10. That is way too late. </t>
  </si>
  <si>
    <t xml:space="preserve">Not necessary to have a proficiency scale and letter grades. It becomes confusing. </t>
  </si>
  <si>
    <t>There are no guidelines for how to do this. The core competencies are too broad and students especially K-2 don’t provide meaningful self assessments. I also just  don’t have time to teach to this as I’m too busy teaching reading, writing and math.</t>
  </si>
  <si>
    <t xml:space="preserve">There would need to be VERY clear guidelines from the ministry. </t>
  </si>
  <si>
    <t xml:space="preserve">Not sure that this is based in reality. The need of students vary so significantly. </t>
  </si>
  <si>
    <t xml:space="preserve">It’s pointless in K-2. Take a look at what kids actually write. It’s over their heads. 
</t>
  </si>
  <si>
    <t>I can't see the advantage to using both.</t>
  </si>
  <si>
    <t>Generally good. But, just don't want it to get overly complex and tedious for students or teachers.</t>
  </si>
  <si>
    <t>These are a joke. The competencies are so abstract/complicated that so much preteaching needs to be done for them to even understand what they are asking. To top it off, the students just usually say the are great at everything which is completely misleading</t>
  </si>
  <si>
    <t>Relatable to my answer above. Without coaching/hand feeding, many students could not come up with an appropriate and achievable goal</t>
  </si>
  <si>
    <t xml:space="preserve">Three informal assessments is rather much. I think two informal and two formal is better. Speaking from as parent/teacher point of view. </t>
  </si>
  <si>
    <t>I strongly believe in letter grades 8-12.</t>
  </si>
  <si>
    <t>None</t>
  </si>
  <si>
    <t xml:space="preserve">Don't understand question </t>
  </si>
  <si>
    <t xml:space="preserve">Core competencies shouldn't be assessed rather just included into every day teaching. Parents do not really understand the importance or relevance to the Core Comp for assessment. </t>
  </si>
  <si>
    <t xml:space="preserve">Accountability is very important for youth to learn. </t>
  </si>
  <si>
    <t>Meeting the needs of learners is crucial.</t>
  </si>
  <si>
    <t xml:space="preserve">I wouldn’t be able to do written reports for 120 students </t>
  </si>
  <si>
    <t xml:space="preserve">Students and parents should receive % grades which they can understand </t>
  </si>
  <si>
    <t>I would like more information about what the proficiency scale is</t>
  </si>
  <si>
    <t>Good idea but is it practical to include this in a report card?</t>
  </si>
  <si>
    <t xml:space="preserve">Good idea but would be a lot of work to include in reporting </t>
  </si>
  <si>
    <t xml:space="preserve">I need more information </t>
  </si>
  <si>
    <t xml:space="preserve">I like the frequent communication with parents but I don’t believe that we need to provide a scale each time. Online/ paper portfolios should be considered a vital part of communicating student learning and I worry that if we require paper reports teachers won’t put the effort into doing them. </t>
  </si>
  <si>
    <t>This gives a very false sense of where a student is at. This changes depending on what is being taught and the points in the year. It can also be subjective. I think it only needs to be reported at the end of the year</t>
  </si>
  <si>
    <t>I agree that students should be self assessing throughout the year</t>
  </si>
  <si>
    <t xml:space="preserve">I agree that self awareness and goal setting is important </t>
  </si>
  <si>
    <t xml:space="preserve">This should always be the case- a given </t>
  </si>
  <si>
    <t xml:space="preserve">I don’t believe that providing the scale several times throughout the year is accurate and shouldn’t be what we focus on </t>
  </si>
  <si>
    <t>Doesn't work in practice. Kids and parents just translate it into a mark. Unless the universities accept the proficiency, any meaningful change to have kids focus on progress of learning over a letter is meaningless. If we want students to care about their learning, remedial courses need change</t>
  </si>
  <si>
    <t>Report cards should be printed out as mandatory</t>
  </si>
  <si>
    <t xml:space="preserve">Not in addition to! Pick a system. Although the proficiency scale isn't working. </t>
  </si>
  <si>
    <t>Self-assessment is so important and should be used more. However to do so, class-size needs to be smaller in order to have the time to sit down and have these conversations with students</t>
  </si>
  <si>
    <t xml:space="preserve">Sounds great, won't happen on the ground. Goal setting almost never works as students just easily make things up to get by. Unless it is actually part of the curriculum and graded, then students won't see the point in it. </t>
  </si>
  <si>
    <t xml:space="preserve">This should be a thing. But, there aren't enough support systems at schools to allow for this. Not enough SA's, not enough ELL specific classes, not enough skills teachers for diverse learners. Class size at 30 while the number of designated students increases only makes this all harder to do. </t>
  </si>
  <si>
    <t xml:space="preserve">Policy needs actionable items which equate to increased funding to support our students with diverse learning needs. </t>
  </si>
  <si>
    <t>Number of reporting is adequate for parents to follow children progress through out the school year</t>
  </si>
  <si>
    <t xml:space="preserve">The 4point scale is very ambiguous as to ehat it really means in terms of a child progress. How do different teacher ans school standardize the understanding of each point? Letter grade and percentage is a well known scale that everyone understand, why the change? </t>
  </si>
  <si>
    <t>If there is a switch in gr 10, it may become extremely stressful given the nee grading system. It is better for students to underdtand and get used to 1 system instead of switching</t>
  </si>
  <si>
    <t xml:space="preserve">Parents find the proficiency scale vague.  Students need transitional time to understand letter grades.  If they get them in grade 10 for the first time they don’t have much time to struggle with it and then recover.  </t>
  </si>
  <si>
    <t xml:space="preserve">They need letter grades for a few years before the graduation program to transition into this system of reporting.  K-5 proficiency and 6-12 letter grades.  6-8 becomes your transition time.  </t>
  </si>
  <si>
    <t>Good idea on paper but it is generally not done in an authentic and meaningful way. B</t>
  </si>
  <si>
    <t>If you have phone conversations of interviews with adults, that would not count as a contact home. Quite restricting in terms of what we can do.</t>
  </si>
  <si>
    <t>Parents need to be better informed, but this is a simple system but not necessarily easy. I think it's harder for parents than students tonise the system.</t>
  </si>
  <si>
    <t>Post secondary institutions are still archaic so we can't get rid of the main measueijf tool that the other systems are still reliant on.</t>
  </si>
  <si>
    <t>Keeping it simple is more important than Teacher autonomy. How can you create a measuring tool to start judging or comparing a developing versus a b? Continuity folks....</t>
  </si>
  <si>
    <t>Some students aren't capable of reflecting in certain core competencies. Yes they should all try and self assess, but forcing all students to do that because someone said so is dogma. The same dogma that forced students to take province wide tests. Ideally self assess but in certain cases not.</t>
  </si>
  <si>
    <t>Some students aren't capable of reflecting in certain goals. Yes they should all try and set goals, but forcing all students to do that because someone said so is dogma. The same dogma that forced students to take province wide tests. Ideally have them set goals but in certain cases not, teachers.</t>
  </si>
  <si>
    <t>Adults can struggle to set good goals , how can students on their own? We should be able to make goals for them  or in consultation with them. Or simply Teacher chosen goal.</t>
  </si>
  <si>
    <t xml:space="preserve">The current model for a generalist classroom teacher of 30 kids = 3 pages of anecdotal comments each so approx 90 pages. The workload is not sustainable compared to the old reporting style. </t>
  </si>
  <si>
    <t xml:space="preserve">It’s not clear enough for parents. Preferred the old reporting method of exceeding, fully meeting, meeting or minimally meeting. 
Applying has been changed to proficient?! </t>
  </si>
  <si>
    <t xml:space="preserve">This is life! </t>
  </si>
  <si>
    <t xml:space="preserve">Why do both?  More work for teachers and parents want clear and specific accounts of where their children are at. Percentages and grades are it. </t>
  </si>
  <si>
    <t xml:space="preserve">It’s good to be self-reflective and build on your skills. </t>
  </si>
  <si>
    <t xml:space="preserve">It’s good to set goals and be self-reflective. </t>
  </si>
  <si>
    <t xml:space="preserve">Workload not being sustainable. </t>
  </si>
  <si>
    <t xml:space="preserve">This is a reasonable amount of time in between. The huge amount of work and time it takes to do written reports outside of work hours (at least 40 hrs per term for a primary class) would be unmanageable more often. A simplified report would be useful. </t>
  </si>
  <si>
    <t xml:space="preserve">I like the proficiency scale but we need province wide examples (ie. performance standards) to use most effectively. Also development and covid need to be considered… what was typical 2 years ago is not the same. </t>
  </si>
  <si>
    <t xml:space="preserve">As a parent of high schoolers it would give more insight as to how they are doing. </t>
  </si>
  <si>
    <t xml:space="preserve">While I understand the reasoning behind this from what I’ve experienced it’s been very ineffective to show deep understanding on paper. With K-2 it’s very much directed by the moment and with my high schoolers they just vhacent bothered doing it.  </t>
  </si>
  <si>
    <t xml:space="preserve">With k-2 this would be more parent/teacher directed. </t>
  </si>
  <si>
    <t xml:space="preserve">We are not doing a good job in this area. More support s desperately needed here. </t>
  </si>
  <si>
    <t xml:space="preserve">For primary it does not feel authentic. </t>
  </si>
  <si>
    <t xml:space="preserve">Vague, not reflecting knowledge, not suitable for performance analysis. 
I want to see a mark and know where my child stands for and whether additional effors required to bring her knowledge to acceptable level. Relaxing marking system will result in poor performance. </t>
  </si>
  <si>
    <t xml:space="preserve">K-12 must have letter grades or percentages. </t>
  </si>
  <si>
    <t xml:space="preserve">Not informative, not suitable for analisys, not showing degree of performance, having no value in real life. </t>
  </si>
  <si>
    <t xml:space="preserve">Schools job is to teach and assess knowledge and skills. Self-assessment is done every day in real life and is subjective. What you think about yourself is important; however, not necesserily reflect who you are or what others think about you. People tend to overestimate themself to feel good. </t>
  </si>
  <si>
    <t xml:space="preserve">In my opinion, standarized learning plans are needed for young children unless child requires some special educational support. Some children may have no interest in learning at all and setting "goals" may be a challenge while achieving a "goal" may have no real mean. </t>
  </si>
  <si>
    <t xml:space="preserve">Proficiency scale is not informative for performance analysis and monitoriang. Bringing normal grade or percentage scale in grade 10 would bring unnecessary stress on children which get used to vague and comforting assessment. </t>
  </si>
  <si>
    <t xml:space="preserve">I am used to doing 3 written reports and 2 interims. I feel that I have enough evidence to report on the subjects after the amount of time between each formal report. </t>
  </si>
  <si>
    <t xml:space="preserve">I don't know why Gr. 4 and up wouldn't get letter grades. It is much more clear to them to see an A or B and not the new airy fairy language that has been inroduced. My daughter and her friends in gr. 10 agree - in fact everyone I've talked to about this agrees - letter grades are much more clear. </t>
  </si>
  <si>
    <t>Letter grades are the clearest way of reporting how a student did.  They should be used for all students 4-12.</t>
  </si>
  <si>
    <t xml:space="preserve">It is quite difficult for K-2 students to self reflect - they don't really understand what we want from them when we ask them to do these reflections on core competencies. We have to keep the language very simple but I really don't think it serves any purpose for them to do it. </t>
  </si>
  <si>
    <t xml:space="preserve">Again, good for older kids but not primary. </t>
  </si>
  <si>
    <t xml:space="preserve">We are already doing this. </t>
  </si>
  <si>
    <t xml:space="preserve">As stated above, kids need letter grades. </t>
  </si>
  <si>
    <t>I work in a high school with grade 9s and I feel they need to be included with grades 10-12 for reporting with percents and letter grades.</t>
  </si>
  <si>
    <t>We do not have a workable grading program for both percentages and proficiency scale.</t>
  </si>
  <si>
    <t>The number of reporting events stay the same.</t>
  </si>
  <si>
    <t>I currently use this scale in my school district, so nothing is changed for me.</t>
  </si>
  <si>
    <t>We are teaching based on the core competencies using integrated, PBL learning experiences and reporting to students through that lens. Assigning percentages to this style of learning is senseless &amp; antiquated. Post-secondary institutions need to consider &amp; adjust for changes in learning &amp; reporting</t>
  </si>
  <si>
    <t>Percentages/letter grades archaic and do not reflect the learner in a wholistic manner and post-secondary schools need to enter the 21st Century. Adding the proficiency scale is helpful.</t>
  </si>
  <si>
    <t>This provides student voice, builds student accountability and engagement, and provides connection to what they are doing in the classroom already.</t>
  </si>
  <si>
    <t>Letter grades and percentages do not reflect a student's competencies in any way.</t>
  </si>
  <si>
    <t xml:space="preserve">Alternative reporting methods are much richer in terms of communicating to families and students how they’re doing. One written at the end and four alternative forms of communication would be more educationally sound. </t>
  </si>
  <si>
    <t>Although an improvement on letter grades, this language is easily substituted for letter grades. It tells students and families very little about where their child is at in their learning and what next steps they can take to grow as learners. Drop the proficiency scale and just do descriptive feedba</t>
  </si>
  <si>
    <t xml:space="preserve">Pass/Fail like UBC teacher education program. Have a high standard for receiving a Pass. Provide opportunities for students to receive a Pass by revisiting assignments etc. And learning from mistakes. </t>
  </si>
  <si>
    <t>An improvement on letter grades but doesn’t go far enough</t>
  </si>
  <si>
    <t>Student voice in reporting and assessing in essential in terms of engaging students in their learning journey in a thoughtful and meaningful way</t>
  </si>
  <si>
    <t xml:space="preserve">Proficiency scale is not a big enough departure from letter grades. Descriptive feedback along with student reflection on progress and next steps would provide more information to families and be more meaningful and beneficial to our students. </t>
  </si>
  <si>
    <t>Parents do not understand it.  Most parents at our school do not read the descriptive feedback, they just quickly look at the scale and don’t understand what it all means.
Intermediate and high school students don’t care about it and don’t take it seriously.  They want to know their letter grade.</t>
  </si>
  <si>
    <t xml:space="preserve">Students need to see their grades earlier than when they matter for university.  </t>
  </si>
  <si>
    <t>It’s completely inauthentic.</t>
  </si>
  <si>
    <t>Again, inauthentic.</t>
  </si>
  <si>
    <t>IEP’s are already in place.  We do not need to put more on already burned out teachers</t>
  </si>
  <si>
    <t>Grades for ALL high school students</t>
  </si>
  <si>
    <t xml:space="preserve">Does written exclude on online reporting we've been piloting? Do we switch back to paper? </t>
  </si>
  <si>
    <t>Letter grades increase anxiety.
https://podcasts.google.com/feed/aHR0cHM6Ly9mZWVkcy5tZWdhcGhvbmUuZm0vaGFwcGluZXNzbGFi/episode/MTQ0NTMwMWUtYWU1Zi0xMWU5LWE1ZmQtOGZmYmZmMzRkOGQ5?ep=14</t>
  </si>
  <si>
    <t>Unsure of impact on kids learning in that age group.</t>
  </si>
  <si>
    <t>Templates in this area connecting to competencies would be helpful and appreciated. How do we do this with you get students? Need workshops and tangible examples, do not want to "figure it out" in our own.</t>
  </si>
  <si>
    <t xml:space="preserve">Unlike elementary teachers, middle and high school teachers have up to 210 students every year. On the semester system, a minimum of 120 anecdotal reports (essays) would have to be submitted. That is an unrealistic expectation, which would consume an inordinate amount of time. </t>
  </si>
  <si>
    <t>It is impossible to get to know 120 students in 5 months, or 210 students in a year-long system, well enough to give meaningful anecdotal feedback to everyone.</t>
  </si>
  <si>
    <t>Parents, students and institutions understand letter grades and percentages. When I have used the proficiency scale, both parents and students inevitably asked me to translate to letter grades or percentages.</t>
  </si>
  <si>
    <t>It is inevitable that pressure will be put on teachers by admin to use the proficiency scale as well, especially new teachers, who already have enough on their plate.</t>
  </si>
  <si>
    <t>Students do not take self-assessment seriously. It only works, if the teacher sits down with each student individually and helps him/her complete the assessment realistically. That takes at least 15 minutes per student. Multiply by 30 students and you have lost a lot of curricular time.</t>
  </si>
  <si>
    <t>Time plus effort does not validate outcome.</t>
  </si>
  <si>
    <t>210 students! Not 30. For one hour a day! Not 8.</t>
  </si>
  <si>
    <t>It is the least valuable and most time consuming.</t>
  </si>
  <si>
    <t>Too many reporting expectations without compensation for time to work on them.</t>
  </si>
  <si>
    <t xml:space="preserve">Descriptors do not serve a purpose as they have to be added on top of the already detailed comments given to students. </t>
  </si>
  <si>
    <t>Both teachers and students want these. Easy to understand and set goals</t>
  </si>
  <si>
    <t xml:space="preserve">Useless for post secondary application purposes </t>
  </si>
  <si>
    <t>9-12 impacts me most</t>
  </si>
  <si>
    <t xml:space="preserve">Despite liking the rationale behind it, teachers are still being asked to calculate % so they can do letter grades. This flies against the rationale. </t>
  </si>
  <si>
    <t>We need to Decide one one scale. Not have 3 (% letter grade and PS)</t>
  </si>
  <si>
    <t>Same</t>
  </si>
  <si>
    <t xml:space="preserve">These should not be one rouse for teachers and should have to be uploaded by someone else. </t>
  </si>
  <si>
    <t>Again, teachers need to be separate from this reporting uploading</t>
  </si>
  <si>
    <t>Reduce the amount of writing for grades 9-12 teachers. This should not be onerous with over 200’students and 5 reporting periods (</t>
  </si>
  <si>
    <t xml:space="preserve">Having 3 written report is antiquated and not aligned with current forms of best practice when it comes to assessment practices and communicating student learning. last year we had only 2 written reports - one mid year and one year end and parents were fine with this. </t>
  </si>
  <si>
    <t>I believe Proficiency scales are better for elementary than letter grades</t>
  </si>
  <si>
    <t>It is sad that universities, et al are so behind best practice and yet they are teaching our future educators and leaders. They provide the research on which we become better and yet they don't practice it themselves</t>
  </si>
  <si>
    <t>Why the double work for Grades 10-12. IF we know proficiency scales are better, get universities on board</t>
  </si>
  <si>
    <t xml:space="preserve">You keep adding more work onto our plates and more expectations, but not taking anything off. </t>
  </si>
  <si>
    <t xml:space="preserve">We no longer need 3 written reports - in some countries there are only final ones. In some districts last year there were only 2 and now you are going backwards not forwards. </t>
  </si>
  <si>
    <t>2 in person or virtual meetings</t>
  </si>
  <si>
    <t>I think there should more in person or virtual connections between students parents and teachers.</t>
  </si>
  <si>
    <t>Frequent reporting is good.  BUT IT HAS TO BE SIMPLE AND STRAIGHT FORWARD. Which currently it is not.</t>
  </si>
  <si>
    <t>Those terms are not helpful to parents.  We need clear and simple terms.   They really need to be "not yet within expectations" , "within expectations", "exceeding expectations".   We have so many English as a second language parents and families in our district that they do not understand currently</t>
  </si>
  <si>
    <t xml:space="preserve">Developing reflective people is critical. </t>
  </si>
  <si>
    <t xml:space="preserve">We must be so careful not to make the job of reporting take up all the teacher's time and energy.  We must simplify the reporting process to make the goal setting idea work. </t>
  </si>
  <si>
    <t>How to do this authentically for 21 students in primary?</t>
  </si>
  <si>
    <t>The report card length.. Currently report cards are 2-4  pages!  Should be one page of teacher generated report card.</t>
  </si>
  <si>
    <t xml:space="preserve">We need to simplify the report card to make room for student self evaluation and goal setting.  i have taught for 20 years and the report cards have become more and more involved and onerous.  We need to scale back, simplify.  It affects my teaching. </t>
  </si>
  <si>
    <t>Happy to do more assessment but when? With classes of 30, I’m engaged with students the entire 80+ minutes and still not providing enough support to students who struggle or have designations. And then I’m exhausted. I already work 4-6 hours Sundays to prep for the week. Teaching since 93.</t>
  </si>
  <si>
    <t>This backs up research that when students see marks, learning shuts down. Feedback allows them to progress during course and not get hung up on percentages.</t>
  </si>
  <si>
    <t xml:space="preserve">I understand Universities need a way to admit students but maybe marks could be limited to 11s &amp; 12s?  </t>
  </si>
  <si>
    <t xml:space="preserve">It’s a shift but is working better for my students. </t>
  </si>
  <si>
    <t>Like many teachers, student self-assessment is a part of the process in my classroom. I’m mindful of social/emotional learning. Ultimately the teacher should be providing final assessment. How to make this meaningful? How not to create a bigger burden on teachers?</t>
  </si>
  <si>
    <t>Needs to be meaningful. Teachers need inservice &amp; support for all changes. With whom does the responsibility for preparing materials lie? Does this happen in each class or do students do it independently or with a DRT? Are parents involved? Is that equitable?  What isn’t happening if this is?</t>
  </si>
  <si>
    <t>Will students be supported in the classroom by SSWs? Resource teachers? Skills teachers? Will it be funded? Will class sizes be smaller because meeting students needs presently is already a struggle in a class of 30. How is this doable?</t>
  </si>
  <si>
    <t xml:space="preserve">Actually I would choose a number of these things but algorithm doesn’t allow it. Give us classes of 15-20 and more is possible. The connections I made with students last year were phenomenal. </t>
  </si>
  <si>
    <t>It is satisfactory. My kids are successful at school, so the reporting scheme works for them.</t>
  </si>
  <si>
    <t xml:space="preserve">The range of the 4 options is extraordinarily wide. My  grade 7 was told she needed to be operating at Grade 9 level to achieve extending. She wrote a math exam every 2 weeks and over the  year 3 wrong answers total. And the final result was Proficient. 3 wrong out of 630, with is 99.5%. </t>
  </si>
  <si>
    <t>They need letter grades and % for university applications. However, they need these earlier than grade 10 in order to determine where their strengths are and to prepare for the senior years.</t>
  </si>
  <si>
    <t>The proficiency scale is  too broad. 50% to 99.6% is proficient at our elementary school. That's way to broad.</t>
  </si>
  <si>
    <t>my children are guided by their teachers for the self assessment. I had 3 kids in the public school system, all three were told what to write in their self assessments over the years that they have done them. Multiple teachers over several grades.</t>
  </si>
  <si>
    <t>Letter grades from grade 5 up</t>
  </si>
  <si>
    <t>Parents need % in order to know if their child needs help or is doing OK. The proficiency scale is too broad.</t>
  </si>
  <si>
    <t>It is necessary to provide regular detailed and descriptive reporting of student progress, attendance, areas of growth and scope for further development.</t>
  </si>
  <si>
    <t>Along with the individualized descriptive feedback, the provincial proficiency scale provides a standardized assessment that students/parents/caregivers will be familiar with throughout K-12.</t>
  </si>
  <si>
    <t>It is important to report letter grades and percentages for our Gr.10-12 students as it is a requirement for most post secondary institutions.</t>
  </si>
  <si>
    <t>It is important to use the Provincial Proficiency Scale to maintain continuity and consistency in student reporting from K-12.</t>
  </si>
  <si>
    <t>Self-assessment is key in ensuring our students take ownership of their learning by being aware of their areas of growth and scope for further development. Therefore it is important to document self-assessment in the student reporting.</t>
  </si>
  <si>
    <t>It is of great value that our students learn to take ownership of their learning by setting personal, social, academic and professional goals.</t>
  </si>
  <si>
    <t>Assessment and evaluation practices must reflect the adaptations and learning supports required for our students with diverse learning needs.</t>
  </si>
  <si>
    <t>For consistency, it is important to make the Provincial Proficiency Scale mandatory from K-12.</t>
  </si>
  <si>
    <t>It depends on the length and type of written reports. There have been frequent changes in the type of written reports and an undue burden on teachers . It is really poor to address this during Covid !!  Addressing every sinhle subject every report in particular does not fit with Inquiry Learning .</t>
  </si>
  <si>
    <t xml:space="preserve">The changes to curriculum in 2016 with Inquiry Learning and many learnings under Big Ideas and not single subjects does mot fit with written reporting on single subjects . </t>
  </si>
  <si>
    <t>It has value but it depends on how it is structured. Teachers need to be the ones designing it at each level of K-12.</t>
  </si>
  <si>
    <t xml:space="preserve">I’m only in favour if the onus is not on the classroom teacher for all reporting . </t>
  </si>
  <si>
    <t>Not report on every single subject when the curriculum is based on Inquiry Learning , your suggestion is archaic .</t>
  </si>
  <si>
    <t xml:space="preserve">Assessment needs to be directly based on how the teaching/learning environment is structured. Especially in K-9 many subjects are integrated under Big Ideas as outlined in the curriculum. </t>
  </si>
  <si>
    <t xml:space="preserve">I would like to see more individual feedback specifically during the year for areas of strength and weakness and ideas on how to enhance the outcomes. </t>
  </si>
  <si>
    <t xml:space="preserve">Its vague. </t>
  </si>
  <si>
    <t>This seems pointless for younger grades</t>
  </si>
  <si>
    <t>I haven't ever seen any evidence of this but I think it's a good idea for students to set goals and measure progress</t>
  </si>
  <si>
    <t xml:space="preserve">They don't give you any updates on how your child is doing other than report cards. Trying to get any information out of teachers is pointless they don't care it seems. </t>
  </si>
  <si>
    <t xml:space="preserve">Its ok I guess. I don't like how I have to keep looking at what they mean every time on each thing. Just tell me whether or not my child is doing good or not. </t>
  </si>
  <si>
    <t xml:space="preserve">I feel it is important they have those grades. We did growing up and I felt it made us push harder in school because who liked seeing getting a D or a C. The developing or emerging means nothing. </t>
  </si>
  <si>
    <t>Students should have goals</t>
  </si>
  <si>
    <t xml:space="preserve">We aren't notified enough about our children. </t>
  </si>
  <si>
    <t>I would prefer more reporting in the written form as my child struggles and has learning difficulties.</t>
  </si>
  <si>
    <t>Grades stress kids out. The current system works so they are less stressed.</t>
  </si>
  <si>
    <t>Prepares kids for university.</t>
  </si>
  <si>
    <t>My child cannot write and the school refuses to help them learn how to write and so when provincial come along....they can't answer the questions and they do horrible on the provincial assessments because they don't get help.</t>
  </si>
  <si>
    <t>This causes my kid stress as they want to be perfect but as they have learning difficulties they are unable to do so.</t>
  </si>
  <si>
    <t>There is a diverse amount of ways ways learn the schools are still set in the old ways of learning. The schools needs to expand to accommodate all learning styles so kids can be successful.</t>
  </si>
  <si>
    <t>Kids need help. They aren't getting it due to lack of resources.</t>
  </si>
  <si>
    <t xml:space="preserve">Its important for parents to receive formal feedback regularly. It informs them and help them make decisions about their childs progress and if any changes need to be made regarding support at home, time requirements and level of maturity/responsibility their child is at. </t>
  </si>
  <si>
    <t xml:space="preserve">Could be helpful to some parents in their understanding of their students progress. However unless teachers actually go over what they exactly mean to their students each year for their grade/ class these words have limited effect on students until they understand them. This more true ELL families. </t>
  </si>
  <si>
    <t>Very happy that percentages have been kept but would like to see it started earlier. As highschool is the place to prepare for jobs/college where numbers are used I think that kids need to get use to that reality. Starting grades and percentages at grade 7 or 8 would give them time to get use to it.</t>
  </si>
  <si>
    <t xml:space="preserve">Having both the tools to understand their progress can only be a good thing. It gives parents another tool or way to understand how their child is doing so if they have difficulty with numbers then the descriptive words and written explanation could help or vise-versa. 
</t>
  </si>
  <si>
    <t xml:space="preserve">Hard truth- People lie or exaggerate for their own benefit so having this on a Formal document is risky. Also many kids even into 14-15 don't really understand what the Big Ideas are really about or don't understand what Proficient for there grade level actually looks like.  </t>
  </si>
  <si>
    <t xml:space="preserve">As long this is not included in the formal reporting then goal setting is always a good thing. Again something that good teachers are already doing but needs to be done so purposefully and mindfully each class/grade or subject. </t>
  </si>
  <si>
    <t xml:space="preserve">It feels like "Equity" is being used as the entry term to give anyone a passing grade no matter how well they can or can't do a skill. I think its a very slippery slope that would give an easy excuse to pass a student forward even if they actually did almost nothing in the course/class. </t>
  </si>
  <si>
    <t xml:space="preserve">This one thing could make our education meaningless. If Equity rules then no standards can be upheld and everything id arguable. If that is the case then the rest of assessment is meaningless and we become a babysitting service. </t>
  </si>
  <si>
    <t>This is too much for teachers to have to navigate in every subject area, especially as we transition to the more online portfolio format. For the younger grades especially, it is difficult to expect student-generated content to be a part of every update and subject area.</t>
  </si>
  <si>
    <t>This is a good practice.</t>
  </si>
  <si>
    <t>In theory a good idea, but more difficult to do at the primary level.</t>
  </si>
  <si>
    <t xml:space="preserve">This is too much for teachers to have to navigate in every subject area, especially as online portfolio format is expected. For the younger grades especially, it is difficult to expect student-generated content to be a part of every update and subject area, five times per year. </t>
  </si>
  <si>
    <t xml:space="preserve">I feel the number could be dropped to 4 total.  My marks are all online all year and the student's progress is there for the family to see at any time. </t>
  </si>
  <si>
    <t>At the high school level, descriptive feedback for 200+ students is an insane amount of work to accomplish for every student.  Yes, definitely for those struggling, but not for all 200+</t>
  </si>
  <si>
    <t xml:space="preserve">Even the students used to competency levels still want to know what percent they are at.  The use of grades/percentages in post-secondary means we should be using the same system in highschool. </t>
  </si>
  <si>
    <t xml:space="preserve">Too open to interpretation by each teacher--very different ideas/perceptions  of what these proficiency scales mean so there actually isn't much continuity in that sense. </t>
  </si>
  <si>
    <t>I have an issue with grading something like a personal self reflection. Much of the core competencies are subjective and qualitative. There is no way to put a number on these attributes.</t>
  </si>
  <si>
    <t xml:space="preserve">Please clarify if providing ongoing feedback to parents via a course website/ online gradebook replaces two of the informal interim reports. </t>
  </si>
  <si>
    <t xml:space="preserve">This system does not indicate the degree two which struggling learners are below grade level expectations. </t>
  </si>
  <si>
    <t xml:space="preserve">Letter grades and percentages provide: 
students with a clear indication of their learning progress. 
students, parents, and teachers with standardized language for communicating student success. 
facilitate post-secondary transitions and scholarships.    </t>
  </si>
  <si>
    <t xml:space="preserve">The scale is too imprecise to support students in understanding their progress at the secondary level. The scale disadvantages students applying to post secondary and for scholarships. It puts BC students at a competitive disadvantage against other jurisdictions that provide a percentage.     </t>
  </si>
  <si>
    <t xml:space="preserve">Student self-assessment is already a part of teacher formal reporting or learning. This is redundant. </t>
  </si>
  <si>
    <t xml:space="preserve">Students complete this in their career classes (CLC / CLE) already. Teachers do this at the start of every course as well. This is redundant.  </t>
  </si>
  <si>
    <t xml:space="preserve">Both The manual of policy and procedures for special education and the ELL Learning Standards already outlines this requirement. This is redundant. </t>
  </si>
  <si>
    <t xml:space="preserve">The provincial proficiency scale  disadvantages BC grade 10 - 12 students with regards to post secondary and scholarships. The categories are too imprecise to be meaningful. </t>
  </si>
  <si>
    <t>It’s a good medium - any less does not give enough information to parents, and any more is another burden teachers are required to shoulder.</t>
  </si>
  <si>
    <t>I am getting this now - it’s no better or worse than letter grades.</t>
  </si>
  <si>
    <t>There’s no point to change this - the universities will always require letter grades.</t>
  </si>
  <si>
    <t>I don’t even get teacher doing a gifted IEP on time - how much more work is this??</t>
  </si>
  <si>
    <t>Where is time supposed to come from? To do this PROPERLY, they will need to be able to take it seriously and learn how to do it. It’s not something that kids just do naturally.</t>
  </si>
  <si>
    <t>This is great in theory - my sons abilities have never ever been supported in the six years he’s had a gifted IEP and any leaning supports he ever had to provide enriching activities have been gone for years. His potential has largely been ignored. How is this supposed to change under this proposal?</t>
  </si>
  <si>
    <t xml:space="preserve">I’ve given my reasons already </t>
  </si>
  <si>
    <t xml:space="preserve">Reporting is important, however given the notion that the disuse of programs such as Check My Progress are going to be illuminated in my district and the "glitchy" My Education will be the requirement, I am frustrated at the amount of reporting required. </t>
  </si>
  <si>
    <t xml:space="preserve">Performance based language better supports student progress and learning. </t>
  </si>
  <si>
    <t xml:space="preserve">The current reporting system does not reflect student learning, knowledge, and understanding, especially with the language and structure of the new curriculum. Given the open nature of the learning outcomes and the push toward standards based learning, percentage based reporting should end. </t>
  </si>
  <si>
    <t xml:space="preserve">We do need to have continuity across districts. </t>
  </si>
  <si>
    <t>If this were to be implemented, someone from the district should come in and teach students in groups how to use this and what value it has. Coming from the teacher, feels like one more thing they have to do, and it does take away from the teaching we are already doing.</t>
  </si>
  <si>
    <t xml:space="preserve">Same as above. Bringing in people from the district to discuss this with students, would add a level of importance to what they are expected to do, giving them autonomy and voice. </t>
  </si>
  <si>
    <t xml:space="preserve">This is great, but then teachers need time in order to do this adequately. </t>
  </si>
  <si>
    <t xml:space="preserve">As stated, letter grades and percentages do not reflect learning. </t>
  </si>
  <si>
    <t>The amount of reporting is reasonable, its the method of reporting that can be concerning.</t>
  </si>
  <si>
    <t>I like the 4 point scale, however, the criteria for each scale needs to be written and delivered in a kid/family friendly language that is easily understood.</t>
  </si>
  <si>
    <t>Much of the language in the curriculum does not lend itself to an easy translation to a %.  This only works is there is a common % given that matches the criteria in the 4 point scale of assessment.  Emerging is always 60%, etc.....</t>
  </si>
  <si>
    <t>Seems redundant and creates more work when it is not necessary</t>
  </si>
  <si>
    <t>Self-assessment is vital to success, however, in my experience students do not know how to properly assess themselves or do not take it seriously enough to be worthwhile.</t>
  </si>
  <si>
    <t>Again, setting goals is great, but many do not understand how to properly set a goal and develop a plan to reach it.  This has to be taught and it's difficult to find the time to do that.</t>
  </si>
  <si>
    <t>Reporting of grades and assessment needs to change with how we are actually assessing in the modern classroom.  The government reports just do not reflect what we are actually doing.</t>
  </si>
  <si>
    <t>I think all reports should have a written element.</t>
  </si>
  <si>
    <t xml:space="preserve">I appreciate trying to avoid excessive ranking and labeling of students, but there are costs. Some students thrive on competition with a standard. Some students will give effort only when there is an external motivator, like a grade. Has this methodology been tried elsewhere? </t>
  </si>
  <si>
    <t>People are capable of self delusion. There is a point at which students need to know whether they are competent or not in the subject matter so they can make choices about their career potential.</t>
  </si>
  <si>
    <t>I don't mind extra information for students and parents, but are we overwhelming teachers with paperwork? How much is it realistic to ask of them?</t>
  </si>
  <si>
    <t>A good idea. Some students will learn from the reflection.</t>
  </si>
  <si>
    <t>Of course this is a good idea, but, again, I wonder how much paperwork we can lay on teachers who have dozens of students to monitor.</t>
  </si>
  <si>
    <t>The devil is in the details. This is an appropriate goal but how it is implemented is the question. It is much easier said than done.</t>
  </si>
  <si>
    <t xml:space="preserve">I don't get the feeling the Ministry follows up on its policy changes and engages in formative evaluation to fine tune and adapt its changes. For example, has the FSA ever been evaluated and revised comprehensively? What about the termination of provincial examinations? </t>
  </si>
  <si>
    <t xml:space="preserve">I think that the current frequency of formal reporting is sufficient at the secondary level. I don't see any reason why this needs to be changed, but I wouldn't object to a change if others have valid reasons to either increase or decrease the frequency. </t>
  </si>
  <si>
    <t xml:space="preserve">I think that this type of assessment is most aligned with the new curriculum, is effective in communicating progress and growth to students, and turns motivations towards the learning and away from a grade based assessment practice. </t>
  </si>
  <si>
    <t>If the ministry changes the assessment practice, then BC universities will adapt. We should continue to be innovative and strive for change that benefits all learners, especially since the majority will not attend university. Separate reports could be created for select Gr 12 students as needed.</t>
  </si>
  <si>
    <t xml:space="preserve">As stated above, consistency for students and parents is key for effective communication to both the learner and their family. This style of assessment motivates students towards learning for the sake of learning and turns away from the archaic and ineffective motivations for a high GPA. </t>
  </si>
  <si>
    <t xml:space="preserve">Research has shown that one of the greatest indicators to success is the ability to self-assess. If we value self-assessment (as is shown by the curricular competencies) then we should provide students the opportunity to practice that and demonstrate it in a meaningful way, such as this. </t>
  </si>
  <si>
    <t>As stated above, we want to push students to take ownership for their learning. Additionally, we want students to leave school with a mindset of lifelong learning and the practice of setting learning goals will hopefully instill this as a lifelong mindset.</t>
  </si>
  <si>
    <t>This style of assessment allows for students with alternative learning goals to be assessed with consistency and ease to all other students, but with their individual learning goals either in place of, or in conjunction with, the course curricular competencies.</t>
  </si>
  <si>
    <t xml:space="preserve">We need to change student motivation for learning to be about the learning. By providing a safe learning environment where taking risks, being innovative, and trying something new -which likely leads to some mistakes (or learning opportunities) - isn't penalized by a percentage based system. </t>
  </si>
  <si>
    <t>The proficiency scale sets kids up for failure in high school.   Kids slide along with feeling that they are proficient, which has a big range and is quite subject.  But, in Grade 9 many kids simply fail subjects like Science and Math.  If they fail in Grade nine, they may be able to recover by Gr10</t>
  </si>
  <si>
    <t>Letter grades and percentages should be used from grades 9-12.  Kids need to KNOW if they are up to standard or not in Grade 9.</t>
  </si>
  <si>
    <t>If the proficiency scale corresponds directly to letter grades, what difference does it make to provide both sets of informational systems when reporting?</t>
  </si>
  <si>
    <t xml:space="preserve">I think that this will simply take too much time that could be used in better ways.  I don't think that kids in all grade levels to rate themselves effectively either. </t>
  </si>
  <si>
    <t>Maybe if there is some sort of standardized templates to be used for goal-setting and self-assessment, this would be ok.  Otherwise, it detracts from the curriculum content time.</t>
  </si>
  <si>
    <t>Doesn't it already do this?</t>
  </si>
  <si>
    <t>I think students should get letter grades and percentages in Grade 9</t>
  </si>
  <si>
    <t>Five reporting events (including 3 written) gives frequent feedback while allowing time for development in between reports.</t>
  </si>
  <si>
    <t>Develops students' awareness of goal-setting and achieving.</t>
  </si>
  <si>
    <t>Not as relevant or universally applicable as letter grades and percentages.</t>
  </si>
  <si>
    <t>Meaningful self-assessment leads to greater learner autonomy and awareness of goals.</t>
  </si>
  <si>
    <t>Leads to greater learner autonomy.  Must be done in meaningful way.</t>
  </si>
  <si>
    <t>Consistency is appreciated; flexibility in allowing two of the learning updates to be conferences or other format is good, too.</t>
  </si>
  <si>
    <t>This has become the norm for our K-5 situation already.  There is a little pushback from parents that the proficiency scale is too vague compared to percents/letters, but parent education has helped shift the paradigm.</t>
  </si>
  <si>
    <t>Still ironic how if proficiency scale is good for our students, it should be good for all of our students, including post-secondary students who are limited by university registrars' control.</t>
  </si>
  <si>
    <t>The rationale for moving towards the proficiency scale needs to be extremely clear to parents; otherwise, old paradigms of assessment will reign.  There is also still a part of me that feels more comfortable seeing a letter grade and percent on my high school child's report card.</t>
  </si>
  <si>
    <t>We are asking too much of the K-5 teachers and students to invest time and energy into reporting on self-assessment of their own development in the Core Competencies.  These concepts are too vague for K-2; any 'I can' statements have to be extremely teacher-led in their extraction.  Not authentic.</t>
  </si>
  <si>
    <t>Again, too much time/energy asked of the teachers to extract meaningful, age-appropriate goals from K-2 students when more time/energy should be dedicated to the foundational learning skills of literacy, numeracy and SEL.  This also doesn't share valuable information with parents.</t>
  </si>
  <si>
    <t>In theory, it's critically necessary to be inclusive of all learners in our assessment and evaluation practices.  In practice, using competency-based IEPs seems to put children with special needs into a form, instead of creating the IEP around the unique special needs learner.</t>
  </si>
  <si>
    <t>Disproportionate amount of time invested by K-2 teachers vs meaningful information gained from goal-setting process.  Better to begin goal-setting reporting at or after Gr. 3.</t>
  </si>
  <si>
    <t xml:space="preserve">I would like weekly general reports about what the class is doing (skills and content) so that I can better support home-school learning connections - this needn’t be time consuming - a summary derived from lessons plans would be sufficient. </t>
  </si>
  <si>
    <t>Descriptive feedback continues to be very generic. I approve of the most away from letter grades but I would prefer no comparative indicators at all and much more descriptive reports and students’ strengths and challenges</t>
  </si>
  <si>
    <t>Post-secondary can and should be forced to adapt their admissions processes. If schools believe moving away from comparative grading is the right thing to do (and I agree that it is), they should own that wholeheartedly and lead the change. Universities will adapt. Don’t cave to the admissions offic</t>
  </si>
  <si>
    <t>Self-assessment is a difficult but crucial skill</t>
  </si>
  <si>
    <t xml:space="preserve">That’s wonderful </t>
  </si>
  <si>
    <t>I’m not sure how this works in practice while you still require letter grades and percentage reporting</t>
  </si>
  <si>
    <t>Overall it is a progressive policy change. It’s a shame that antiquated letter grades and remaining</t>
  </si>
  <si>
    <t xml:space="preserve">We have parent teacher conference before we see a report card and not after we see report cards. Makes no sense. The teachers haven’t “evaluated” before we talk. Then once they have it’s not up for a conversation. </t>
  </si>
  <si>
    <t>When you change the words it’s still means same as before. It makes it less approachable for many parents. Be honest with parents. Extending= A which means above grade expectations; proficient (sounds negative)=B which means right where they should be; developing= C below expected grade level etc</t>
  </si>
  <si>
    <t>Start this younger so kids aren’t shocked by the change in grade 10. There is a right and wrong answer… you can sugar coat it. Ends up once you are in work force, bosses don’t sugar coat. You need to meet expectations or get removed from your job. Prepare our kids for reality.</t>
  </si>
  <si>
    <t>You should be using letter grades and percentages at a younger age. Don’t treat kids like kids treat them like equals as young adults. They know that developing =C at grade 6. Prepare them for reality</t>
  </si>
  <si>
    <t>Too wordy. Ask them to grade in the same areas teachers do. Math- great; science; ok; art; great; group work- ok etc.. The worst stuff that you’ve chosen isn’t in their report cards or talked about to them by teacher is it?</t>
  </si>
  <si>
    <t xml:space="preserve">They should learn to make goals absolutely. </t>
  </si>
  <si>
    <t>Don’t have kids with high or low ability so not informed.</t>
  </si>
  <si>
    <t xml:space="preserve">Letter grade and percentage from grade 6-12 as a requirement </t>
  </si>
  <si>
    <t xml:space="preserve">Respect kids and prepare them for the work five and reality of life. Grades and percentages are something they will need to get used to. Performance reviews at work aren’t sugar coated. You are not doing kids any favour putting off reality. </t>
  </si>
  <si>
    <t>This is a reasonable amount of communication about learning. There is no need to change it.</t>
  </si>
  <si>
    <t>The proficiency scale is an excellent descriptive method of communicating student learning to both students and parents/guardians.</t>
  </si>
  <si>
    <t>Letter grades and percentages are arbitrary, meaningless, and terribly inaccurate. They do very little to effectively communicate learning, or what students understand, know, and can do. They are an institution as archaic as the universities that require them. They have no place in schools.</t>
  </si>
  <si>
    <t>The consistency in using an effective assessment and communication tool is of paramount importance. Assessment is at the core of quality learning and teaching, and we owe it to our students to avoid useless methods of assessment such as letter grades and percentage that communicate nothing.</t>
  </si>
  <si>
    <t>Accurate self-assessment should be the goal for all contexts of assessment. We should strive to make our own assessment practices redundant, because students are capable of accurately assessing their own status.</t>
  </si>
  <si>
    <t>Goal setting is crucial to defining the end point and the processes by which students get there.</t>
  </si>
  <si>
    <t>There is no other choice but to be inclusive. It must be the default in all scenarios.</t>
  </si>
  <si>
    <t>I cannot in good conscience support, in any way, a policy that continues to support such a wrong-headed view of assessment such as letter grades and percentages. It is a terrible thing to do to students and parents. We should not design assessment around the minority of university bound students.</t>
  </si>
  <si>
    <t xml:space="preserve">It is very difficult to gauge your child’s performance and to encourage them to progress further </t>
  </si>
  <si>
    <t xml:space="preserve">All grades in middle and high school should have letter grades </t>
  </si>
  <si>
    <t xml:space="preserve">I think open and frequent communication with parents, students, and teachers is important. </t>
  </si>
  <si>
    <t>I do not understand how to accurately reflect student's growth on the competencies through percentages. For example, how do I give a percentage for the competency of 'empathy,' or 'reflecting,' or 'ethical judgement?' In my opinion, percentages also hinder the inquiry and natural process of learning</t>
  </si>
  <si>
    <t xml:space="preserve">The proficiency scale is a better (not the best) solution to reflecting competencies. However, it is more effective without reporting on percentages. I am curious to know why there is such a push for percentages? Is it for the universities? Is it because it's always been done this way? </t>
  </si>
  <si>
    <t xml:space="preserve">This method reflects more learning and awareness about the student's progress. </t>
  </si>
  <si>
    <t xml:space="preserve">Student voice and choice should be priority. </t>
  </si>
  <si>
    <t xml:space="preserve">This reflects equity. </t>
  </si>
  <si>
    <t xml:space="preserve">We are trying to be more equitable, inclusive, innovative, and inquiry-focused; however, with the suggestion of percentages it defeats the purpose of moving towards a competency-based curriculum. Competencies cannot be measured by percentages.. </t>
  </si>
  <si>
    <t>5 doesn't make sense in a semester or linear setting.The 2 reporting periods each--one as the midpoint per semester and one written report at the end makes sense. The "minimal" amount serves as a basis for those instructors doing the "minimal" amount of work. Linear= 3 terms--5reports? not make sens</t>
  </si>
  <si>
    <t xml:space="preserve">to jump from grade 9 to grade 10 straight into percentages and reports makes no sense. There needs to be a transition where the middle aged students know that they can fail courses when grade 10 starts so there needs to be a way for them to get used to this. </t>
  </si>
  <si>
    <t>They need it for post-secondary admissions and scholarship applications.</t>
  </si>
  <si>
    <t>2 systems would cause confusion as to how their child is assessed= create more problems for parental debates with admin and teachers about their child's assessment.</t>
  </si>
  <si>
    <t>A student's self assessment can be completely different as to how a teacher assesses them. If you give a reporting grade of both opinions, you are opening a can of worms that will cause endless debates about a student's grade. A formal written report or percent should be FINAL.</t>
  </si>
  <si>
    <t xml:space="preserve">what's the point of a curriculum if the students get to choose which parts of the course they want to focus on and we report on their progress/performance based on how they do? What if they choose only one section of the stuff they want to learn from the curriculum? </t>
  </si>
  <si>
    <t>we've been inclusive of all learners from the start. what are you saying?</t>
  </si>
  <si>
    <t>that's the biggest most controversial piece that will cause the most problems with parents arguing about their child's grade</t>
  </si>
  <si>
    <t>Struggling to understand how a summary of learning is different from a learning update?
Seems like more work for teachers.</t>
  </si>
  <si>
    <t xml:space="preserve">1.  There are two terms that start with the letter E.
2.  These terms do not provide parents an understanding as to how their student is achieving.
3.  What is sophisticated in a Math class looks very different in a Languages class - they do not reflect these differences.
4.  Emerging = fail?
</t>
  </si>
  <si>
    <t>Let's move to letter grades only.</t>
  </si>
  <si>
    <t xml:space="preserve">Too confusing for parents.
MyEd and the report card template currently does not allow for this.
</t>
  </si>
  <si>
    <t xml:space="preserve">This means very little to students.
It is a hoop to jump thru.
</t>
  </si>
  <si>
    <t>Students will not take it seriously.</t>
  </si>
  <si>
    <t xml:space="preserve">This is a large amount of reporting; especially given the volume of information required.  Is this five reporting periods for semester as well?  I teach all linear classes and feel overwhelmed by this requirement. This means I am compiling over 1000 report cards each year.  </t>
  </si>
  <si>
    <t>I thought this was meant to guide instruction and be part of the formative assessment.  I use the scales to inform instruction.</t>
  </si>
  <si>
    <t>Quite frankly, this is what is needed due to university requirements.  It is also what we already do.</t>
  </si>
  <si>
    <t>For the same reasons noted above.  I use the proficiency scales as a tool in instruction.  Would they be an overall proficiency?  or would it be tied to the curricular competencies?  I am feeling very overwhelmed right now.</t>
  </si>
  <si>
    <t xml:space="preserve">How will students access this?  Can they input the information themselves?  Or am I expected to gather the information and enter it?  How will this be accomplished?    With good instruction, goal setting should occur throughout instruction.   This seems artificial.  </t>
  </si>
  <si>
    <t>Again, this is just good teaching.  And again, this seems artificial.  Rather than occurring at natural times in instruction, it is forced.</t>
  </si>
  <si>
    <t>All assessment and instruction should already be doing this.</t>
  </si>
  <si>
    <t xml:space="preserve">There are many changes I would make.  This seems to be another way to overload teachers.  I do not know how I can authentically do this and still maintain effective instruction.  Something will have to be given up.  Many of us work long hours as it is.  </t>
  </si>
  <si>
    <t>Students already have ongoing feedback of performance. No need to convey this to most families in a formal way until the end of each semester. If there is a known concern teachers are already contacting families. Making a blanket requirement for ALL learners ignores issues of equity and inclusion</t>
  </si>
  <si>
    <t>effective to promote further learning</t>
  </si>
  <si>
    <t>THIS IS AN INSANE IDEA AND IMPOSSIBLE TO ACTUALLY ACHIEVE IN A MEANINGFUL WAY. THE CURRICULUM EMPHASIZES COMPETENCIES, WHICH CANNOT AND SHOULD NOT BE EVALUATED ON A PERCENTAGE SCALE. IT MAKES NO SENSE AT ALL</t>
  </si>
  <si>
    <t>This is much better than a percentage score. At least it can convey areas for growth and improvement on competencies. Ideally I would ask for a PASS/FAIL, but I understand this direction at least...I cannot say the same about percentages</t>
  </si>
  <si>
    <t>this can be worthwhile if done properly and with a meaningful approach, otherwise it is a total waste of time and students will not take it seriously</t>
  </si>
  <si>
    <t>Again, only if this is done in a proper way. Students will not naturally know how to do this, nor will they take it seriously</t>
  </si>
  <si>
    <t>THIS IS GREAT...BUT your reporting policy totally undermines and contradicts this...There is NOTHING INCLUSIVE OR DIVERSE if you require reporting with percentages and letter grades. The only way to accomplish this type of grading is to treat everyone the same and require them to do the same things.</t>
  </si>
  <si>
    <t>reporting with PERCENTAGE AND LETTER GRADE makes ABSOLUTELY NO SENSE IN THE CONTEXT OF THE CURRICULUM. It undermines everything good; punishes learners; makes  inclusion and diversity impossible to achieve...WORST IDEA EVER trying to mesh two different worlds together</t>
  </si>
  <si>
    <t>The core competencies self assessment is difficult for younger grade students to complete. Most of them don't understand the purpose behind it, and it's meaningless for them.</t>
  </si>
  <si>
    <t>I think the reporting should remain four times each year.</t>
  </si>
  <si>
    <t>My children tell me teachers are stressed because of COVID and the quality of lessons has decreased. To ask them to generate more detailed reports won't replace a parent-teacher conference which is more inciteful than anything on paper.</t>
  </si>
  <si>
    <t xml:space="preserve">Achievement should be quantifiable. The proficiency scale is no different than an emoji scale. There is nothing wrong with the letter grade system which was more accurate and provided better insight for parents than the proficiency scale. If it's not broken, why reinvent it? </t>
  </si>
  <si>
    <t>Letter grades and percentages should be applied for grades 8-12. High school starts in Grade 8 and letter grades should begin then.  If we start them only in grade 10, they won't be ready when it goes on their transcript in grades 11 and 12</t>
  </si>
  <si>
    <t>The proficiency (emoji) scale is the worse invention ever. Kids in Grade 8-12 need to be given letter grades instead of proficiency emoji labels. If a kid gets 50%, they understand and the parents understand what it means. Proficiency scales  are more confusing and less helpful</t>
  </si>
  <si>
    <t>I've heard from my children that the core competencies are a waste of time. My kids don't learn anything from it. They fill in the self-assessment because they have to, not because they want to. I do not benefit from it and neither do my kids. You're wasting your time, my time, and school time.</t>
  </si>
  <si>
    <t>My kids have told me about the Career Planning course and it is garbage. Somehow you believe that you can force kids to figure out their future. They HAVE TO complete it. So they'll write anything just to get you off their backs. A mentor is more effective than goal setting.</t>
  </si>
  <si>
    <t>I have no idea how this affects my children. Not enough info.</t>
  </si>
  <si>
    <t>The proficiency scale should be K-7 and not k-9. High school starts in Grade 8 and that's where letter grades and percentages need to be taught so kids can have a consistent method of grading. There should be no proficiency scales at all. They're just emoji labels.</t>
  </si>
  <si>
    <t>Letter grades &amp; percentages should be used in Gr 8 and above to get a better understanding of where they align when looking to universities and areas of improvement &amp; Streanths for possible progam choices. Gr 10 is to late and narrows some opportunities</t>
  </si>
  <si>
    <t xml:space="preserve">As noted above, letter grades should be used in Gr 8 and above to gain knowledge of where they align in areas of strengths and weaknesses in looking at future universities, trades etc allowing time for improvements if desired </t>
  </si>
  <si>
    <t>More written reports and not on freshgrade</t>
  </si>
  <si>
    <t>I dislike this language. Trying to remember if emerging or developing is lower. The meeting expectations language was much clearer</t>
  </si>
  <si>
    <t>The lack of letter grades and percentages leaves the students at disadvantage to apply to post secondary institutions</t>
  </si>
  <si>
    <t>I see this as very inaccurate with my kids</t>
  </si>
  <si>
    <t>It's the status quo</t>
  </si>
  <si>
    <t>We were told to switch over the proficiency scale in our assessment, and I am glad the reporting now actually matches that!</t>
  </si>
  <si>
    <t>It doesn't seem consistent with the goal of the revised curriculum. I don't understand why the competencies aren't the focus. And if we are expected to produce a percent, I would like clear direction on what a emerging, proficient etc. is (ie is emerging 50%?? is proficient 86% 100%??)</t>
  </si>
  <si>
    <t>I'd like to actually be consistent and have the proficiency scale be the focus and output</t>
  </si>
  <si>
    <t>I like the aspect of self reflection</t>
  </si>
  <si>
    <t>I think we will need training on this to support students, but I like the idea</t>
  </si>
  <si>
    <t>It's what we are doing anyway</t>
  </si>
  <si>
    <t>I don't see how letter grades/percents mesh with the philosophy and structure of the proficiency scale and focus on curricular competencies</t>
  </si>
  <si>
    <t xml:space="preserve">The amount of reporting is easily maintained, and is good for communication with parents/guardians to show progress and chances to help improve. </t>
  </si>
  <si>
    <t xml:space="preserve">Having a focus on the identifiable competencies for the courses or subjects is a good way to determine progress. The required feedback is the most important part, as there needs to be the understanding of 'why' along with the determined final language. </t>
  </si>
  <si>
    <t xml:space="preserve">If we are moving towards a more intrinsic understanding of learning, the continuation of the competency based language is more suitable. The students are then able to evaluate themselves using language they can understand and interpret. A percentage or letter is too arbitrary to determine. </t>
  </si>
  <si>
    <t xml:space="preserve">If teachers are using consistent language to determine progress and learning, this would benefit the students understanding of the outcomes. This Scale will also need to have a full breakdown of what skills are required at each level, per grade, per course etc. </t>
  </si>
  <si>
    <t xml:space="preserve">Students should be in charge of their learning and have a hand in determining their outcome. </t>
  </si>
  <si>
    <t xml:space="preserve">This is what the students need to help them develop as an independent, life-long learner. </t>
  </si>
  <si>
    <t xml:space="preserve">As many classrooms are moving towards inclusion from integration, the reporting should represent that. Using student's IEP goals and from the Core Competencies, students reports should reflect their individualized learning goals. </t>
  </si>
  <si>
    <t xml:space="preserve">Student's grades should not be determined by a number. An entire learning process, progress, and success is not just one number. It is a collection of skills that they should internally aspire to. This understanding of adaptation, inclusion, individualization needs to be fully realized. </t>
  </si>
  <si>
    <t>I much prefer a percentage equals a Letter Grade. I do not like the 4 point scale at all.</t>
  </si>
  <si>
    <t>I don't understand what the benefit of this would be.</t>
  </si>
  <si>
    <t>Sounds like a good idea but who is monitoring this? Teachers are already so busy.</t>
  </si>
  <si>
    <t>Four updates per year plus a summary report is a good spread that allows for learning to occur between. I find having too many reports results in the students/parents becoming overly focused on grades</t>
  </si>
  <si>
    <t>The proficiency scale should be used on only two of the five reporting events in grades 8 and 9.  It is not well designed to be used for summative reporting, which every second event turns into.</t>
  </si>
  <si>
    <t>Important to have a percentage available for grades 10 &amp; 11 if students need for applications for post-secondary or scholarships but this is rarely done in grade 10. Should only need letter grades, percentages are too precise for the new curriculum until grades 11 &amp; 12</t>
  </si>
  <si>
    <t>There is a difference between it being an "Option" and it being "encouraged.</t>
  </si>
  <si>
    <t>If we show that we value it then the students and parents will value it</t>
  </si>
  <si>
    <t>Not possible for all students to do across all subjects. Needs clarification.</t>
  </si>
  <si>
    <t>All learners with diverse abilities should have access to assessment and evaluation practices that they will use. Not all are used with all learners, and not all practices need to be used by all learners, and not learners have need to use all practices.</t>
  </si>
  <si>
    <t>proficiency scale used for all reporting events in all grades</t>
  </si>
  <si>
    <t>Sometimes the proficiency scale is the best way to communicate learning, but not always</t>
  </si>
  <si>
    <t>Regular intervals without creating "report fatigue" in families of students</t>
  </si>
  <si>
    <t>written reports are more informative than a single number</t>
  </si>
  <si>
    <t>A 4 point scale and descriptive feedback is good as formative assessment, but summative results are required by post-secondary institutions. To move away from them could potentially penalize BC students in post-secondary applications</t>
  </si>
  <si>
    <t>Good feedbak throught year / semester culminating in a percentage for the purpose of Post-Secondary applicants</t>
  </si>
  <si>
    <t>In secondary school, students who have not been a part of self-assessment often struggle with the concept. If implemented at the elementary level en masse, it could be auseful tool in secondary</t>
  </si>
  <si>
    <t>This provides personalized direction to a student's learning journey</t>
  </si>
  <si>
    <t>I think a personal goal would provide greater purpose and direction to student learning specific to their goal(s) and abilities</t>
  </si>
  <si>
    <t>5 reports seems totally adequate in my opinion.</t>
  </si>
  <si>
    <t xml:space="preserve">I don't feel that the language is strong enough in the Proficiency scale to adequately paint an accurate picture of progress. While I understand the reasoning behind it, I would prefer a letter grade accompany the assessment, especially from grade 7 on. </t>
  </si>
  <si>
    <t>"Letter grades and percentages are a requirement when applying to many post-secondary institutions"</t>
  </si>
  <si>
    <t>Besides continuity, I do not see the point of this. I believe kids are smart enough to adapt to a new scale in grade 10. Perhaps, we could offer the PPS to the parents by written request in grades 10-12? A similar approach could be taken with letter grades/percentages for grades 7-9.</t>
  </si>
  <si>
    <t>I like the idea of awareness, accountability in this policy. I think it will make students more aware of their progress and their role in that progress.</t>
  </si>
  <si>
    <t>Could be productive. I also see scenarios where this could lead to anxiety and undue pressure on the student.</t>
  </si>
  <si>
    <t>I would like to see letter grades &amp; percentages integrated at an earlier grade. Grade 7 seems like the best option to me. I fear starting in Grade 10 leaves too little runway to adapt to post-secondary standards and real world expectations.</t>
  </si>
  <si>
    <t xml:space="preserve">Lack of communication that teachers and parents has. We don't get to meet the teachers in person don't have any idea what's going on in kids school and in their classes. </t>
  </si>
  <si>
    <t xml:space="preserve">Monthly reports should be better to know what's going on in school year. </t>
  </si>
  <si>
    <t xml:space="preserve">Reporting more often would take up too much time and energy from teachers and shift their focus. 3-4 times per year is sufficient to communicate progress. </t>
  </si>
  <si>
    <t xml:space="preserve">This does not communicate enough information nor provide sufficient motivation to students for improvement. </t>
  </si>
  <si>
    <t xml:space="preserve">I would love to see this for the lower grades as well. </t>
  </si>
  <si>
    <t xml:space="preserve">Both descriptive language and letter grades/percentages offer value in motivation and communication. </t>
  </si>
  <si>
    <t xml:space="preserve">My kids just use this as an opportunity to be too hard on themselves. </t>
  </si>
  <si>
    <t xml:space="preserve">The proposed grading system would be helpful and encouraging to struggling students but does little to benefit those who excel. </t>
  </si>
  <si>
    <t>Those who do well don’t receive enough information to motivate them</t>
  </si>
  <si>
    <t xml:space="preserve">The current report policy is not adequate because my 18YO child was just diagnosed with an intellectual disability and autism despite both of our efforts over 7 years trying to bring struggles forward for assessment. 
</t>
  </si>
  <si>
    <t xml:space="preserve">This reporting method is too subjective and is not enough to indicate to a parent how their child is doing at school. </t>
  </si>
  <si>
    <t xml:space="preserve">Too late for students already struggling at school. In my child’s case, admitted to hospital for 3 weeks for attempted suicide. 
</t>
  </si>
  <si>
    <t xml:space="preserve">Too late and not enough detail for students struggling at school. 
</t>
  </si>
  <si>
    <t xml:space="preserve">For struggling students, this might cause them added distress. 
</t>
  </si>
  <si>
    <t xml:space="preserve">For struggling students who are not getting help after advocating for it, this is not a fair question and they might not be able to if they are struggling with mental health. 
</t>
  </si>
  <si>
    <t xml:space="preserve">A policy will not change a broken system. How can a parent and/or youth be identified with a disability if child is removed by MCFD after asking for help and child is admitted to hospital for attempted suicide fail. </t>
  </si>
  <si>
    <t>System failure</t>
  </si>
  <si>
    <t xml:space="preserve">The inconsistent reporting, the lack of assessment, changing schools, and consistent discounting of both  our efforts for help from the entire system completely failed my child. 
</t>
  </si>
  <si>
    <t>More feedback should be give. Perhaps monthly.  However the students should not be out of school in order to make that happen.</t>
  </si>
  <si>
    <t>The proficient category covers too large of a learning gap.  It also doesn't give students who are barely proficient motivation to achieve more.  They may not be capable of Extending but still have room for growth.</t>
  </si>
  <si>
    <t xml:space="preserve">Students need a very concrete way to determine how they are learning.  The letter grade/percentage system does this.  Students know exactly where they are and can set goals for improvement.  They also can use their grades to decide what post secondary program or trade is with their reach.  </t>
  </si>
  <si>
    <t>I don't think that is necessary.  It is redundant.</t>
  </si>
  <si>
    <t>Self assessment is not necessary.  It is pretty much useless in a high school setting.</t>
  </si>
  <si>
    <t>Setting goals is always a good thing.  It would get students thinking about what they want to do with their lives.</t>
  </si>
  <si>
    <t>I am not sure exactly what this would look like.  It doesn't sound like something that is tangible for teachers.</t>
  </si>
  <si>
    <t xml:space="preserve">Proficiency scales are not necessary when you have letter grades.  </t>
  </si>
  <si>
    <t xml:space="preserve">With the advent of Freshgrade and real time reporting, big summative reports are not as necessary as parents are able to view what's happening with their child on an ongoing basis. Therefore, it's possible that 4 reporting periods might be sufficient and provide more time for teachers to teach. </t>
  </si>
  <si>
    <t>This is a significantly better means of capturing students ability. It focuses on what they are able to do rather than what my expectations are for the student.</t>
  </si>
  <si>
    <t>This is something I already incorporate in my reporting. It's most meaningful for students when they can identify a few highlights they are particularly proud of rather than feel frustrated feeling forced to comment in every subject area, particularly if they don't like a subject.</t>
  </si>
  <si>
    <t>In general this is a good idea, but I think it would be better if it was just for one term because at the elementary level, there is so much scaffolding that must occur for students to be able to meaningfully engage in self-directed inquiry.</t>
  </si>
  <si>
    <t>Yes! This is super important because students should not lose marks for challenges related to ability or personal context.</t>
  </si>
  <si>
    <t>As stated previously, elementary students require a lot of scaffolding to engage meaningfully in inquiry and so I think the development of student inquiry should only be reported on for 1 term.</t>
  </si>
  <si>
    <t>This plan involves an increase of one additional formal written report per year which adds to teacher workload. Any addition to workload at this time is unwelcome as I know teachers are feeling increased burnout due to navigating the pandemic and staffing shortages.</t>
  </si>
  <si>
    <t>I think it's a good idea to have the four point scale used consistently.</t>
  </si>
  <si>
    <t>Letter grades are useful for university applications.</t>
  </si>
  <si>
    <t>Self-assessment can be a good exercise for reflecting upon learning. However, it is quite challenging to teach good self-assessment skills to students in the earliest grades (K &amp; 1).</t>
  </si>
  <si>
    <t>I don't understand what is meant by this statement. Are IEPs going to be integrated with classroom reports? This portion of the plan needs more detail for me to understand and provide feedback.</t>
  </si>
  <si>
    <t xml:space="preserve">I would like to continue with two formal written reports per school year. </t>
  </si>
  <si>
    <t>There are too many written reports. We do not need 3 written reports in a year. There is too little time between the reports. The students don’t know much progress between 2 months.</t>
  </si>
  <si>
    <t>It is too hard for the younger elementary school students (K-4)</t>
  </si>
  <si>
    <t>The three written reports were handed out in Dec, Mar and June. There is not enough time for us to assess and write the second report card in March. The students’ progress also does not change much between the first two reports.</t>
  </si>
  <si>
    <t>This new frequency of reporting places more work load onto the already overworked teachers. We spend copious amounts of personal time marking, grading and reporting. Without being provided adequate prep time at work, the idea of having to write 5 written reports on learning causes me undue stress</t>
  </si>
  <si>
    <t xml:space="preserve">I’m already using the proficiency scale, but it’s counterproductive to have to create letter grades for the PSRs at the end of the school year. Again - creating more work for the teachers </t>
  </si>
  <si>
    <t>This is not applicable to my grade group, but it makes sense having to provide letter grades when the students will be applying to universities (where letter grades are the only thing used to evaluate)</t>
  </si>
  <si>
    <t xml:space="preserve">I don’t feel this should be a provincial requirement. Students do not take it seriously, nor do parents care about growth in the Core Competencies. Again, this creates more work for the teachers and isn’t useful for assessing learning </t>
  </si>
  <si>
    <t xml:space="preserve">Goal setting should not be included in reporting out to the parents. This is not valuable to parents in understanding what their child knows and can do. Again, teachers do not have enough time in the day to cover all important materials, let alone having to add goal setting into reports </t>
  </si>
  <si>
    <t xml:space="preserve">The government is proposing creating more work for teachers without providing pay raises for the extra work, or adequate prep time within the school day. Everything mentioned in the proposed changes to reporting will create more work for teachers. This is unacceptable </t>
  </si>
  <si>
    <t xml:space="preserve">It is a reasonable amount of time to communicate student learning. A few less written ones could be good to spur more progress in things such as online portfolios. </t>
  </si>
  <si>
    <t>I don't like the word proficient. It has a fixed mindset feel to it. A gerund makes it seem as if learning isn't a fixed state. Why not "progressing"? Or "progressing proficiently" at least?  "Meeting" or "accomplishing" would even be better. Not yet, approaching, meeting and extending was better.</t>
  </si>
  <si>
    <t>I can't believe in 2021 percentages and letter grades are still required. Could you not at least even try to get rid of percentages? Percent make grades less reliable and valid. 
https://tguskey.com/wp-content/uploads/Grading-2-The-Case-Against-Percentage-Grades.pdf</t>
  </si>
  <si>
    <t xml:space="preserve">It should not be 'in addition to letter grades and percentages in Grades 10-12 reporting' but 'in place of'. Why use both? It is a waste of time and pointless. It's just like giving feedback and grades; research shows most students don't read the feedback if there's grades too and same with this. </t>
  </si>
  <si>
    <t xml:space="preserve">I think self-assessment is a misnomer as Dylan William says. It is more aptly self-reflection. There are too many core competencies. They need to replace learning standards if they are going to have any meaning or utility. Why have communication comps and language arts curriculum? </t>
  </si>
  <si>
    <t xml:space="preserve">Good idea but there needs to be education and guidance for teachers on how to achieve this. </t>
  </si>
  <si>
    <t xml:space="preserve">Yes but time and guidance and education are needed to do this, not just policy change. </t>
  </si>
  <si>
    <t xml:space="preserve">It's not much different than what we have already. Also, I don't think giving k-9 one level for each subject is good. Many districts in k-3 did this with Report Writer. It's like we're taking a step back by not reporting on each outcome. For level for each subject is just a grade in writing. </t>
  </si>
  <si>
    <t>It's the same amount that has been required for several years.</t>
  </si>
  <si>
    <t>Getting tired of the language constantly changing. We get used to using a certain language to report, become proficient at it, and then it gets changed. Pick a lane and stay in it.</t>
  </si>
  <si>
    <t>It could become a source of anxiety for some students when they are suddenly earning grades in grade 10.</t>
  </si>
  <si>
    <t>Makes sense to continue with the same scale all the way through school.</t>
  </si>
  <si>
    <t>As we are already doing things like that, I will say that it is a lot more work to have to add. Plus, students in the early years really don't understand what they are to do and require a lot of assistance. That takes away from valuable teaching time.</t>
  </si>
  <si>
    <t>It's very complex for younger students to understand. They haven't had enough experience to really set those kind of goals.</t>
  </si>
  <si>
    <t>It just makes sense.</t>
  </si>
  <si>
    <t>It seems too complex for the grade level I teach.</t>
  </si>
  <si>
    <t>It's fine - I think frequency is often individualized and some students/families benefit from more.  This seems sufficient for all families.  Mostly, there needs to be time set aside to speak with students individually.  Some families do not participate in reporting and conferencing.</t>
  </si>
  <si>
    <t>The words are fine but the idea that prescribing which words to use does not guarantee more clarity than a teacher using authentic language to describe a student's achievement.</t>
  </si>
  <si>
    <t>Letter grades are unhelpful for all students.  For those who struggle they are a reminder of struggle.  For A students they are a source of stress, and often of identity.</t>
  </si>
  <si>
    <t>This type of assessment becomes rote.  By the time they come to me in grade 8 they are jaded and resistant.  Authentic conversations about progress and goals can be captured without pressure to use Core Competence structures and language.</t>
  </si>
  <si>
    <t>Highly stressed, traumatized, anxious, and depressed students do not have much bandwidth for this activity.  Their genuine goals are to restore some mental health balance.  And, while that could be part of this process, it is private.  Many use a random approach to "getting it done".</t>
  </si>
  <si>
    <t>Goal-setting and self-assessment are minefields for those living with their own or family trauma.</t>
  </si>
  <si>
    <t>That description is too vague</t>
  </si>
  <si>
    <t>I think middle school and up should use letter grades</t>
  </si>
  <si>
    <t xml:space="preserve">Five learning updates is a lot! The current 3 reporting periods is certainly sufficient, as teachers communicate with parents informally throughout the year in addition to the report periods, particularly when there are concerns. More than 3 reports is redundant. </t>
  </si>
  <si>
    <t>The language is somewhat confusing and unclear for many parents. However I appreciate the sliding scale format rather than a letter grade,</t>
  </si>
  <si>
    <t>A good philosophy, but difficult to implement in K-2.</t>
  </si>
  <si>
    <t>5 reporting periods throughout the year is too much.</t>
  </si>
  <si>
    <t>Five seems a lot, especially for high school on a semester system.</t>
  </si>
  <si>
    <t>Alberta has been using the same scale.  I found that it confused parents and did not convey growth over time.  Students over time seemed less motivated and fewer students reached the level of excelling/extending.   This system was not well received by parents, and teachers struggled to implement it.</t>
  </si>
  <si>
    <t>This puts an extra workload on teachers.  It also adds the issue of teachers having to clarify why they chose a certain proficiency over another.  Again, Alberta had tried this system at the grade 5 to 8 level and it added to teacher burnout.</t>
  </si>
  <si>
    <t>I like this for the older grades, but it is a bit much to ask students in the primary end.</t>
  </si>
  <si>
    <t>Again, I find this more suitable for intermediate and secondary students.</t>
  </si>
  <si>
    <t>Workload increase and the purpose of reporting is to clarify how a student is doing and parents don’t understand this system</t>
  </si>
  <si>
    <t xml:space="preserve">Yes please! Having a more detailed breakdown of their progress is so helpful, even in highschool </t>
  </si>
  <si>
    <t>Letter grades and percentages as an option in middle school as well</t>
  </si>
  <si>
    <t xml:space="preserve">I am in favour of standardized measurements in the higher grades. Tests have marks, why can’t those marks be translated to a letter grade? If scoring is subjective, isn’t a descriptive feedback even more subjective? </t>
  </si>
  <si>
    <t>We need standardized measurements that can be portable across platforms post secondary. Students have to understand quantifying measurements of success to prepare for career management and persuing further education.</t>
  </si>
  <si>
    <t>Children’s self assessment should be made in conjunction with successes in measurement. Without any goal posts, it is difficult for someone to know how they are or have motivation to reach a potential.</t>
  </si>
  <si>
    <t xml:space="preserve">Not all students are self starters and motivators. If we leave all the goal setting to them, it may lead for some to lose direction or to spend time trying to figure it out with little success. </t>
  </si>
  <si>
    <t xml:space="preserve">I believe students are unique. No system should be inclusive for everyone to be measured the same, regardless of their diverse abilities.  </t>
  </si>
  <si>
    <t xml:space="preserve">I feel that 5 reports is one too many. Often, 2 come close together as it is hard to space them out. It usually takes 3 months at the beginning of the year to get to know students, so I feel as though 4 learning updates is one too many. </t>
  </si>
  <si>
    <t>I agree with the proficiency scale for elementary students, however, I do not feel as though its appropriate for students in grades 8 and 9. They should have letter grades in my opinion.</t>
  </si>
  <si>
    <t>I'm not sure that the proficiency scale is necessary at this level. By grade 10 students and parents are only concerned with letter grades.</t>
  </si>
  <si>
    <t>I have never understand the necessity of this in report cards. I do feel as though its meaningful to either parents or students. I know that many parents do not even look at what I send home! It seems like an unnecessary extra step.</t>
  </si>
  <si>
    <t>This is extremely difficult and cumbersome for our younger learners. They find it very difficult to set goals, and now there are extra layers being proposed. This is too much and I don't feel as though it would be meaningful.</t>
  </si>
  <si>
    <t>I do not think that this is something that elementary students, at least in grades K-5 are able to fully comprehend and participate in. Its a struggle for teachers to produce something meaningful to fulfill a requirement. This may be something that teachers choose to do orally with students.</t>
  </si>
  <si>
    <t>I am happy with the current reporting system</t>
  </si>
  <si>
    <t xml:space="preserve">I find this reporting system vague and not a comprehensive representation of how my children are learning, and what they know as a result of their education. </t>
  </si>
  <si>
    <t xml:space="preserve">It is simpler for post secondary institutions to interpret this type of grading for entrance requirements.  </t>
  </si>
  <si>
    <t xml:space="preserve">As long as there are letter grades, I see no need for a secondary method/approach to reporting. </t>
  </si>
  <si>
    <t xml:space="preserve">I believe as students mature, they are able to be more self aware of their learning style and how/if they are meeting the competency/goals.
I believe that this can be an abstract exercise for students in elementary school.  </t>
  </si>
  <si>
    <t xml:space="preserve">Again, I think this is useful for students who can accurately recall what they did not know and compare it to what they now know. 
I believe that this is a more realistic exercise for students grade 6 and up. </t>
  </si>
  <si>
    <t>This is unrealistic with class sizes,frequency of TOC’s,how few EAs are allocated to classes.If a student is presenting at a 2nd grade level but in 5th grade,how can they be graded with same criteria as peers?Doestheteacherhavetimeortrainingtoassessdive rselearners?Currentapproachtoinclusivityis👎</t>
  </si>
  <si>
    <t xml:space="preserve">It’s more sensible.Learning can be represented a myriad of ways.I’d rather see that the focus than figuring out how to report learning.If a student shows they know 80%of the criteria then thats 8 out of 10 times.Proficient is saying “good enough for me” and is subjective to the teachers standard. </t>
  </si>
  <si>
    <t>I just don't want to use MYEd anymore because it's complete trash.</t>
  </si>
  <si>
    <t xml:space="preserve">Reporting needs to get easier, be less time consuming. Provide tools that are functional for this purpose. I don't want to fight MyEd every time I write a report card. </t>
  </si>
  <si>
    <t xml:space="preserve">Prefer traditional letter grades for middle school age </t>
  </si>
  <si>
    <t xml:space="preserve">More work for the teachers, very little benefit </t>
  </si>
  <si>
    <t>The new proposed reporting significantly increases the workload of classroom teachers. It is not sustainable. I will be leaving the profession if this is implemented in September 2022</t>
  </si>
  <si>
    <t>Personal goals do not need to be formally created and reported. This can create feelings of inadequacy and promote anxiety in students. Students can learn to set goals through the curriculum and have a personal choice to do so in the areas mentioned above.</t>
  </si>
  <si>
    <t>At the primary level there is too many written reports.  Snapshots to parents with student voice and teacher feedback works more effectively.</t>
  </si>
  <si>
    <t xml:space="preserve">It is difficult for five and six year olds to self assess the competencies as they are very abstract concepts.  At this age it should be introduced.  </t>
  </si>
  <si>
    <t>Five and six year olds have great difficulty with abstract concepts for setting goals.  Goal setting at this level should be classwide and introduced and evaluated by the whole group, not individual.</t>
  </si>
  <si>
    <t>For those students with disablilities, assessment and evaluation should be based on their IEP if they are on an adapted or modified program.</t>
  </si>
  <si>
    <t>For young (kindergarten and grade one) students goal setting should be introduced and practiced as a whole class and revisted/evaluated.  Goal setting is a very abstract concept for children.  To make it meaningful, they need time and guided practice.</t>
  </si>
  <si>
    <t>The frequency of reports is fine it’s the content that could be more informative.</t>
  </si>
  <si>
    <t xml:space="preserve">The point scale is fine but more descriptions is helpful. It’s helpful to know where my child is on the scale but it’s unclear from the scale where he “should” be. Like does emerging mean I should be spending more time with him cause he’s falling behind or it’s new andhe’s learning as he should be. </t>
  </si>
  <si>
    <t xml:space="preserve">I understand the need to have this for post-secondary education. </t>
  </si>
  <si>
    <t xml:space="preserve">Makes sense for continuity, however, as a parent I don’t know if this makes it challenging for teachers to reconcile the two systems. </t>
  </si>
  <si>
    <t xml:space="preserve">Sounds great. I assume the kids will have some help as I’m not sure students always have a good understanding of their abilities. I feel like girls will often underestimate their achievements as this is what often happens in our culture. </t>
  </si>
  <si>
    <t>Goal setting and checking in on progress is a wonderful skill to instill in our kids.</t>
  </si>
  <si>
    <t>Yes of course.</t>
  </si>
  <si>
    <t>This is a critical skill and allows students to take some ownership in their learning.</t>
  </si>
  <si>
    <t xml:space="preserve">I prefer getting a report card with proper marks, not a lot of my child's work with lengthy comments.  Effective communication is straight- forward and concise.  Percentages and letter grades are best. </t>
  </si>
  <si>
    <t>Grade 10 is way too late to start getting letter grades and percentages; it's when marks start counting for university.  Children need time to develop good work habits and work towards the letter grades they want to earn. Gr6 is a more appropriate time to start assigning letter grades and percentage</t>
  </si>
  <si>
    <t xml:space="preserve">Thank goodness we're keeping letter grades and percentages for grades 10-12, but kids need practice being graded this way before gr10. The proficiency scale only has 4 categories, and "proficient" is way to vague a way to describe my child's progress. Would she be getting a C+ or an A? </t>
  </si>
  <si>
    <t>Letter grades and percentages are widely used,  straight forward and easy to understand. Universities use them.  For continuity in K-12, PLEASE begin to use letter grades and percentages earlier on, like when I was in school.  My daughter's in grade 9, and I'm really concerned that we have no real i</t>
  </si>
  <si>
    <t xml:space="preserve">I think there needs to be more consistency of what constitutes an A or a certain percentage.  Grade 12 provincial exams worked well for this when I went to school. </t>
  </si>
  <si>
    <t>My child is in grade 9, only 4 years away from university applications,  and we don't really know how she's doing academically.  She needs to get letter grades and percentages in all academics, so that she can work towards earning the marks she hopes to get to get in to a university in her chosen fi</t>
  </si>
  <si>
    <t xml:space="preserve">I think Grades 8-9 should start odopting percentages. Because they can give students more accurate feedback on their learning progress. Sometimes only 2% progress can encourage them a lot. It also helps them adapt to the future competition. While four-point scale is too vague and not necessary. </t>
  </si>
  <si>
    <t>Percentages are definately necessary for Grades 10-12. They are a requirement for post-secondary institutions. They can give students more accurate feedback on their learning progress. Sometimes only 2% progress can encourage them a lot.</t>
  </si>
  <si>
    <t>I think Provincial Proficiency Scale is not necessary for Grades 10-12, if Letter grades &amp; percentages are in place. While teacher's evaluation/feedback in writing might be more helpful.</t>
  </si>
  <si>
    <t>It's good to let students have growth mind in the Core Competencies.</t>
  </si>
  <si>
    <t>It's always good to have goals and train students about goal setting.</t>
  </si>
  <si>
    <t>Diversity &amp; Inclusion should be Canadian culture.</t>
  </si>
  <si>
    <t>To start the percentage grading from Grade 8.</t>
  </si>
  <si>
    <t>Teachers send use check my progress to provide updates. I can tell if assignments are overdue etc or their progress</t>
  </si>
  <si>
    <t>It’s too much jargon. Doesn’t make sense. Maybe it does to teachers but as a parent, I have no idea how well my kid is doing. This is the most stupid language to describe my child’s ability. I don’t think the teachers are even on board as they even seem to have a different understanding of the terms</t>
  </si>
  <si>
    <t xml:space="preserve">Letter grades and percents are easier to identify whether my child has mastered a concept. Easier language for parents to understand and students. </t>
  </si>
  <si>
    <t xml:space="preserve">Those terms used have no meaning to me. By this age, students should be striving to achieve and this scale is so unclear and subjective. The worst ever! It seems to promote mediocrity. How blah! But I suppose you need drones and not achievers. </t>
  </si>
  <si>
    <t>What a waste of time!! Yes students should be taught competencies but according to whose standard. And to have students self-assess is a waste of their time and the teachers. I’m sure the teachers would rather actually teach concrete concepts and not waste their time getting kids to self assess</t>
  </si>
  <si>
    <t xml:space="preserve">Province doesn’t put enough money into education to address all of this. Goals used to be to work hard and master a concept. Now they have to waste time jumping through these hoops to make upper management feel they’re doing a good job. Just focus on kids learning. </t>
  </si>
  <si>
    <t xml:space="preserve">There is NOT ENOUGH MONEY IN THE SYSTEM to properly address all the diverse learners. How can people be assessed inclusively if you can even support their learning adequately? Classrooms are too full, teachers are overwhelmed with all the work involved that ALL the student and teachers suffer. </t>
  </si>
  <si>
    <t xml:space="preserve">Get rid of the proficiency scale. It’s too subjective and KEEP THE LETTER GRADES. </t>
  </si>
  <si>
    <t>Don’t need to calculate percentages, makes marking easier</t>
  </si>
  <si>
    <t>Same as now. Not any better or worse</t>
  </si>
  <si>
    <t>this provides no additional information and is extra work on the teachers to no purpose, if letter grades and percentages are also produced</t>
  </si>
  <si>
    <t>Sounds like a lot of extra work to organize. Is self-assessment efficacious?</t>
  </si>
  <si>
    <t>Setting SMART goals works and keeps their eye on the prize and purpose of why they’re at school</t>
  </si>
  <si>
    <t>We definitely teach that way. But evaluation of how they’re doing in a course should be based on an objective standard of achievement, of what they know or skills they have, not their effort level. That’s what work habits are for. Or adaptations, or an evergreen instead of a dogwood</t>
  </si>
  <si>
    <t>I see reporting as objective standards of skill and knowledge. We should teach inclusively to help all reach a good level, but marking kids harder or easier because they have a disability etc I disagree with. If you get an A in Math it should be because you know the math</t>
  </si>
  <si>
    <t>Teachers give feedback on all work throughout the year. Having to do a written final is redundant, too late to be of use, and way too much work with too little time given to do it. I have almost 200 students. When will I have time to do that? You’ll end up with cookie cutter report cards this way.</t>
  </si>
  <si>
    <t xml:space="preserve">There has to be an “unable to meet” level below emerging. It is so sad to artificially pass students on to the next level when they already feel lost. </t>
  </si>
  <si>
    <t>Percentages give parents and students a realistic expectation of success in future endeavours. It helps them make appropriate decisions about next steps in education or in job seeking.</t>
  </si>
  <si>
    <t xml:space="preserve">It’s already hit and miss between schools and districts, and that’s not fair. It’s far too esoteric. Implementation has been a dud. </t>
  </si>
  <si>
    <t>Kids are coming into high school so anxious, that they need validation for every single thing they do. It’s all group think. Personal Inquiry as a concept is fabulous, but is so individual that in order to make meaningful time for every needy student and every project, you’ll need lots of blocks.</t>
  </si>
  <si>
    <t>A lovely and worthwhile goal, however, there are not enough minutes in the day to differentiate for every level, not enough support staff to help, and inevitably the gifted students are ignored by the district.</t>
  </si>
  <si>
    <t>Overall, children don’t have enough world experience to set their own big goals yet.</t>
  </si>
  <si>
    <t>More frequent reporting, better to return to qnatitive grades, post actual assignments so we can see where child needs help</t>
  </si>
  <si>
    <t xml:space="preserve">See above.  Categories are too wide. </t>
  </si>
  <si>
    <t>100 or more divisions in percentages is more helpful than broad categories</t>
  </si>
  <si>
    <t xml:space="preserve">Provincial proficiency scale is a useless broad category. </t>
  </si>
  <si>
    <t>Need to hold both teachers and students accountable. Grading needs to be more exact, not a broad category of qualitative assessment</t>
  </si>
  <si>
    <t>Do we know that students are being given objective and neutral guidance?</t>
  </si>
  <si>
    <t>See above.  The idea is good,  but what about implementation?</t>
  </si>
  <si>
    <t>Bring back percentage grades for all students in K-12</t>
  </si>
  <si>
    <t>Greater transparency and accountability is needed</t>
  </si>
  <si>
    <t>This seems like a lot more work for the child and teacher. Are four interim reports within a school year realistic? Will there be enough opportunities to improve to a point where the scale will change? This may make it easier for a teacher to simply say the student is on par just like everyone else</t>
  </si>
  <si>
    <t>The scale and reports may appear to be useful, as a parent, we have no context. Most important is Emerging and Developing. What are they ranked against? How will this help my children when applying to other schools that don’t know this system</t>
  </si>
  <si>
    <t>Letter grades have always been around and accepted. This must stay. Why change it for the lower grades? Keep them consistent throughout.</t>
  </si>
  <si>
    <t>I think a more thoughtful summary or discussion  on the report card will help rather than try to wedge your proposed system in among the conventional and widely accepted / standard letter grades.</t>
  </si>
  <si>
    <t>This may help student who are interested in helping themselves. If a child is not honest with themself or simply not care for school or grades, they may report themselves as doing well, which puts pressure back on the teacher to correct it or reject it</t>
  </si>
  <si>
    <t>Why are students responsible for setting goals? They have a set curriculum in the year and they should have goals pre-set to meet the curriculum requirements. Everyone should strive to do their best to reach those goals.</t>
  </si>
  <si>
    <t>This doesn’t make sense. Are you implying that the new system will hold back any encouragement for advanced learners to continue because they will hurt the feelings of those that are unable to?</t>
  </si>
  <si>
    <t>Generations have done well with letter grades. They help motivate students and help parents understand progress within a system they are already familiar with. I do not understand the push to this other system which, frankly, is not accepted anywhere else.</t>
  </si>
  <si>
    <t>I find this scale difficult to truly tell how my children are doing and is more teacher-subjective than a numerical assessment system. 
Also, it makes more sense to use a scale that the children will be assessed with when they move onto further education, indicating the numerical system is better.</t>
  </si>
  <si>
    <t>This should be the assessment reporting protocol for ALL GRADE LEVELS.</t>
  </si>
  <si>
    <t>It is a ridiculous method of assessment that doesn’t associate work and knowledge/skill level with anything quantitative, it is merely a subjective qualitative measure which should be combined with a quantitative assessment (numbers).</t>
  </si>
  <si>
    <t>Letter Grades &amp; Percentages as a requirement in ALL Grades reporting</t>
  </si>
  <si>
    <t xml:space="preserve">I like to know how my child is doing </t>
  </si>
  <si>
    <t xml:space="preserve">Same as we have now </t>
  </si>
  <si>
    <t xml:space="preserve">No kids in high school </t>
  </si>
  <si>
    <t xml:space="preserve">Hard to self asses at young age </t>
  </si>
  <si>
    <t xml:space="preserve">Student will be hard on them.selves </t>
  </si>
  <si>
    <t xml:space="preserve">Everyone should have chance to learn the same </t>
  </si>
  <si>
    <t xml:space="preserve">Too young and if they don't meet it some will be very hard on themselves </t>
  </si>
  <si>
    <t xml:space="preserve">I believe that high school should have letter grades to help prepare kids for college/university expectations. </t>
  </si>
  <si>
    <t xml:space="preserve">As mentioned above, letters grades are needed for post secondary, so they are a necessity </t>
  </si>
  <si>
    <t xml:space="preserve">I do not believe that the assessment scale is a valuable tool in assessing students, especially in high school and I do not think it needs to be added along with letter grades and percentages </t>
  </si>
  <si>
    <t xml:space="preserve">Self assessment is extremely difficult in the younger grades and while students need to take ownership of their learning, it usually ends up being an artificial requirement that teachers do with students to check off a to-do list. It’s not valuable feedback for parents </t>
  </si>
  <si>
    <t xml:space="preserve">Again, this is very difficult with early learners and just seems like it’s a “checking the box activity” that just adds one more thing to a long list of to-dos that makes more work that does not give parents any meaningful insight into student learning </t>
  </si>
  <si>
    <t>The new proposals require too many written reports in a time when teachers are continuously asked to do more, and the requirements within the actual reporting are daunting i.e: self assessments, core competencies, goal setting!!</t>
  </si>
  <si>
    <t xml:space="preserve">Currently, we can see an online progress report of our children through the school so having any more formal mandated reporting would be a waste of teachers time and resources. </t>
  </si>
  <si>
    <t>Emerging and extending are so vague and do not give a parent adequate information about how their child is doing. Emerging in a nice way of saying that a child cannot understand the concepts. Developing and emerging can also mean the same thing since they are such vague terms.</t>
  </si>
  <si>
    <t>They give a student an understanding of how much mastery they have achieved. Not some made up academic term to keep their feelings from getting hurt.</t>
  </si>
  <si>
    <t xml:space="preserve">There is no need for assessment continuity, letter grades need to be re-instituted in grade 8 and 9 so that the students are familiar with the way they will be assessed as the approach post secondary. Post Secondary institutions do not give students vague terms when assessing a student's progress. </t>
  </si>
  <si>
    <t xml:space="preserve">My kids don't really care about assessing the competencies and so I feel that they will not put in the effort to truly assess made up academic ideals. Look at how the FSA's were removed for grade 10 students because they did not care of value them! </t>
  </si>
  <si>
    <t>This is already done.</t>
  </si>
  <si>
    <t>I have already stated above</t>
  </si>
  <si>
    <t xml:space="preserve">On top of our heavy workload, having 3 written reports is too much. We are already providing on-going communication and descriptive feedback to parents both in-person and via digital portfolios. Having that 3rd written report card is going to take away the valuable prep time and collaboration time. </t>
  </si>
  <si>
    <t xml:space="preserve">We are already using this. It’s good to have a standardized scale across all districts. </t>
  </si>
  <si>
    <t xml:space="preserve">For early primaries, this is meaningless to their education. Young ones often just copy the examples we give. </t>
  </si>
  <si>
    <t xml:space="preserve">We are already doing goal conferences with students and families. We also discuss their progress throughout the year. It is unnecessary to report it on the report. </t>
  </si>
  <si>
    <t xml:space="preserve">These students should have their own IEPs, and be assessed according to their own abilities and progress. Every child learns at their own pace. These students shouldn’t have “emerging” in all subject areas. </t>
  </si>
  <si>
    <t xml:space="preserve">Having 3 written report cards is too much to add to our already heavy workload. The type of report card we write now is already way more descriptive and time consuming to the traditional ones back when we had only 3 report cards without the other types of communication. </t>
  </si>
  <si>
    <t>Sometimes I have trouble getting into the site I would rather have written up updates through out the year not just one at the end!</t>
  </si>
  <si>
    <t xml:space="preserve">They are sometimes not extremely informative </t>
  </si>
  <si>
    <t>I grew up with letter grades from day one when I was in school why did they change it?</t>
  </si>
  <si>
    <t xml:space="preserve">I liked letter grades in elementary school </t>
  </si>
  <si>
    <t xml:space="preserve">Students should have a say in how they think they are doing </t>
  </si>
  <si>
    <t xml:space="preserve">My kid changes his mind for the future on a daily basis </t>
  </si>
  <si>
    <t xml:space="preserve">I hope we can understand how to do this </t>
  </si>
  <si>
    <t xml:space="preserve">Would like to have more written communication often </t>
  </si>
  <si>
    <t xml:space="preserve">The amount of reports required are too many and will take up a significant amount of time to complete in order for them to be meaningful. With online formats already in use in my school districts, parents are already informed in real-time about how their student is doing. Communication is frequent. </t>
  </si>
  <si>
    <t xml:space="preserve">Grade 9 is in high school in my district. It is confusing to have two styles of report cards given to students within the building. It requires too much work for Grade 9 teachers to report out on each of the competencies. It is not meaningful. </t>
  </si>
  <si>
    <t xml:space="preserve">If these have to be paired with the 4-point proficiency scale, then it makes zero sense to include percentages and letter grades. </t>
  </si>
  <si>
    <t xml:space="preserve">The 4-point proficiency scale does not align with percentages. The two systems are not the same and should not be used together. Reporting on competencies in 10-12 is an onerous task as a teacher has over 100 students to do this for. </t>
  </si>
  <si>
    <t xml:space="preserve">Students should be setting goals and reflecting on their growth. However, they should be responsible for entering this information themselves into an online program. Teachers shouldn’t be responsible for data entry if this kind. </t>
  </si>
  <si>
    <t xml:space="preserve">This is already being done. </t>
  </si>
  <si>
    <t xml:space="preserve">More written reports does not mean better education is happening. The time preparing these reports would be better spent with students. Meaningful communication is always ongoing with families, especially through email and meetings. This is stronger reporting to families. </t>
  </si>
  <si>
    <t xml:space="preserve">I didn't  even know there was that many reporting periods. I only ever get two report cards and no other updates. It would be nice to have info from all reporting periods. </t>
  </si>
  <si>
    <t xml:space="preserve">I find the sliding scale not accurate. It does not prepare students properly or help them strive for better letter grades to get into university/college. </t>
  </si>
  <si>
    <t>This would help with goal setting, confindence etc</t>
  </si>
  <si>
    <t>do not teach these grades</t>
  </si>
  <si>
    <t>-students already set goals and are provided opportunities to reflect on their progress- it may look different in each class as to how this occurs. I feel this is something that families should be working on with their children as well,</t>
  </si>
  <si>
    <t xml:space="preserve">all areas </t>
  </si>
  <si>
    <t xml:space="preserve">- the demands put upon teachers already is enough. If we are spending all our time reporting to parents/ writing reports/ assessing students above and beyond what is already required there will be no time to be "TEACHING" the students. </t>
  </si>
  <si>
    <t>The frequency of the reporting is sufficient.</t>
  </si>
  <si>
    <t>I do not feel this rating scale is as informative as it could be. Additionally, this scale does nothing to prepare students for the addition of percentages and grades in Gr 10.</t>
  </si>
  <si>
    <t xml:space="preserve">I am happy with the use of grades and percentages </t>
  </si>
  <si>
    <t>This sounds like a system that makes more work for our educators who are already underfunded and overworked.</t>
  </si>
  <si>
    <t xml:space="preserve">I believe students should be fine tuning their ability to self assess but do not believe it should be a large component of their overall reporting. It is too subjective. </t>
  </si>
  <si>
    <t>I think these are great skills to learn but only if they are being taught and implemented correctly. Too often new ideas and policies come in that add more to the students plate and are not fully supported or taught by the system which makes it and exercise in futility and added stress.</t>
  </si>
  <si>
    <t xml:space="preserve">From what I have seen at this point the proficiency scale is not as informative as previous reports I have received. Additionally, I do not believe this system sets students up to manage well in senior grades and university. </t>
  </si>
  <si>
    <t>I think the number of reports is fine</t>
  </si>
  <si>
    <t>I like the proficiency scale for showing where students are</t>
  </si>
  <si>
    <t>I think percentages in senior high school is important</t>
  </si>
  <si>
    <t>If students are already getting percentages then the proficiency scale is not necessary. It would be more work for teachers without any significant value for parents or students.</t>
  </si>
  <si>
    <t>Unreasonable pressure on Kindergarten teachers!  Teacher would have to do 100% of the work.  One on one interview with each child for each subject area throughout the year. We do this informally, but having to formally document is an crushing expectation and burden.</t>
  </si>
  <si>
    <t>Again, Kindergarten teachers would have to do 100% of the work.  It would require a one on one session with every child for every subject through out the year.  The pressure of formally reporting on this is unbearable.  These kinds of expectations make me want to quit teaching.</t>
  </si>
  <si>
    <t>I feel like this has been worded carefully but actually will require an even greater effort and workload for teachers without significant benefits for students or families.</t>
  </si>
  <si>
    <t>It is an unfair and unreasonable addition to a teacher workload.</t>
  </si>
  <si>
    <t>This is a reasonable expectation.</t>
  </si>
  <si>
    <t>As with all scales, interpretation is key.  This scale is far superior to letter grades and numbers,  Given robust information about what the categories on the scale mean, conferences and portfolios, parents and teachers should be able to have a fulsome understanding of a student's progress.</t>
  </si>
  <si>
    <t xml:space="preserve">We know so much that refutes the use of letter grades. </t>
  </si>
  <si>
    <t>I worry that the scale will be glossed over and people will continue to focus on letter grades.</t>
  </si>
  <si>
    <t>Core competencies are at the heart of a person's success and well being.  Students should be aware of their strengths and areas for growth.</t>
  </si>
  <si>
    <t>Student ownership is vital.  I have seen tremendous growth and pride in students as they accomplish goals they have negotiated.</t>
  </si>
  <si>
    <t>All students should have reports that look the same but are responsive to their needs and abilities.  It's part of inclusion.</t>
  </si>
  <si>
    <t>The expectations to tease subject areas apart rather than integrate them in the way the BC curriculum envisages</t>
  </si>
  <si>
    <t>The big ideas in the curriculum encourage subject matter integration. This has led to changes in the way teachers plan and teach.  It is antithetical to parse the subject areas out again,</t>
  </si>
  <si>
    <t xml:space="preserve">communication with parents isn’t truthful and all I ever hear in P/T conf. is how “He is doing great!” Then report card reflects something totally different. So frustrating, because we can’t support or help him if we don’t know in the moment what the problems are </t>
  </si>
  <si>
    <t xml:space="preserve">Truthful discussions and concerns need to be voiced during all communication with parents and educators need to leave their ego’s out of it. It takes a village and parents, ea’s, teachers, LST, ITT’s, Principals all need to be transparent and maintain effective communication with parents. </t>
  </si>
  <si>
    <t xml:space="preserve">It needs to be a firm reflection of progress and not a subjective opinion as those are too varied amongst different educators and based on their own personal opinion and not the true depiction of the student on a whole </t>
  </si>
  <si>
    <t xml:space="preserve">
A students voice is so important into understanding where they are lagging and encourages them to take ownership in their own  course of learning and allows the educators to know their student better </t>
  </si>
  <si>
    <t xml:space="preserve">We need educators to teach all types of learners and create a more united approach to acceptance of those students with challenges that may be invisible to the eye and those that are not. Compassion and Empathy is lacking in our youth and in society as a whole and there needs to be more acceptance. </t>
  </si>
  <si>
    <t xml:space="preserve">Educators are not all equal and leaving it to them to decide a child’s future without accurate testing isn’t fair </t>
  </si>
  <si>
    <t>Romanian</t>
  </si>
  <si>
    <t xml:space="preserve">If is possible I want more reports during the year. 
I Want to know more about my kids  how they are doing with learning because the teachers they are not doing their job properly </t>
  </si>
  <si>
    <t xml:space="preserve">I find that many of my families do not even read the reports I send.  requiring more written reports will increase the workload of the teachers and take away from the learning they are doing.  I use digital portfolios with all of my students and communicate student learning throughout the year.  </t>
  </si>
  <si>
    <t xml:space="preserve">I find that 2 written reporting better allows me to understand where my students are at. I use a digital portfolio throughout the year to communicate with families on an ongoing basis so they can see their work. </t>
  </si>
  <si>
    <t>On-going Communication of Student Learning (OCSL) is a heavy burden for teachers to bear.   Besides teaching, we act as social workers, parents, guidance counsellors, and sometimes police officers. Abolish OCSL and return to three written reports per year.  Enough is enough!</t>
  </si>
  <si>
    <t xml:space="preserve">The students are well aware that the new-fangled euphemistic terminology translates to letter grades. Emerging = less than 50%…..translation F for Fail. Kids are not stupid.  Stop trying to protect their feelings. Kids are resilient. </t>
  </si>
  <si>
    <t>Now the “braintrust” decides to introduce letter grades and percentages to kids? What do you think elementary school teachers teach in math? The captain of this ship that we call education deserves to be thrown into a rubber dinghy without paddles and set adrift in turbulent, shark-infested waters.</t>
  </si>
  <si>
    <t>Parents know their kids inside and out. Who is the spin doctor in charge of this survey?</t>
  </si>
  <si>
    <t xml:space="preserve">OCSL were shoved down our throats without consultation. More work same pay. BS. We are teaching children a liberal arts degree, where they are supposed to do well in all subjects? BS. They already know their strengths and weaknesses.  </t>
  </si>
  <si>
    <t xml:space="preserve">Download more work on teachers to punish them for their undeserved pay raise during previous contract. </t>
  </si>
  <si>
    <t>The greater good is being undermined by the sake of a few. If a child refuses to follow classroom rules he/she forfeits his/her rights to remain in the classroom.  Why should a defiant student have the right to interfere with students who deserve the constitutional right to an education?</t>
  </si>
  <si>
    <t xml:space="preserve">Choose one? What a cop out. </t>
  </si>
  <si>
    <t xml:space="preserve">The brass will do as it sees fit regardless of responses from the grunts who perform the dirty work……”I volunteered for the army on my birthday. They draft white trash first round here anyway….” The more things change the more they stay the same. </t>
  </si>
  <si>
    <t>Percentages do not show the whole picture. It makes learning contentious and is an easy way to keep scantron and old practices of testing alive. Universities need to be more open about the fact that percentages do not drive entrance into programs.</t>
  </si>
  <si>
    <t xml:space="preserve">I believe in the importance of communication with family on a regular basis. I feel some aspects of the reporting requirements can be hoop-jumping and not helpful to families while being extra work for teachers. </t>
  </si>
  <si>
    <t xml:space="preserve">I am happy we have moved away from grades for elementary students. I do feel that the scale is confusing for students and for families for whom English is not a first language. I feel a more clear scale could have been developed and communicated. </t>
  </si>
  <si>
    <t>I do not teach grade 10-12</t>
  </si>
  <si>
    <t xml:space="preserve">I feel self assessment is essential. However, having a reporting requirement for multiple reports put undue pressure on teachers. It does not lend itself to valuable self assessment. It becomes another task to get done, particularly when working with our youngest students. </t>
  </si>
  <si>
    <t xml:space="preserve">I feel student goal setting is essential. However, having a reporting requirement for multiple reports put undue pressure on teachers. It does not lend itself to valuable self assessment. It becomes another task to get done, particularly when working with our youngest students. </t>
  </si>
  <si>
    <t xml:space="preserve">I feel inclusive assessment is a requirement. This is already something I do. </t>
  </si>
  <si>
    <t>I would change student goal setting and self-assessment. This is adding more work for teachers at an already strained and challenging time. We do not have the resources to achieve everything we are expected to do and adding in other requirements is not acceptable without more support and resources.</t>
  </si>
  <si>
    <t>The reports we now write are lengthy. I have spoken to many parents - most say they only look at the sliders and haven't read the details of the written reports. I spend hours and hours writing these reports!</t>
  </si>
  <si>
    <t>Most parents I have spoken to only look at the slider and do not read the descriptive feedback.</t>
  </si>
  <si>
    <t>Letter grades in high school are appropriate in my opinion</t>
  </si>
  <si>
    <t>I'm neutral - I don't teach high school</t>
  </si>
  <si>
    <t xml:space="preserve">The words "to ensure students are always mindful of their growth" doesn't apply to many young elementary students. Some students/parents who are NOT mindful do not really understand how self-assessment works. </t>
  </si>
  <si>
    <t xml:space="preserve">Personal goals and inquiry are tough for K-3. Some don't understand or have the attention span to follow through. Many can't even say/or write a goal onto paper. </t>
  </si>
  <si>
    <t>Neutral - does this mean we are writing an individual report (like an IEP) for all students?</t>
  </si>
  <si>
    <t>The new Reporting Order adds to the already demanding workload of completing student reports.</t>
  </si>
  <si>
    <t>This amount of reporting is already maxing teaching staff out. Any more than this (for example, making the other 2 times required to be on paper also) would be far too much. I would like to see more prep time built in around reporting as current prep time is barely enough for week to week.</t>
  </si>
  <si>
    <t>This scale is fine for assessment uses. I would like to see the graphic modified to show more accurately how big of a percentage of learners are more represented in each category. Ex. Very few fall into extending and emerging, many are in developing, and proficient increases later annually.</t>
  </si>
  <si>
    <t>I think university systems should change to match us, not the other way around. Our system is more inclusive and representative of deep understanding as it requires multimodal assessment.</t>
  </si>
  <si>
    <t>See previous explanation above.</t>
  </si>
  <si>
    <t>We need more kid friendly language documents that are easy to use as exemplars in teaching to create steady routines and language for kids. The current language is too complex and we have to spend more time (again) adapting resources on our own time. Consider ELL and neurodivergent kids.</t>
  </si>
  <si>
    <t>We need updated systems that support this. For example, giving teachers access to the my ed platform so we can see critical documentation pertaining to our caseload students. Resources re planning from Shelley Moore should be standardized as the system.</t>
  </si>
  <si>
    <t>Goal setting is complex for young learners.</t>
  </si>
  <si>
    <t>More specific written feedback for secondary.  Opportunities to meet with teachers at times that accommodate working parents.</t>
  </si>
  <si>
    <t>The fact that we jsut changed to a new program and then another change right now is absolutely ridiculous!
I am an older teacher who has had to work very hard at learning how to do all these computer changes and now yet again another change. It just seems like a make work project. Not necessary!</t>
  </si>
  <si>
    <t>Same as previous report cards, is fine..no changes.</t>
  </si>
  <si>
    <t>I find with young grade ones and twos that they really dont understand what is asked of them. Its almost like me putting words in their mouths. I send home all their work on a monthly basis, this is enough for parents to see where their children are.</t>
  </si>
  <si>
    <t xml:space="preserve">The young childrne dont really set their own goals...i tend to do it. Their goals are like...i went to get better at roller blading!! 
</t>
  </si>
  <si>
    <t>Do that anyway</t>
  </si>
  <si>
    <t>Greater frequency of communication but of a reduce amount, small and frequent is easier for busy parents to read and digest. Too many of my parent just don't seem to care.</t>
  </si>
  <si>
    <t>Seems to cover the scale well</t>
  </si>
  <si>
    <t>The youngest grades don't do this well or authentically. Can it be different depending on their age?</t>
  </si>
  <si>
    <t>Again, our very youngest students find this tricky. Can we just have one goal for them that increases as they get older and understand better? IN all honesty, sitting with Kindergarten kids trying to do this well, takes up a lot of teacher time that could be better used elsewhere at this age.</t>
  </si>
  <si>
    <t>Bring back letter grades!!!</t>
  </si>
  <si>
    <t xml:space="preserve">Too many reporting events (5).  A total of three (3) reporting period is sufficient. Two (2) writing report, including the final summary and (1) learning update (ie. interviews, triad conference, exposition) </t>
  </si>
  <si>
    <t>The four-point scale should include Emerging, Developing, ---Applying----, and Extending</t>
  </si>
  <si>
    <t>One or the other, not both: Provincial Proficiency Scale or  letter grades and percentages</t>
  </si>
  <si>
    <t>Ongoing process during the school year. Not to be included in student report.</t>
  </si>
  <si>
    <t xml:space="preserve">This sentence does not make sense: [...]all assessment to be inclusive, yet to respond to individuel needs[...].  Political sentence... </t>
  </si>
  <si>
    <t>see explanation above</t>
  </si>
  <si>
    <t xml:space="preserve">Teachers work very diligently to provide detailed, thoughtful and accurate feedback for there students - this proposed policy will cause unnecessary work for teachers. </t>
  </si>
  <si>
    <t>The language that is used in the proficiency scale model is easy to understand and provides a better look at how a student is actually performing in their learning journeys.</t>
  </si>
  <si>
    <t xml:space="preserve">I think grades and percentages are important indicators of learning when it comes to older students and how they transition into post secondary institutions. </t>
  </si>
  <si>
    <t xml:space="preserve">Unless post secondary schools align their grading system with the proficiency scale, I don’t see how this would work. </t>
  </si>
  <si>
    <t xml:space="preserve">I think it can be a valuable part of a student’s learning to self-asses. </t>
  </si>
  <si>
    <t>I think this can be done without making it a requirement for official reporting, and I think many teachers do this with their students anyways.</t>
  </si>
  <si>
    <t>This is already taking place as far as I understand…</t>
  </si>
  <si>
    <t xml:space="preserve">Teachers already report student learning multiple times a year, whether it be through informal meetings with parents, formal reports, etc. Especially those who are using reporting programs such as FreshGrade who are continuously providing updates of student learning throughout the year. </t>
  </si>
  <si>
    <t xml:space="preserve">How DARE you try and increase our workload. Teachers are leaving the profession in droves because of the terrible work-life balance, poor salary, and lack of respect. And you want to increase our workload?! I'm so glad I'm on my way out. This is nearly abusive. </t>
  </si>
  <si>
    <t xml:space="preserve">A 5 point scale and/or more flexibility on the placement of the 'bar' eg. not just 100% or 50/50 in one area would be more accurate. </t>
  </si>
  <si>
    <t>How do you prep families for that transition from the floofy sugar-coated younger levels to the harshly accurate secondary levels?</t>
  </si>
  <si>
    <t xml:space="preserve">Sounds like even more work for those secondary teachers. </t>
  </si>
  <si>
    <t>Have you ever tried self-assessing with kids? I've done it for years across grades... maybe 10% of them actually benefit from it. It's a waste of time.</t>
  </si>
  <si>
    <t xml:space="preserve">Look - they can't even remember where they've put their water bottle. They are too young to set long term goals... they don't have those executive functioning skills yet. </t>
  </si>
  <si>
    <t>Maybe if class sizes and compositions were actually manageable, this would be a) possible and b) awesome. But yet you continue to over-stuff our classrooms.</t>
  </si>
  <si>
    <t>Quality over quantity. The current format works ok because we aren't quite so overwhelmed so often. I notice more care and effort is put into two formal written reports. Honestly, if parents truly cared about their child's progress, they'd contact us teachers about it. But most of them don't.</t>
  </si>
  <si>
    <t>I get that we need to do this - as that is what post secondary institutions requests. They already have different metrics for AP and IB courses so could the same be true for the proficiency scale? Maybe it just needs some separation in the proficient and extending part of the scale.</t>
  </si>
  <si>
    <t>When it remains optional - many teachers won't make the switch</t>
  </si>
  <si>
    <t>Good to include this - but 3 times a year would be a lot. or is it required 5 times per year? That is hard to find time for students to make those reflections.</t>
  </si>
  <si>
    <t>specifically around frequency of reporting the student goal setting and self-assessment</t>
  </si>
  <si>
    <t>It says minimum number is rive, that means there is no maximum….
The amount of detail required in these reports from students and teachers is not sustainable.</t>
  </si>
  <si>
    <t xml:space="preserve">The proficiency scale is set up to look like all students are always meeting requirements, and that just isn’t true.  </t>
  </si>
  <si>
    <t>This should always stay as such because of that reason of universities not only in BC requiring that, but also abroad</t>
  </si>
  <si>
    <t>Proficiency scale is a joke</t>
  </si>
  <si>
    <t>Is this to happen for all subjects for all reporting periods, five, because right now it is only required for reports as the year end report.  Work load is too heavy on reporting out to parents and not a lot of time actually doing the learning for the joy of learning with parent critique.</t>
  </si>
  <si>
    <t>This is getting ridiculous. Let this happen without the push to send it out to parents.  It should be just built into what teachers and students do together, but reporting it out over and over over again makes it like a check list to be completed, rather than actually explored.</t>
  </si>
  <si>
    <t>This can’t happen without class size and composition improvements and actually increase in funding for students with diverse needs.  Our education system is strangling with the lack of funding and our government should be embarrassed that they have yet to make improvements.</t>
  </si>
  <si>
    <t>Leave reporting alone</t>
  </si>
  <si>
    <t>We don’t need a major change I reporting during a $#&amp;#* pandemic, lack of funding, lack of training, lack of input.  The stress educators have been under is so high and it seems like government is completely unaware of this.  Bring back old reporting without core competencies and personal goal setti</t>
  </si>
  <si>
    <t>The proficiency scale is difficult for parents and students to understand. Both the quantity and quality of language that is required to explain where and how to student is in their progression is redundant. I find that parents and students are still left confused and would prefer a grade or %</t>
  </si>
  <si>
    <t xml:space="preserve">Provides clear information that people from varied cultures and languages can understand. Complements the comments of the competencies and specific pieces of learning evidence very well. </t>
  </si>
  <si>
    <t>The option to report proficiencies will work better in certain courses than others.</t>
  </si>
  <si>
    <t xml:space="preserve">Lack of clarity with only 4 levels of proficiency to report. Letter grades provide greater detail and meaningful information to parents and students. </t>
  </si>
  <si>
    <t>Semester systems in high schools make 4 written reports per course very difficult.  Your context says that this is the same as the current expectation, but we do interviews, a half-term, and then a final report currently.  Does not seem the same.</t>
  </si>
  <si>
    <t>I support the proficiency scale as in science we teach skills with content.  However, some students can be emerging in chemistry but proficient in biology.  Scales can be great year over year for directed feedback while a percent is an average, but we don't have a way to see this currently.</t>
  </si>
  <si>
    <t>Would prefer the removal of percentages and just do letter grades.  The competition at the grade 12 level for university entrance is stressful on students and they project that stress on us, sometimes desperate to get one more percent in a really meaningless average.</t>
  </si>
  <si>
    <t>Would need to see more of what's expected.  Generating both a percentage and proficiency is extra work.  Competencies should be broken down into units/big ideas if that's the direction wanted to go.</t>
  </si>
  <si>
    <t>Lots of questions about this as a high school teacher.  Do I interview all 200 students twice a year?  Mechanism very much matters.  Onus on students preferred.</t>
  </si>
  <si>
    <t>Again questions about logistics in a high school where a student has 8 teachers and teachers have loads of ~200 students.  Would really want to see a plan of how this would be carried out with our current workload (unlike other lovely ministry plans such as portfolios that got so watered down)</t>
  </si>
  <si>
    <t>Great in theory and more manageable in the K-10 courses, but I have a real problem with managing inclusion in chemistry 11/12 courses where outcomes have certain math skills and conceptional thinking is required.  Would need more training and support to do this meaningfully.</t>
  </si>
  <si>
    <t>Direct impact on workload is most obvious with this, though I have concerns about the others as well.  Our job does not stop at 3pm.  Nights and weekends are already busy and most teachers SUPER dedicated to the kids.  Keep workload in mind... respect teachers.</t>
  </si>
  <si>
    <t xml:space="preserve">Some districts and schools have only two written reports. The first report has been replaced with a student-teacher- 
family conference. We have found this highly effective and taken the pressure off scrambling for data on the first report. </t>
  </si>
  <si>
    <t>We already use similar scale and find the highly effective. That said, the language under the draft heading needs to be fined tuned. Especially the Extending category. It should be more difficult to achieve that level on the scale.</t>
  </si>
  <si>
    <t>It’s not my area of expertise.</t>
  </si>
  <si>
    <t>It would make sense, but I’m not sure how high school teachers would think about it. And how would post secondary institutes view it?</t>
  </si>
  <si>
    <t>Self reflection by students is extremely important. Especially as a core competencies or skills that can be used across all subject areas.</t>
  </si>
  <si>
    <t>I think this is a good idea as it would for students to assess the areas for growth and make an action plan on how to improve.</t>
  </si>
  <si>
    <t>I think using the language ALL learners Is unrealistic. There are some students currently in the system that are not developmentally capable to be evaluated on this scale. Using the language of ALL learners puts too much pressure on teachers and administrators to force inauthentic evaluations.</t>
  </si>
  <si>
    <t>I believe I explained myself above. Requiring three written reports by is a ver demanding amount of work when teachers are writing detailed summaries. I believe two detailed reports are sufficient. One at the midway point and one summary at the end.</t>
  </si>
  <si>
    <t>I can inform more about my kids...</t>
  </si>
  <si>
    <t>It's a good method for understanding the level of students</t>
  </si>
  <si>
    <t>It's a good method for understanding the level of students in these grades.</t>
  </si>
  <si>
    <t>It's a good method for understanding the progress of students</t>
  </si>
  <si>
    <t>It's a good method for helping students in some subject more</t>
  </si>
  <si>
    <t>I think most of them is good</t>
  </si>
  <si>
    <t>There could be more frequency.</t>
  </si>
  <si>
    <t>On top of letter grade and percentage, the scale has not much meaning.</t>
  </si>
  <si>
    <t>The more communication and updates the better.  Easier to ensure a kid doesn’t fall behind or is challenged accordingly</t>
  </si>
  <si>
    <t>Very vague system.  Hard to know exactly where your child sits as most teachers just check “meeting expectations “</t>
  </si>
  <si>
    <t xml:space="preserve">We just moved from a 3 written report card 2/3 years ago and adapted to a 2 x per year reporting plus 3 communicative opportunities. This is extremely frustrating to be constantly changing policies and having to readapt things especially during a global pandemic. </t>
  </si>
  <si>
    <t>We already use this scale using the terms: beginning, developing, applying and extending. These are suffice terms and since we have so many multicultural families in BC, it is best to keep the language used in current reporting to meet the needs of all families.</t>
  </si>
  <si>
    <t>We already use this are the end of the school year.</t>
  </si>
  <si>
    <t>Goals are set at the beginning of the school year and if needed, are changed as is. No need for this comment or policy</t>
  </si>
  <si>
    <t>already in place - example IEP!!!!!</t>
  </si>
  <si>
    <t xml:space="preserve">Three written reports take A LOT of time for the teacher to produce, yet many parents do not read them thoroughly or can not read it due to their language. It would be more useful 
to the parents and child if the first report card was a meeting to discuss the student's progress and ways to support. </t>
  </si>
  <si>
    <t>Parents are no longer as focused just on that "A"</t>
  </si>
  <si>
    <t>Do not teach 10-12. but perhaps letter grades are needed for university and to be universal.</t>
  </si>
  <si>
    <t>It's a good ideal, but it's many teachers have not had the opportunity to fully understand how to assess the core competencies.</t>
  </si>
  <si>
    <t>Provide more training for teachers</t>
  </si>
  <si>
    <t>WHAT ARE LEARNING UPDATES AS OPPOSED TO REPORT CARDS?</t>
  </si>
  <si>
    <t>pERSONNALY IS DOESN'T SAY ANYTHING!</t>
  </si>
  <si>
    <t>k - 3 STUDENTS ARE UNABLE TO ASSES THEMSELVES .  mOST ELEMENTARY STUDENTS ARE NOT ABLE TO ASESS THEMSELVES AS THEIR WORLD REVOLVES AROUND THEM.  gETTING THEM TO ASSESS WHAT THEY DO IS NOT ACCURATE. tHEY ALL THINK THEY ARE BRILLIANT.!!!!!!!</t>
  </si>
  <si>
    <t>gREAT FOR hIGH SCHOOL BUT NOT AT THE ELEMENTARY LEVEL AS THEIR GOAL IS TO HAVE RECESS.</t>
  </si>
  <si>
    <t>aS TEACHERS WE CAN ONLY DO THE BEST WE CAN WITH THE RESOURCES THAT ARE AVAILABLE.  ie   E.A. TIME, RELEASE TIME AND GENERAL SUPPORT</t>
  </si>
  <si>
    <t xml:space="preserve">Unable </t>
  </si>
  <si>
    <t>There are at least three that make this proposal difficult.  Goal setting, self assessment and diversity, is very difficult at the younger grades but no one seems to realizef this unless you are actually in a school, in a class with a a group of younger students.  Welcome to my World!!!</t>
  </si>
  <si>
    <t>In secondary schools, we have up to 210 students.  We are not given release time to prepare reporting, it is something that has to be done outside of work hours and in addition to our other prep activities which also occur outside of work hours.</t>
  </si>
  <si>
    <t>I think the proficiency scale is more robust (more reliable while still being sensitive) than the 100 point scale.</t>
  </si>
  <si>
    <t>BC letter grades are different pretty much everywhere else in the world, so I don't see the point of them.  An overall grade for post-secondary is useless in BC because there is no standardized testing, or even time set aside at local SD for reliable/robust summative assessment.</t>
  </si>
  <si>
    <t>Same as k-9.  A four point scale is robust.</t>
  </si>
  <si>
    <t>I like the self-assessment. However, like many assignments in school, it can be extremely difficult to get students to complete it. There is no standardized method for teachers/schools to share self-assessments with students and parents, and keep a record of it in the PSR.</t>
  </si>
  <si>
    <t>If you don't plan, you can plan on failing.  Say what you're going to do; then, do what you said you were going to do.</t>
  </si>
  <si>
    <t>It's way too much work for teachers, especially with expanded comments. It's impossible.  It would be great IF the ministry would set aside time for teachers to complete their reports.  If reports and feedback are important, why are they not counted as instructional time?</t>
  </si>
  <si>
    <t>Descriptive reporting is an unreasonable burden on teachers who may be dealing with over 100 students in a high school setting.
The goal is admirable, but most parents in the senior grades aren't likely interested in all the detail--they really just want to quickly know, "Are they doing okay?"</t>
  </si>
  <si>
    <t>It's going to either be a huge burden on teachers or it will end up being some kind meaningless form.
A better option is encourage parents to keep up with their kids business and contact the teacher if there are any issues.</t>
  </si>
  <si>
    <t>We rate everything--movies, hotels, restaurants, online vendors.  These ratings don't give the entire picture, but they do provide a very clear snapshot.</t>
  </si>
  <si>
    <t>Too much work for teachers.  Too much reading for parents--they don't want all this information, especially since they don't have a context for understanding it.</t>
  </si>
  <si>
    <t>If no more work for the teacher, okay.
If assessment effects grades, bad idea.  Some students can't self assess or will inflate their assessment to raise their grade.
Some students (many), think that required self assessment is a waste of time.  They won't tell the teachers assessing this...</t>
  </si>
  <si>
    <t xml:space="preserve">This is dull and boring.  For the good students, they don't need to write it down.  The less dedicated students treat this like a New Years Resolution--they'll only write it because they have to.  </t>
  </si>
  <si>
    <t>The ministry better provide clear rubrics, grading scales, outcomes, etc. for those who have over 100 students....
The ministry is lax in this.  If you want teachers to do a particular thing, provide them with the thing.  Right now, you've got every school creating their own assessment guidelines.</t>
  </si>
  <si>
    <t>Nothing wrong with current system.  Your ideal isn't achieved by a change of report, but by a change of a student's heart, and that doesn't happen on a report card.</t>
  </si>
  <si>
    <t xml:space="preserve">I am unclear what a learning update would look like? Would photos and comments in an online portfolio suffice? Would it be a face to face update? </t>
  </si>
  <si>
    <t>Currently kindergartens only use a three point scale. Would this continue to apply for Kindergarten?</t>
  </si>
  <si>
    <t>Seems like double the work for grades 10-12 teachers</t>
  </si>
  <si>
    <t xml:space="preserve">It is good to include students in setting educational goals. </t>
  </si>
  <si>
    <t>Common sense.</t>
  </si>
  <si>
    <t xml:space="preserve">I believe teachers have more than enough communication (formal and informal) with parents about their child's progress. Two formal reporting terms along with one in person conference would be more than sufficient. </t>
  </si>
  <si>
    <t>Too many subjects needed assessment in grade 4-7. I would prefer this model with only Reading, Writing, Math. The other subjects only need one authentic and timely assessment per year.</t>
  </si>
  <si>
    <t>I don’t think we need extending in the scale.</t>
  </si>
  <si>
    <t>Self awareness is important for a student to know where they are at and where they can grow their skills.</t>
  </si>
  <si>
    <t xml:space="preserve">This is already happening. Student goal setting is powerful and should be imbedded in learning. Does it need to me mandated as part of reporting? </t>
  </si>
  <si>
    <t xml:space="preserve">I don’t understand how this is a change? </t>
  </si>
  <si>
    <t>Extra time spend on assessment/ communicating learning takes away time from teaching, planning and meeting the diverse needs in each class</t>
  </si>
  <si>
    <t>We are stressed thin already. Adding more to our plates is not helpful. Currently we need to do Interims or teacher interviews, plus 3 report cards and 2 core competency reports. Stop piling on extra! Elementary teachers are tired!</t>
  </si>
  <si>
    <t xml:space="preserve">Doesn’t a letter grade represent the same information as the proficiency scale? Why do it twice? </t>
  </si>
  <si>
    <t xml:space="preserve">Stop adding more and more to our plates!  The schools keep being piled with more and more responsibility because homes are not supplying things. We teach nutrition, fire safety, dangers of drugs and   signs of healthy/non healthy relationships of trauma. We can’t fail or hold them back. Stop!!!! </t>
  </si>
  <si>
    <t>Having taught grades 1-12 and having had to use all systems of reporting, I think the proficiency scale is very effective for elementary and middle. I do NOT think it should include grade 9. This is high school; keep with one reporting system for grades 9-12</t>
  </si>
  <si>
    <t>Grade 9 should be included in this.</t>
  </si>
  <si>
    <t xml:space="preserve">Students are so stressed, especially those in grades 11 &amp; 12. I have a hard time thinking students would care about this. I could definitely see it being just another thing they have to do. I can't say parents really care about it either. </t>
  </si>
  <si>
    <t>grades &amp; percentages in gr. 9 too</t>
  </si>
  <si>
    <t>I think the depth of anecdotal writing in all subject areas, three times a year, personalized to every student in an intermediateclassroom will increase workload. My issue is not reporting with this frequency but what is expected regarding workload. Time needs to be provided for teachersto write rep</t>
  </si>
  <si>
    <t>I like the idea of proficiency scales. The descriptive feedback in all 9 subjects on every reports too much.</t>
  </si>
  <si>
    <t>I would like to see this changed. We need to work with universities. But until we do this needs to stay in place.  It will be hard on kids to transition from gr 9 to 10.</t>
  </si>
  <si>
    <t>Proficiencys should NOT be mirrored with grades and percentages or why bother to change in the younger grades. Parents and kids will just create their own translation.</t>
  </si>
  <si>
    <t>Important concept but kids and parents really do not see validity in this.</t>
  </si>
  <si>
    <t>This is already within career education. It need not be prescribed.</t>
  </si>
  <si>
    <t>Workload of descriptive feedback on all subjects every report. This is a ridiculous workload.  Unmanageable in some cases.  I would like to see a number set to report on through the year. Eg. 3 English posts, 1 H&amp;PE  2 SS etc. as example</t>
  </si>
  <si>
    <t>As noted above.</t>
  </si>
  <si>
    <t xml:space="preserve">I feel the amount of communication depends on the student.  Teachers should be trusted to communicate with parents as needed and not always in a formal document.   Personally, I am very offended if I learn my child is struggling through a report card.  </t>
  </si>
  <si>
    <t xml:space="preserve">Students differ.  I want to know how my child is doing, compared to their past performance.   I don't need my child compared to other students. </t>
  </si>
  <si>
    <t>I want more than 2 written reports during the year</t>
  </si>
  <si>
    <t>The current intervals are too far apart to effectively stay ahead of our children's progress.  In grade 1 and 2 by the time we had reports our child wasn't keeping up with the class  our child was so far behind.  There's  very little communication on what they are doing on a day to day basis.</t>
  </si>
  <si>
    <t xml:space="preserve">This is a very subjective way of assessing a child's progress.  It's  really only useful for parents and teachers  who aren't interested in actually knowing if a child is performing well.  Teachers now have a vague curriculum with vague reporting that removes accountability. </t>
  </si>
  <si>
    <t>I think there is real value in self assessments.  However from what I see (keeping in mind i only have recent experience in a lower grade) the self assessments are completed without structured support or correction from the teacher.Without guidance these are a wasted opportunity.</t>
  </si>
  <si>
    <t>A strict policy that severely limits the amount of digital media allowed in a day.  There is way too much "tv time" happening.  The teachers are constantly playing shows.  Specifically, "Go Noodle" is not a replacement for outdoor activity.</t>
  </si>
  <si>
    <t>Portuguese</t>
  </si>
  <si>
    <t>-</t>
  </si>
  <si>
    <t xml:space="preserve">I would prefer to spend time talking to parents about their child's progress and make the in-person connection with families,  rather than lengthy written reports that many parents don't read (or possibly comprehend properly due to various reasons. </t>
  </si>
  <si>
    <t xml:space="preserve">Children learn at different rates, and 
in literacy and numeracy the categories that each is broken down into are not the best for a non-educator parent or a child to understand and they don't provide good direction to improve learning,( 1 or 2 comments is not as in-depth as I feel it should be). </t>
  </si>
  <si>
    <t xml:space="preserve">This is difficult to answer, as  I feel that it is the correct thing to do if students want to attend post-secondary; however, percentages and marks can be a deterrent to struggling students.  </t>
  </si>
  <si>
    <t xml:space="preserve">I don't see the usefulness of this scale for these grades if they are already getting percentages and graded. I would like to see high school students receive more personalized comments from teachers in all subject areas. </t>
  </si>
  <si>
    <t xml:space="preserve">I use this with my students and I have noticed children connecting their work habits and learning growth to their effort and attention spent on strengthening a particular curricular  area. They enjoy reaching and making learning goals. </t>
  </si>
  <si>
    <t xml:space="preserve">I agree. Goal setting is a crucial part of learning and an important element for kids to learn at school, especially  since some parents do not teach their children goal setting at home. </t>
  </si>
  <si>
    <t xml:space="preserve">I would need to know what this would look like-need more info. </t>
  </si>
  <si>
    <t xml:space="preserve">I think that in K-6 written reports should be completed twice a year, December and June. A Student-Led Conference should be twice a year, November and May. Parent-Teacher Conferences should be twice a year. </t>
  </si>
  <si>
    <t xml:space="preserve">Because it's not enough information and the teachers don't give examples on why students are ranked the way they are. </t>
  </si>
  <si>
    <t xml:space="preserve">Because with grade you can easily tell how much of the course the student understood. </t>
  </si>
  <si>
    <t xml:space="preserve">I don't think there's enough feedback given </t>
  </si>
  <si>
    <t xml:space="preserve">I've noticed my children weren't able to explain to me what the core competency meant, and yet, they were assessing themselves on it. </t>
  </si>
  <si>
    <t xml:space="preserve">Goal setting is great and reflective if explained to the student that they will use these goals to define their end success afterwards. </t>
  </si>
  <si>
    <t xml:space="preserve">I'd like the teacher to be able to explain how they made the assessments more inclusive for my child then. </t>
  </si>
  <si>
    <t xml:space="preserve">It has been unclear as to what is needed to progress to the next level. For example student is proficient but doesn’t know what more is required to reach extending, even after discussion with teachers. </t>
  </si>
  <si>
    <t>The old scale was better</t>
  </si>
  <si>
    <t>Not necessary with the reporting</t>
  </si>
  <si>
    <t>Perhaps curriculum should be reduced to providing de time</t>
  </si>
  <si>
    <t xml:space="preserve">Time. Again perhaps curriculum should be reduced </t>
  </si>
  <si>
    <t xml:space="preserve">Powerful learning happens when kids get feedback often and in real-time. SD36 uses FreshGrade- a tool that is conducive to frequent feedback, or Formative Assessments. If teachers need to write reports 5x they would be less inclined to give FA as often as they should.  Paper reports are antiquated. </t>
  </si>
  <si>
    <t xml:space="preserve">Feedback should not always be reduced to a rating on a scale.  Constantly evaluating stds is the opposite of coaching growth. Please consider research-based evidence about this as I can see this proposal is not done in the spirit of best practice. </t>
  </si>
  <si>
    <t xml:space="preserve">The reason post sec. institutions ask for letter grades and percentages is because high schools still use them. Prioritize std learning over politics!  </t>
  </si>
  <si>
    <t xml:space="preserve">The Proficiency scale is merely “pretty words” when used alongside or in place of letter grades.  The scale is sound practice, but not your proposed implementation of it. </t>
  </si>
  <si>
    <t xml:space="preserve">Self evaluation are a sound evaluative tool. </t>
  </si>
  <si>
    <t xml:space="preserve">Evaluating students more frequently hurts kids of diversity rather than includes them. </t>
  </si>
  <si>
    <t>It's what we're currently using.</t>
  </si>
  <si>
    <t>Prefer no percentages, but don't teach these grades.</t>
  </si>
  <si>
    <t>Using 3 scales seems excessive.</t>
  </si>
  <si>
    <t>No change to current practice.</t>
  </si>
  <si>
    <t>As long as the students have ownership and responsibility, it's a good step.</t>
  </si>
  <si>
    <t xml:space="preserve">We find out too late in the year based on reports how are kids are doing, if they struggle or need more help in certain areas. We are unaware of what they are learning out of the curriculum and at what point they are in the curriculum on a weekly bases. </t>
  </si>
  <si>
    <t>The description is generally the same to all average kids it’s like “copy” and “paste”. The kids and parents have no idea where this puts them on a numerical scale which in high education and life after that actually matters. The scale is so broad that you have no idea if your child is at 50%or 70%.</t>
  </si>
  <si>
    <t>Related to what I was saying before, this is good but not well prepared from the previous years in school and it’s a shock for kids to go so sudden from one system to the other. They are totally unprepared in lower grades for what’s coming later in life.</t>
  </si>
  <si>
    <t>Oh no no no! How will the kids be assessed then to go to university or to be pied for a job based on “achieving” or “not achieving”?NO to this idea for sure!!!</t>
  </si>
  <si>
    <t xml:space="preserve">Ok I understand the teaching idea behind it for the individual rationalising process but how are they learning how to asses themselves if they are not taught that process? The demands are barely clear of what it means to be on that scale in terms of achievement. </t>
  </si>
  <si>
    <t>How are they supposed to do that? Do you feel like this generation knows or is being taught how to use logic and ration or is it more based on feelings and emotions? The ideologies that are being taught in school right now do not encourage kids to think for themselves but to comply or be segregated.</t>
  </si>
  <si>
    <t xml:space="preserve">Sure that’s only normal and human but here there is a problem with the process of having students that struggle in the same classes with students that excel or would if they were given a chance (because they don’t struggle). </t>
  </si>
  <si>
    <t>I am already providing learning updates 5 times per year.</t>
  </si>
  <si>
    <t>I am already communicating student learning in this way except for on report cards where I have been required to give a percentage.</t>
  </si>
  <si>
    <t>I would like to have the option to include the proficiency levels on written learning updates as well as letter grades/percentages. I would like letter grades and percentages only to be required on final learning reports at the end of a course.</t>
  </si>
  <si>
    <t>I think the proficiency levels are a more useful way to describe student learning than letter grades and percentages.</t>
  </si>
  <si>
    <t>I have been heading in this direction with my own assessment practices. I would like the support of the ministry and district to continue and improve my implementation of student self-assessment in student reporting.</t>
  </si>
  <si>
    <t xml:space="preserve">How is that any different than the current policy? We already do two interim reports and three written reports each year. </t>
  </si>
  <si>
    <t>Agree with the switch from letter grades to proficiency scale in elementary. Just wish there were five categories instead of four. I would include a category in between developing and proficiency. Too many students fall into the proficiency category when I don't believe they are fully proficient.</t>
  </si>
  <si>
    <t>Agree with this decision but doesn't personally affect me at this time.</t>
  </si>
  <si>
    <t>Think consistency is important and giving teachers flexibility is a good thing.</t>
  </si>
  <si>
    <t>My students already do this all three terms so it is hardly a big change.</t>
  </si>
  <si>
    <t>Sounds good in theory, but what is the criteria for their assessment of these goals? Does the teacher have some say, or is their assessment the final say?</t>
  </si>
  <si>
    <t>The current system in my district already does this.</t>
  </si>
  <si>
    <t>Type of reporting</t>
  </si>
  <si>
    <t>Why do all the reports have to be written? Such a time-taker in upper elementary. Why can't we mandate an interview with the parents in the first term and provide a short summary form for them/us to fill out if need be? In term 2 do a student led conference. Then a final written report in term 3.</t>
  </si>
  <si>
    <t>The semester system is like two half years. The proposal only talks about courses as year long entities. In particular, the 25% of instructional time requirement appears to apply to only the first semester. Worse for the quarter system. What use is reporting after only two weeks of school?</t>
  </si>
  <si>
    <t>The categories are too broad for high school grades 8 and 9. They don't encourage students to move from the bottom of a category to the top.</t>
  </si>
  <si>
    <t>Percentages are overly precise, but needed for applying to other institutions.</t>
  </si>
  <si>
    <t>The categories are too broad, and redundant given letter grades and percentages.</t>
  </si>
  <si>
    <t>It's not a burden, and meta-cognition is good for student learning.</t>
  </si>
  <si>
    <t xml:space="preserve">Sounds difficult to make students take it seriously.  </t>
  </si>
  <si>
    <t>too much time spent away from students/ class assessing and drafting and formulating reports</t>
  </si>
  <si>
    <t>Parents do not clearly understand</t>
  </si>
  <si>
    <t>Kindergarten students are too young to self assess
Very time consuming</t>
  </si>
  <si>
    <t>Average family does not engage in goals</t>
  </si>
  <si>
    <t>Often left to teacher's self device (all alone)</t>
  </si>
  <si>
    <t>very time consuming and too much time away from teaching class</t>
  </si>
  <si>
    <t>A maximum of two written reports in a school year is sufficient. In Grades K-9 reporting that fully involves the student is more meaningful (conferences, celebrations of learning, student portfolios, etc.).</t>
  </si>
  <si>
    <t>The proficiency scale is a clear communicator to families. However, it is not necessary to report out on each subject area each term. Language Arts and Math are the two main subject areas that hold greater importance for educators and families.</t>
  </si>
  <si>
    <t>The frequency of reporting is too high. Educators would be spending more time assessing students rather than teaching them. This leads to less learning time for students and burnout for teachers.</t>
  </si>
  <si>
    <t>That is a lot of work for teachers to report on ALL subjects 5 times a year</t>
  </si>
  <si>
    <t>I agree that it is important and valuable to have students complete self-assessents in the core competencies but I believe that doing it 5 times a year for primary teachers creates a lot of workload for teachers</t>
  </si>
  <si>
    <t xml:space="preserve">As a teacher, I am feeling overwhelmed at the possibility of having to report on all subjects 5 times a year.  </t>
  </si>
  <si>
    <t xml:space="preserve">Reporting on all subjects 5 times a year requires valuable teacher time to be taken up by reporting rather than facilitating learning. This hinders students ability to grow their learning. </t>
  </si>
  <si>
    <t>Consistency of language throughout the education system makes student progress easier for parents to understand. This language should also be required for ELL students and non enrolling teachers.</t>
  </si>
  <si>
    <t>It takes time for students to learn how to set SMART goals and self assess mindfully.  The proposed reporting would encourage surface understanding rather than ongoing mindful development especially in K-7 assessing in all of the core competencies 5 times a year would reduce the depth of learning</t>
  </si>
  <si>
    <t xml:space="preserve">Students with diverse needs are not always capable of reflecting on core competencies and setting goals. This should not be a blanket policy but reflect what is best for the student. </t>
  </si>
  <si>
    <t xml:space="preserve">Educators  should be given the time to get to know students and their learning strengths. Not rushing to report in the first 25Th of the year. Teachers should be primarily facilitating student learning not reporting. Reporting  should focus on literacy and numeracy not all subjects. </t>
  </si>
  <si>
    <t>Students are missing more and more school due to the pandemic and more and more is required from teachers.</t>
  </si>
  <si>
    <t>This proficiency scale is too general. We are passing students on who cannot do the work.</t>
  </si>
  <si>
    <t>It should be letter grades and percentages for students 7-12</t>
  </si>
  <si>
    <t>This is ridiculous!</t>
  </si>
  <si>
    <t>Students do not care about reflection. This is not relevant!</t>
  </si>
  <si>
    <t>This is good!</t>
  </si>
  <si>
    <t>This proficiency scale doesn't make any sense.</t>
  </si>
  <si>
    <t>Il y a trop de bulletins + Fresh Grade + Auto-évaluation des compétences essentielles.</t>
  </si>
  <si>
    <t>Avec le CSF, nous avons déjà une échelle de performance satisfaisante.</t>
  </si>
  <si>
    <t>Trop d'auto-évaluation.</t>
  </si>
  <si>
    <t xml:space="preserve">Encore trop d'évaluations </t>
  </si>
  <si>
    <t>On fait déjà cela.</t>
  </si>
  <si>
    <t>J'imagine que c'est plus facile pour les universités.</t>
  </si>
  <si>
    <t>It's the same amount of reporting as we currently have and I feel this is sufficient to inform parents/caregivers of their child's progress.</t>
  </si>
  <si>
    <t>It is the same as we are doing now in the primary grades.</t>
  </si>
  <si>
    <t xml:space="preserve">Letter grades in the final years of school are important to have when applying to post-secondary institutions. </t>
  </si>
  <si>
    <t>I agree with the assessment continuity.</t>
  </si>
  <si>
    <t>This is what we are currently doing in the elementary grades and it can be valuable to students growth in the core competencies.</t>
  </si>
  <si>
    <t>Setting goals is more difficult for younger students to understand. I think this policy would need to be adapted for the different ages of the students.</t>
  </si>
  <si>
    <t>This is what I believe we are currently doing and being inclusive is a priority.</t>
  </si>
  <si>
    <t>I have already mentioned my reason earlier in the survey.</t>
  </si>
  <si>
    <t xml:space="preserve">from a highschool perspective I think I only need to hear around midterm and final. I would like to know if my child's Mark's drop significantly or are close to failing. I'd rather have the teacher developing activities that are engaging and meaningful than spending time writing reports. </t>
  </si>
  <si>
    <t>I prefer meeting not meeting and exceeding f makes more sense but use letter grades in the middle school years</t>
  </si>
  <si>
    <t>should start in middle school should start in middle school</t>
  </si>
  <si>
    <t>not needed percentages say it all. I want my childs teacher working on meaningful class activities not reporting to me all the time</t>
  </si>
  <si>
    <t>waste of time</t>
  </si>
  <si>
    <t>5 times is too much maybe 3</t>
  </si>
  <si>
    <t xml:space="preserve">It's a LOT of extra work and time to work with students to set goals and learn about and then reflect on core competencies.  This takes up extra classroom time, which is fine but then reduces the amount of curricular activity we can cover. Two summative reports is enough. </t>
  </si>
  <si>
    <t xml:space="preserve">This langauge is better than letter grades but I don't like it as much as the "meeting expectations" language in that it's more vague about meeting grade levels. I can live with it. </t>
  </si>
  <si>
    <t xml:space="preserve">Again, this takes up a lot of classroom time and having to do three written reports takes away the emphasis from the student reflections when that is the key goal. </t>
  </si>
  <si>
    <t xml:space="preserve">I've always done this - but when appropriate through the year.  Now it's going to be timed which makes it less meaningful.  Take away one written report and we'll call it even. </t>
  </si>
  <si>
    <t xml:space="preserve">I don't see this as a change.  Finding enough staff to work with our diverse learners is a whole different ballgame, however, and until these children are properly supported, changing language around evaluation processes will be meaningless. </t>
  </si>
  <si>
    <t>If you value student input then take away the emphasis on teacher produced reports and give us the time!!! It means that you'll have to change the school act so do so! Districts that are using e-portfolios are showing parents far more work than they used to get - why keep the same number of reports?</t>
  </si>
  <si>
    <t xml:space="preserve">extra workload 
pandemic </t>
  </si>
  <si>
    <t>Seeking a shift top ongoing assessment and portfolios</t>
  </si>
  <si>
    <t>It's great- just please extend to secondary</t>
  </si>
  <si>
    <t>Percentages aren't viable or research informed and only serve to rank kids.</t>
  </si>
  <si>
    <t xml:space="preserve">Why only an encouragement? Should be a total shift. </t>
  </si>
  <si>
    <t xml:space="preserve">Then show this desire by eliminating percentages. </t>
  </si>
  <si>
    <t xml:space="preserve">Too much extra work </t>
  </si>
  <si>
    <t>I already use proficiency scales to evaluate.</t>
  </si>
  <si>
    <t>Sounds like IEPs for all students.</t>
  </si>
  <si>
    <t>Planning, marking and reporting already take e tea hours outside our teaching day.</t>
  </si>
  <si>
    <t xml:space="preserve">It doesn’t seem much different </t>
  </si>
  <si>
    <t>I like scale, but would also like to include a performance score as well, like we used to with letter grades</t>
  </si>
  <si>
    <t>I would like this for all grades 4 to 12</t>
  </si>
  <si>
    <t>Unless you devote a lot of time coaching students on how to write and use these self assessments, they don’t provide any useful information to parents. Many parents have expressed to me they don’t understand why they are included with the report card</t>
  </si>
  <si>
    <t>Great idea and something I already do</t>
  </si>
  <si>
    <t xml:space="preserve"> I’m not sure how this differs from current reporting</t>
  </si>
  <si>
    <t>Its not providing useful info and is often a struggle to get students to put effort into complete. I’m often embarrassed to send them home</t>
  </si>
  <si>
    <t>Spanish</t>
  </si>
  <si>
    <t>Sounds like more work, especially the written ones.</t>
  </si>
  <si>
    <t>I use a similar system in my classroom assessment already in grade 9.</t>
  </si>
  <si>
    <t>I use a similar system in my classroom assessment.</t>
  </si>
  <si>
    <t>I've been trying to go gradeless by getting rid of letter grades, percentages in my classroom and focusing more on descriptive feedback and assessing based on a proficiency scale for languages. In my opinion, switching to a proficiency scale and still keeping grades and percentages defeats purpose.</t>
  </si>
  <si>
    <t>I am concerned about this taking up time from actual learning (from a language acquisition perspective, students need the target language).  I already do self-assessment in the class and I keep it short and sweet. I would not want it to take up more time than it has to.</t>
  </si>
  <si>
    <t>I am concerned about this taking up time from actual learning (from a language acquisition perspective, students need the target language).  I already do goal-setting in the class and I keep it short and sweet. I would not want it to take up more time than it has to.</t>
  </si>
  <si>
    <t>Takes time.  Will we be given time?</t>
  </si>
  <si>
    <t>More work and expectations on top of everything we already do.  I would like to see time built in for us to do this well.  I like idea of proficiency scale but defeats purpose if still keeping traditional grading system. Please see Teachers Going Gradeless.</t>
  </si>
  <si>
    <t xml:space="preserve">As a teacher I will need to be provided tools and trainings on how to implement this requirement. I have bien doing that kind of goal setting (using SMART) but not as formal as it will be with the new policy. </t>
  </si>
  <si>
    <t xml:space="preserve">too much reporting adds unnecessary stress onto teachers especially when Social Emotional Learning is the focus for many educators </t>
  </si>
  <si>
    <t>the language is much easier to use when communicating with parents - to explain their child is emerging in their abilities as opposed to not meeting expectations</t>
  </si>
  <si>
    <t>I do not teach those grades</t>
  </si>
  <si>
    <t>for early primary students, self reflection is a difficult task so support and modified self-assessments for primary grades would be better, less written output</t>
  </si>
  <si>
    <t>unsure of what this would look like at an early primary level</t>
  </si>
  <si>
    <t>the way in which information is reported</t>
  </si>
  <si>
    <t>Young children take an hour to write a single reflection.  This reporting has taken away a lot of teaching time over the last 5 years that SD42 has used it.  I stop teaching in order to have children reflect, pick goals, do mock conferences, to name a few things that we do to prepare for reporting t</t>
  </si>
  <si>
    <t xml:space="preserve">See the previous answer.  Oh dear, you cannot since you have not provided sufficient pace for answers to be expanded or elaborated.  </t>
  </si>
  <si>
    <t>How about providing the funding to adequately support diverse learners?  You are not even providing a BARE minimum to support our children.</t>
  </si>
  <si>
    <t xml:space="preserve">Young children do not have adequate metacognition.  This is time-consuming and takes away from teaching time.  Less teaching and learning is happening because everything stops for 2-3 weeks each term in order to prepare students for reporting.  </t>
  </si>
  <si>
    <t xml:space="preserve">The question is regarding frequency not content. If what is being reported on changes then are we to assume all teachers will be adequately trained during work hours? </t>
  </si>
  <si>
    <t xml:space="preserve">Descriptive feedback is too open. There should be something more prescribed with the ability to elaborate as needed. </t>
  </si>
  <si>
    <t xml:space="preserve">Letter grades and percentages do not “indicate a student’s level of performance” which implies ability when in fact letter grades tell us more about the student engagement level in the course which can vary daily based on exponential factors. Define performance. Universities need to change.  
</t>
  </si>
  <si>
    <t xml:space="preserve">I don’t know what the solution is and I can’t pretend to understand the complexities of grading/evaluating students who are university bound. I do know it needs to be succinct, efficient, and cannot add more to teachers workloads. Unless the ministry is willing to give teachers paid days to report. </t>
  </si>
  <si>
    <t xml:space="preserve">Bogus program. Core competencies are nonsense as they are currently presented. Meaningful reflection shouldn’t be inside a prescribed box. Throwing more work (for equal or less time and pay) at teachers in the form of government boxes to check lead to inauthentic evaluation from all sides. </t>
  </si>
  <si>
    <t xml:space="preserve">This shouldn’t be simply “added” to new things teachers must cover. Revamp the career course to include this and the onus on providing evidence is entirely on the student. It needs to be meaningful for the student. What class would this be part of? </t>
  </si>
  <si>
    <t>There is nothing outlined here that supports the classroom as a whole with one teacher trying to hit every learner’s diverse needs. Do you know what doesn’t get extra support in a classroom? Diverse abilities. All students have the right to inclusion but the government needs to adequately FUND it.</t>
  </si>
  <si>
    <t xml:space="preserve">Fund teachers ability to support diversity and inclusion in the classroom. Provide adequate education assistance by putting an assistant in every classroom to help the diverse abilities that do not bring in individual support. OR reduce class sizes by half. </t>
  </si>
  <si>
    <t xml:space="preserve">The reporting system is fine. I just find that it isn’t always accurate as to how children are actually learning. </t>
  </si>
  <si>
    <t xml:space="preserve">There are too many grey areas in the current reporting system. </t>
  </si>
  <si>
    <t xml:space="preserve"> Not always available to connect  with a visit.</t>
  </si>
  <si>
    <t xml:space="preserve">Does not ensure students work ability.  </t>
  </si>
  <si>
    <t xml:space="preserve">Like this concept better.  </t>
  </si>
  <si>
    <t>Letter grades would apply better inf0.</t>
  </si>
  <si>
    <t>Would not apply to students that are struggling and not in school.</t>
  </si>
  <si>
    <t>Strive for students interests.</t>
  </si>
  <si>
    <t>Good positive start.</t>
  </si>
  <si>
    <t>This is too much extra work for teachers.</t>
  </si>
  <si>
    <t>It is going to be a lot of extra work for teachers, and I think it will take away from the learning and overall the students will suffer from this.</t>
  </si>
  <si>
    <t>It seems like enough reporting at the elementary school level that covers 10 months of the year, but at a high school level that is semestered and only covers five months it seems like too much reporting. Even more so if it happens to be a school on quarter.  Ran out of space to finish comments.</t>
  </si>
  <si>
    <t xml:space="preserve">I find that the k-7 descriptions are useless to me. In my opinion most kids are going to hit the meeting but meeting is a huge spread of skills. It does nothing to tell me how my child is doing. Exceeding really means child should be at next level. </t>
  </si>
  <si>
    <t>Students are moving out of school into a working or post secondary life. There is competition there oh, and some people are better than others. Students need to know how they are doing in order to learn how to improve oh, and I think getting an actual percent gives them a better picture.</t>
  </si>
  <si>
    <t xml:space="preserve">I think parents of students at the secondary level have way more information about how their child is doing than they have ever had before. Many teachers are keeping their marks online and send emails to keep parents up to date. It was better when grades were given starting in gr. 4.  </t>
  </si>
  <si>
    <t xml:space="preserve">I know what my child thinks and how they are doing on things that are covered by the core competencies. Those are ideas that need to be expanded on at home and can added to at school,  but should not take up a lot of school time. </t>
  </si>
  <si>
    <t>It seems like this is going to take up a lot of time that should be better spent learning basic skills like literacy and numeracy. I agree that students should have goals oh, but I don't think they need to self report on them at every single opportunity. Once a year would be enough.</t>
  </si>
  <si>
    <t>I think this is being done now. I think that every student should be assessed on themselves, but then notes need to be made so that it is not considered to be equivalent to the progress a different student made in the same class.</t>
  </si>
  <si>
    <t>It seems like those kind of report to take a lot of time for the teacher to do, and really tell the parents nothing. I haven't spoken to any parents who like the current k-7 reporting, even parents in the school system. Teachers are so busy reporting there's no time to do anything else.</t>
  </si>
  <si>
    <t xml:space="preserve">I found my kindergarten child’s report card to be lacking in detail about his exact progress. It was had more detail about what the class worked on. 
However my daughter’s teacher was fantastic about updates on learning progress through out the year. She sent home grade work periodically as well. </t>
  </si>
  <si>
    <t xml:space="preserve">Every time I I read a report card I have to hunt down the list of what each item means. Each teacher uses different words and it is frustrating. I like the letter grade system much better especially for intermediate grades. </t>
  </si>
  <si>
    <t xml:space="preserve">I think all grades from 2-12 should be using letter grades. It is a much clearer indication of how you child is performing and leaves no room for guessing. 86-100% is an A. That tells me if my child receives an A they have an excellent understanding. </t>
  </si>
  <si>
    <t>It is important to have letter grades and percentages for students in the higher grades. Why add more work for the teachers to use both scales when letter grades and percentages is a clear indication of how a student is performing?</t>
  </si>
  <si>
    <t xml:space="preserve">I don’t think the primary age kids understand their self evaluations and how the relate to their report cards and their understanding of core competencies. However I do understand that it is a building block skill. </t>
  </si>
  <si>
    <t xml:space="preserve">I think goal setting is important. It helps the students be mindful of what they want and how to work towards it in an organized way. </t>
  </si>
  <si>
    <t xml:space="preserve">Diversity and inclusion in the classroom is beneficial for all students. Some disabled students do not have the same abilities as others and their evaluations should be reflective of their abilities rather than their deficits. </t>
  </si>
  <si>
    <t>I don’t think using the Provincial Proficiency Scale for grades k-9 is setting the students up for success. All of a sudden in their most crucial years they are going to have to understand and achieve grade letters.This is some thing they are going to face in university and need to be well practiced</t>
  </si>
  <si>
    <t>The written aspect of the three reports per year is too time consuming and takes away valuable time from learning, verbal and timely feedback for learners, and oral documented self-evaluations. Students need to be engaged with educators and caregivers in positive, authentic discourse.</t>
  </si>
  <si>
    <t>This is the same as letter grades because learning is cyclical (not linear) and should be reported and discussed in the context of where a learner is at in the cycle of learning. Learners cycle through something new, to emerging, to devloping, proficiency, mastery and extending.</t>
  </si>
  <si>
    <t>Self-assessment and self-reflection on learning are difficult concepts and practices, particularily for younger children. While a very important skill set to develop, allowing for students to become proficient requires more focus. All subject areas is too much and sets them up for failure.</t>
  </si>
  <si>
    <t>Students are not all the same and some may have many goals while some have few. Educators must see the individual child. Reporting and goal setting should be specific to the student and their personal situation. Requiring all students to goal set and reflect on all learning becomes a struggle.</t>
  </si>
  <si>
    <t>Inclusion is absolutely necessary in effective learning situations. Treating everyone the same does not achieve equity and is not fair. Reporting for all students should refect the actual need of the student and not how they are fit into all assessments and evaluations as others are.</t>
  </si>
  <si>
    <t>Timely feedback on learning happens in classrooms everyday. Caregivers, teachers, administrators and students should engage in regular dialogue about student learning and not be hindered by written progress reports unless requested by the caregivers. Two wriiten reports are enough.</t>
  </si>
  <si>
    <t xml:space="preserve">This is quite unclear and has little to no meaning for children or parents </t>
  </si>
  <si>
    <t>Reporting requirements are becoming so onerous and take up a lot of instruction time.</t>
  </si>
  <si>
    <t>This is status quo, so I am okay with it. Same as it's been for at least 30 years.</t>
  </si>
  <si>
    <t>I don't see this scale as much different than the previous. Perhaps it's more precise language.</t>
  </si>
  <si>
    <t>I am a big believer in student self-assessment, so I am in agreement with this. I am not so convinced that evaluating themselves on the Core Competencies is the most useful self-evaluation.</t>
  </si>
  <si>
    <t>Goal setting is something I have always done with students and believe in.</t>
  </si>
  <si>
    <t>Format of written reports</t>
  </si>
  <si>
    <t>The written reports at three points during the school year are quite a time consuming task for elementary teachers. I would like to so a simpler format allowed so teachers spend less time (and "sick" days) on getting reports done and more time focused on planning and teaching.</t>
  </si>
  <si>
    <t xml:space="preserve">The current policy in place is adequate.  It is doable for a teacher and it is easy for a parent to understand.  I do not need all of this new make work ideology.  I simply need to know how my child is doing and  if they are respectful members of the classroom.   </t>
  </si>
  <si>
    <t>How is this scale any different from what is in play now?  You are merely changing words.</t>
  </si>
  <si>
    <t>What is the reasoning to grades appearing in Grade 10?  Obviously universities are not impressed with the new system.</t>
  </si>
  <si>
    <t>It is the same theory with different wording.</t>
  </si>
  <si>
    <t>This could make a difference in student attitude towards learning.  I would be interested to know if it does.</t>
  </si>
  <si>
    <t>I understand why this would be useful but I do not want it on a report card.  Just one more way that students with diverse learning challenges etc. can feel poorly about yet another unmet goal.</t>
  </si>
  <si>
    <t xml:space="preserve">This is just wrong.  Students with disabilities and diverse challenges need extra, purposeful support to thrive and flourish.  The removal of this support is why so many students are frustrated and disengaged.  </t>
  </si>
  <si>
    <t>It seems to me that this is a make work project for teachers.  More time spent downloading and assessing than necessary for the same results.  It is also unending information that most parents will not look at.  Keep it simple and effective.</t>
  </si>
  <si>
    <t>Some terms are harder than others to assess students. For example, in the first reporting term, we lose a lot of teaching/assessment time because we have to administer the FSA's. Take away the FSA's and then my answer would change to extremely satisfied.</t>
  </si>
  <si>
    <t xml:space="preserve">There is too wide a gap between proficient and extending. We need something in between </t>
  </si>
  <si>
    <t>It's part of the requirement for colleges and universities and I believe taking letter grades and percentages away from these grade levels causes way too much stress for students.</t>
  </si>
  <si>
    <t>Self assessment is difficult in the earlier grades. There's a fine line between knowing how you're actually doing and the perception. Sometimes it's beneficial for students to have a higher perception (only in the lower grades: k-2)</t>
  </si>
  <si>
    <t>This is an umbrella term. Diversity and inclusion, of course, but every student is so different in their needs and abilities. Sometimes it feels like teachers to teach all students without an EA's in the room.</t>
  </si>
  <si>
    <t xml:space="preserve">I believe if you use a tool like a digital portfolio to assess a students learning this could serve as an update </t>
  </si>
  <si>
    <t xml:space="preserve">It is really difficult to get a young child to be able to self assess. Let alone children with exceptionalities or learning disabilities. I would think this may be a better requirement in higher grades (perhaps 3 and up) while younger grades can begin discussions about it and practice </t>
  </si>
  <si>
    <t>Clear options for digital options like an online digital portfolio</t>
  </si>
  <si>
    <t xml:space="preserve">I find digital portfolios (eg- freshgrade) a great tool to give ongoing formative and summative assessment of learning to the parents in real time. Also it allows for parents who can not always be at the school to stay connected </t>
  </si>
  <si>
    <t>The current expectation does not require ALL subject area to be reported 5 times per year. Math, literacy, and student engagement are, but the remainder are not. Even in the past, science and social studies were expected on 2 out of 3 report cards…not all</t>
  </si>
  <si>
    <t xml:space="preserve">The proficiency scale does not bother me. It is essentially the way I have been reporting for years. </t>
  </si>
  <si>
    <t>irrelevant</t>
  </si>
  <si>
    <t xml:space="preserve">Can’t see teachers using both. </t>
  </si>
  <si>
    <t xml:space="preserve">It is very difficult to get 5 and 6 year olds to self-assess throughout each subject area. It’s hard enough trying to teach them how to set learning goals, self-assessment is not realistic. </t>
  </si>
  <si>
    <t xml:space="preserve">It’s not realistic for young learners. </t>
  </si>
  <si>
    <t>Many learners with special needs are not able to self-assess or set personal goals</t>
  </si>
  <si>
    <t xml:space="preserve">The expectations put on teachers is already causing many stressors which lead to burnout, exhaustion, etc., do not add more. There is no way young students can self-assess all of their learning. This would be teacher prompted, directed, and recorded. It’s an added burden in the early years. </t>
  </si>
  <si>
    <t>Teachers should be help more accountable in tracking their students learning to ensure that that learning is actually being administered.</t>
  </si>
  <si>
    <t>Teachers do not understand how to use this scale appropriately. It is garbage without additional training and continued accountability. Neither are likely to happen.</t>
  </si>
  <si>
    <t>Students need to learn realities of life outside of grade school.</t>
  </si>
  <si>
    <t>This is a good idea, assuming you wont later then decide to take away percentages and letter grades.</t>
  </si>
  <si>
    <t>good practice. teachers need to learn to listen to their students more</t>
  </si>
  <si>
    <t xml:space="preserve">Teacher workload is being increased during a PANDEMIC. My district just  implemented mandatory CSL reporting in 2020/2021 and one year later, reporting is being changed again? How does that provide any continuity? It changed from 3 formal reports to 2 now back to 3 again? </t>
  </si>
  <si>
    <t xml:space="preserve">The best kind of assessment is descriptive because letter grades don’t provide details about how children are progressing. </t>
  </si>
  <si>
    <t xml:space="preserve">If letter grades are required feonpoat secondary that makes sense. However, to transition from the proficiency scale to Letter grades may be challenging for students. </t>
  </si>
  <si>
    <t xml:space="preserve">If the proficiency skill is used K-9, in the formative years, it is difficult to transition to letter grades suddenly. Pick one or the other. </t>
  </si>
  <si>
    <t xml:space="preserve">I value the core competencies. However, for many students and educators, it is a one time piece of paper that is filled out and included with report cards. It should, however, be integrated across learning in all subject areas through out the year to be valuable. </t>
  </si>
  <si>
    <t>Personal goals are important for students. How will it be done authentically? Will teachers include student quotes in reports or will it be an additional reflection to include in the report? Again, we need to be mindful of not always increasing teacher workload and making it another thing “ to do”</t>
  </si>
  <si>
    <t>This concept is very important. However the words above are very vague. What does it look like in the classroom? Are their resources and supports in place to help teachers accomplish this?</t>
  </si>
  <si>
    <t xml:space="preserve">Changes need to be well thought out. Constantly changing reporting guidelines for teachers is unfair, irresponsible and lowers morale. It should be well thought out and please allow time for educators to adjust before you implement change again. </t>
  </si>
  <si>
    <t xml:space="preserve">2. The first update must be provided within in the first 25% of the learning period for a particular subject or course. Not reasonable to do this for short courses like ADST with 5 rotations of 10 weeks. Makes sense only for core teachers
</t>
  </si>
  <si>
    <t>3. All updates on student learning must include student-generated content. (This includes a student self-assessment and student goal setting.) That's only reasonable for core class, not electives/ADST which are very short courses. No time to give parents report when only have them for 10 weeks.</t>
  </si>
  <si>
    <t>Our district uses myEd which most parents have trouble accessing and it creates more work for teachers to write a coherent report. I do not like the copious amounts of pages that my children's reports are on. I would prefer a one page checklist. Less work for teachers and easier to read for parents.</t>
  </si>
  <si>
    <t>previous performance standards weren't consistent across the board. I would only be comfortable using such a tool if it was consistent.</t>
  </si>
  <si>
    <t>I teach younger grades so unsure of how this would work for grades 10-12</t>
  </si>
  <si>
    <t>I teach grade 1. The amount of time I spend scribing for students at the end of the year for SACC is more than enough and to be honest, feels like a make work project. We are always self-assessing orally but to have the paperwork required, is a lot of work for this age and not educationally sound.</t>
  </si>
  <si>
    <t>My kids did this first term and it was not useful. I also did not get a glimpse into what they needed first term for learning as we focused solely on that one goal in our conversation. I had no idea how they were doing in other subject areas and what I could do to help my child in their learning.</t>
  </si>
  <si>
    <t>checklist, easy to read, shorter (back to the one page reports), no myEd</t>
  </si>
  <si>
    <t>reporting becomes so arduous and time consuming, we don't have time to teach.</t>
  </si>
  <si>
    <t>I don't think there has been much change here and communication to parents is important</t>
  </si>
  <si>
    <t>Students on IEPs are required to be placed as emerging on the proficiency scale based on their grade. This is incredibly disheartening for students who have academic adapted IEPs as they will always come out as emerging. They should be graded based on their IEP goals, not grade level.</t>
  </si>
  <si>
    <t>My concern is reporting for students on Academic adapted IEPs and that they are being reported as Emerging on their written reports based on their grade level. Instead they should be graded, using the proficiency scale, based on their academic goals, regardless of grade level.</t>
  </si>
  <si>
    <t xml:space="preserve">The amount of reporting events completed during the course of a year neither satisfies or dissatisfies me. Reporting takes a great deal of time to complete but is a necessary and important part of student learning. </t>
  </si>
  <si>
    <t xml:space="preserve">I appreciate the idea behind giving specific feedback that is actionable to parents and students but at the same time, I worry that this shift may leave students unprepared for post secondary evaluation methods. </t>
  </si>
  <si>
    <t xml:space="preserve">I do think it wise for students to be familiar with the letter grade system before they have the option to attend post secondary. </t>
  </si>
  <si>
    <t xml:space="preserve">I think having the combination of both specific feedback and the letter grade is the best possible option so that students will be able to see what quality of work equates to the different letter grades. </t>
  </si>
  <si>
    <t>Self assessment is something very important to overall evaluation and student buy in. However, self assessment is a unique skill that has to be taught to be administered effectively. Templates and student examples would be helpful tools for teachers to have to administer this effectively.</t>
  </si>
  <si>
    <t xml:space="preserve">Please see notes above. </t>
  </si>
  <si>
    <t>Time of year of reporting, subjects reported on</t>
  </si>
  <si>
    <t xml:space="preserve">Completing the first report within the first 25% of school days is too soon. Teachers are still trying to get students into IEP meetings, school based team meetings, and organize school supports for diverse learners during this time. The assessment wouldn't be accurate. </t>
  </si>
  <si>
    <t xml:space="preserve">I love the proficiency scale.  </t>
  </si>
  <si>
    <t>There are so many thing to focus on, such as dealing with learning needs, goal setting to be authentic and valuable takes a lot of time.  In order for this to be meaningful, students need to buy in and want to participate in the process.</t>
  </si>
  <si>
    <t>Each piece of reporting takes many hours outside of class time to prepare.  Descriptive feedback is good, but needs to be tempered with frequency.  All subject areas, five times per year (three of these reports must be written). A report card with descriptive feedback takes 30 plus hours to prepare.</t>
  </si>
  <si>
    <t>Reporting on all subject areas in the first 25% of the school year is unrealistic for Elementary schools.  Students need that time to learn school rules, student rights and responsibilities as well as time to practice routines and social emotional learning.  All subject areas can't be reported on.</t>
  </si>
  <si>
    <t>The new Provincial Proficiency Scale is better than the last one but I'd rather not have a scale.  Instead I'd like to comment on strengths and areas to work on in relation to the competencies and content learned without ranking students.</t>
  </si>
  <si>
    <t>I'm happing to see letter grades and percentages required for only grade 10-12 students and hope that eventually, this system of ranking will not be used any more.</t>
  </si>
  <si>
    <t xml:space="preserve">The proficiency scale is better than letter grades but doesn't give a parent on the next teacher adequate information about the student.  Detailed comments at the 10-12 level would be more effective. </t>
  </si>
  <si>
    <t>This is an effective way of increasing student metacognition. Also, parents like to hear what their children have to say about school.</t>
  </si>
  <si>
    <t>Meaningful goal setting is difficult for elementary students but it is good practice for them.  The level of teacher support needed to do goal setting with younger students makes this a time consuming task.</t>
  </si>
  <si>
    <t>Reporting on all of the subject areas five times is too many.  Some subjects are not taught all the time (for example science.) For the first informal report, I share information about how the child is settling in, their work habits and how they are with social emotional learning.</t>
  </si>
  <si>
    <t>I don't agree with reporting 4 (5 subjects) out of 5 times. I would expect feedback in first third of year not in first quarter as it is to hard for educator is evaluate in that time frame. They should be busy teaching at that time (not evaluating).</t>
  </si>
  <si>
    <t>I don't understand the disconnect between K-9 and 10-12. Grade 10s are extremely underprepared as lower grades have moved away from homework, grades, and tests. They arrive in grade 10 to much more homework, grades and way more tests. We are NOT preparing kids appropriately or fairly!</t>
  </si>
  <si>
    <t>Make it match with K-9 expectations!</t>
  </si>
  <si>
    <t>This aligns better with K-9, but how will this affect university admissions?</t>
  </si>
  <si>
    <t xml:space="preserve">I was able to do this Kindergarten students so any student should be able to reflect on their development of Core Competencies. However, I think the teacher has to choose the focus because each cohort has different needs. </t>
  </si>
  <si>
    <t>Students need metacognition of their learning to know how to progress and improve. However, this will be challenging in younger grades and may require more parental involvement.</t>
  </si>
  <si>
    <t>I agree with some standardization. To confusing with various electronic portfolios and various documents in one school (i.e.: a family with multiple kids in one school receiving feedback in various ways). If you want teachers to provide on-going communication then you can't also expect 4 written doc</t>
  </si>
  <si>
    <t>Five times a year? Teachers have to work, before we get to work, so that we have work to do at work (teaching!). Then, because we have no time at work to actually work (1.5 hrs a week of prep time, a joke), we have to work after work to catch up on work we did not do while at work. Let's add more!</t>
  </si>
  <si>
    <t xml:space="preserve">Let's just make this easier! I am over writing essays (x27 students) three times a year. NO one cares! They just want to see what their child does or does not understand in PLAIN, simple language. </t>
  </si>
  <si>
    <t xml:space="preserve">You need to keep letter grades-- not all universities (especially overseas) are following this route. </t>
  </si>
  <si>
    <t>Honestly, we do not have time to teach the core competencies. I have worked in three schools in the last 12 years. Everyone simple fills them out at the end of the year. We don't follow them..they come naturally, and best to leave it at that. Do you ever even ask REAL teachers their opinions.</t>
  </si>
  <si>
    <t xml:space="preserve">Have any of you EVER taught in a school? Been to a classroom for more than a day? Let's say...a month? This would be a dream to see someone, at the gov level, plan and teach to alllll students. Go ahead. We challenge you :) </t>
  </si>
  <si>
    <t>Please read my comments above. We have no time. NO time! Give teachers more prep to actually prepare....</t>
  </si>
  <si>
    <t xml:space="preserve">The current number of communications of learning is sufficient. This new proposal creates unnecessary additional work for teachers who are already responsible for ongoing communication with families and students throughout the year. </t>
  </si>
  <si>
    <t>The scale is a good tool and helps enable students and families to understand the ways in which learning happens on a continuum. The descriptive written feedback is the problem. There is a lack of a cohesive approach and each teachers feedback is different. It is also inaccessible to ELL families.</t>
  </si>
  <si>
    <t>The disconnect between K-9 and 10-12 has families/students/teachers unable to adjust to the proficiency scale. They cannot understand why there are no letter grades/percentages earlier and therefore there is a lack of buy in to the 4 pt scale which is up against years of A, B, C etc in pop culture.</t>
  </si>
  <si>
    <t xml:space="preserve">Again, the proficiency scale and letter grades are completely at odds with one another in terms of the pedagogical world of assessment philosophies. The two do not mesh well together. It needs to be one or the other. It offers the opposite of continuity. </t>
  </si>
  <si>
    <t>This requires a high level of reflective thinking and the way this looks for primary students often feels irrelevant to their families insofar as it actually representing where their child is at in their learning. I think it can be more meaningful for older students.</t>
  </si>
  <si>
    <t>These tasks that are being proposed require a lot of time and structure. What frameworks will you provide teachers in order for them to weave it into the already overloaded curriculum we are required to teach? Will you have different frameworks for each grade? This is far too vague a plan.</t>
  </si>
  <si>
    <t>I agree that we should be inclusive of all learners–so adjust your flawed model of inclusion before you start adjusting how assessment works for these students. Hire more support staff, pay them more. All students in 'regular classrooms' is NOT inclusive or equitable. Who will help meet these needs?</t>
  </si>
  <si>
    <t>The amount of time that the proposed "frequency of reporting" would add to a teachers workload is absurd. Either offer some pared down options like checklists of the past that are far less time consuming and easier for families to understand or stick with two ridiculously long written reports.</t>
  </si>
  <si>
    <t xml:space="preserve">good to keep parents in the loop and work with them . But also lets students know where they stand </t>
  </si>
  <si>
    <t xml:space="preserve">emerging developing proficient extending seem open ended . To have a system  that says  A  B  C  or if not at grade level which grade level and what is being done by student intervention to increase the skill level at what ever grade that student is having success  below grade level should specify </t>
  </si>
  <si>
    <t xml:space="preserve">It clearly states and is communicatable to university trade schools </t>
  </si>
  <si>
    <t xml:space="preserve">I think A B C  and below grade level would be better but it says the same thing </t>
  </si>
  <si>
    <t xml:space="preserve">that is the curriculum and to communicate that to parents is important </t>
  </si>
  <si>
    <t xml:space="preserve">ownership is on students parents families and use teachers support and help with all student growth but . Teaching the student to empower themselves . </t>
  </si>
  <si>
    <t xml:space="preserve">very important </t>
  </si>
  <si>
    <t>move back to letter grades or below grade level</t>
  </si>
  <si>
    <t xml:space="preserve">I believe that continuity and clarity is important parents know  A B C  and below grade level ... emerging development etc is a newer concept ... but aslong as one system and parents know exactly there child is at is the most important </t>
  </si>
  <si>
    <t xml:space="preserve">As professionals we are in constant contact with parents with their students’ progress. When they read the report they already know what’s expected on there. Having MYED open for parents to view students work at the tip of their fingers is quite enough. </t>
  </si>
  <si>
    <t xml:space="preserve">The proficiently scale leaves a lot open for interpretation. BIG gap between Developing and Proficient. </t>
  </si>
  <si>
    <t>Students do not take this component of reporting seriously and neither do the parents who are reading them. They are not tied to their grades. Just becomes another piece for the recycling. If the core competencies were tied in the day to day teaching/evaluation they MIGHT hold more weight.</t>
  </si>
  <si>
    <t xml:space="preserve">This focus is vague and can become a large can of worms (non-quantifiable). Takes a lot of time away from teaching the basics in the primary years. To be honest we are still teaching them not to pick their nose, sit at the carpet and how to hold their pencils properly. </t>
  </si>
  <si>
    <t>Many components concern me. Many districts are not given time to prepare reports….adding more to the already jam packed day would mean something else has got to go…less math, leads rewarding, less science, what are you willing to sacrifice on the busy plate of the already stressed teacher?</t>
  </si>
  <si>
    <t xml:space="preserve">Students should be given TIME to learn. Assessing and Reporting on student progress so often takes away from the critical time teachers have to TEACH students. </t>
  </si>
  <si>
    <t>The word Proficient should be changed to Applying.</t>
  </si>
  <si>
    <t>Assessing and evaluating students in 3 ways (Proficiency Scale, Letter Grades, Percentage) is overboard. Not necessary at all! It all translates into the same thing.</t>
  </si>
  <si>
    <t xml:space="preserve">Self-assessment is a great skill. However, students should only be required to do this once a year (June) or once a term. Students need TIME to learn about themselves and their learning style. Students also need to be taught how to self-assess. This takes TIME. </t>
  </si>
  <si>
    <t>This can be done in High School. Elementary students are not capable of doing this. Primary and Intermediate students are learning about themselves and their learning style. This puts undue stress on students.</t>
  </si>
  <si>
    <t>One size does not fit all! Inclusion does not mean that every student should be assessed and evaluated the same way. A student with disabilities and diverse abilities cannot be planted into a classroom without proper supports.</t>
  </si>
  <si>
    <t>Students must be given TIME to learn. Reporting every 6 weeks takes away from their learning and does not benefit the student. Teachers will be assessing and evaluating instead of teaching which is more important.</t>
  </si>
  <si>
    <t>Number of required reports is too much. It would be much simpler to have maximum of 4 reports: first 25% interim; two written and final summative. Disappointed that we still have percentages in grades 10-12 - not very progressive.</t>
  </si>
  <si>
    <t>Strongly believe in these - it will be a harder sell to grade 8 and 9 teachers. Love no grades!</t>
  </si>
  <si>
    <t>Very disappointed to see percentages still being. Can we not just get rid of this system? Students and parents/caregivers get so fixated on quantifying learning - and that is simply not okay.</t>
  </si>
  <si>
    <t>Proficiency Scale SHOULD be used at 10-12 level - but get rid of percentages!! Then it will be much more meaningful.</t>
  </si>
  <si>
    <t xml:space="preserve">This is very challenging to do at secondary - and, if it is to be meaningful, teachers will need assistance in how to work with students to ensure this is taken seriously by students and caregivers. As a secondary principal, I'd like to know HOW to incorporate this into a digital report? </t>
  </si>
  <si>
    <t>I am pleased to see this as an inclusive report and think the proficiency scale will also be helpful. Teachers will need a lot of guidance about how to use this in accordance with the student IEP.</t>
  </si>
  <si>
    <t>I think percentages are quite limiting to progressive educational assessment. The focus ultimately becomes the number instead of about the learning. I'm really disappointed to see percentages in this draft document.</t>
  </si>
  <si>
    <t>Same number, but not same content. Changes to what is included in each report is confusing. Should be more clearly expressed with a format that can be reasonably utilized by teachers.</t>
  </si>
  <si>
    <t>As long as scale is clearly explained on printed report, like emerging includes below grade level, and there is no letter grade equivalent associated with the scale.</t>
  </si>
  <si>
    <t>The goal in this sentence is: ensuring that students are always mindful of their growth in the Core Competencies and that … The objective to achieve this goal (plus the one that self assessment be included) is that integrated student self-assessment be required across the school year. Ridiculous.</t>
  </si>
  <si>
    <t>Including universal supports for assessments and evaluation will benefit all learners.</t>
  </si>
  <si>
    <t>4 learning updates and a summary report are not new. But content even for 3 written reports and 2 others could be explained more clearly and sound like a more coherent practise. Rewrite this.</t>
  </si>
  <si>
    <t>I think it is very reasonable, and I think it would be good for students and/or guardians to know about how students are doing at school, so I chose neutral.</t>
  </si>
  <si>
    <t>I don’t think it’s bad nor really good, it is just fine for me, so I chose neutral.</t>
  </si>
  <si>
    <t>I personally don’t think the core competency does have effects on helping students be mindful of their growth, so I don’t have any opinions.</t>
  </si>
  <si>
    <t>None. I do think it is good to do that though.</t>
  </si>
  <si>
    <t>It is very kind and understanding do have that to do so, some students would need and appreciate it.</t>
  </si>
  <si>
    <t xml:space="preserve">I do not have any opinions on changing anything. :) </t>
  </si>
  <si>
    <t>All I require are the two written reports, one mid-yer and one end of year. I don't feel a third written summary at the end of the year is required, in addition to the reports. That sounds like a make-work project for my children's teachers.</t>
  </si>
  <si>
    <t>My children's school/teachers spent a lot of time developing their own proficiency scale, and teaching it to the students. I feel introducing a new one now would be very confusing and negate all of the work they put into it.</t>
  </si>
  <si>
    <t>I don't feel letter grades are important, but definitely percentages, which give a more accurate measure. (Unless letter grades are required by universities -- but I am assuming percentages is enough?)</t>
  </si>
  <si>
    <t>There is absolutely no point to that. Also, it would likely mean that elementary students would start comparing the proficiency scale to letter grades, which they shouldn't be doing.</t>
  </si>
  <si>
    <t>It depends what is exactly required.</t>
  </si>
  <si>
    <t>Again, it depends on exactly what is required, and how much class time would be taken up doing this.</t>
  </si>
  <si>
    <t>I am already doing all those reports and not given extra time to do it. Our Prep time in British Colombia is one of the lowest in Canada and we have more and more subjects to teach at the elementary level, so asking us to do more is not realistic.</t>
  </si>
  <si>
    <t>I am already doing all that with the students who are meeting expectation and already contacting the parents when students are not yet meeting or partially meeting. I don't have anymore timed to do more unless you are planning on giving me more time to do it during school hours.</t>
  </si>
  <si>
    <t>not teaching that grade</t>
  </si>
  <si>
    <t>Not teaching that grade</t>
  </si>
  <si>
    <t>Already doing it and most students don't have a clue what they did or what they want, they are too young to know.</t>
  </si>
  <si>
    <t>I am already doing this and most of the time I have to sit with the student individually and discuss what they want and most of them will say what their friend said.</t>
  </si>
  <si>
    <t>We already have IEP for those students and extra meetings with the parents to see what more we can do for those students. What more do you want us to do this is getting ridiculous.</t>
  </si>
  <si>
    <t>The number of reports</t>
  </si>
  <si>
    <t>We already do too much reporting which cuts down on our teaching time with an increase of teachable subjects. Reporting is already a highly time-consuming activity.</t>
  </si>
  <si>
    <t>I prefer 3 in person communication of student learning (student-led, parent teacher, goal setting, etc) and 2 written reports. I feel that with all of our multi-cultural families, many of whom do not speak fluent English, the in person communication is a lot more meaningful and easier to understand.</t>
  </si>
  <si>
    <t>It's a very clear visual. My wish is that we could break down the subjects because this scale only shows an overall mark. For example, in Math a student might be proficient in patterns but not in number sense or add/sub. A parent might only look at the overall mark, even though it is written comment</t>
  </si>
  <si>
    <t>I am 100% for this but there are NOT EVEN CLOSE TO ENOUGH resources for a single classroom teacher to take this on. Inclusion does not mean throwing 30 students within four walls and voila..inclusion. It is meeting the needs of all learners. One teacher alone CANNOT DO THIS EFFECTIVELY FOR EVERYONE</t>
  </si>
  <si>
    <t>I would do the self-assessments twice a year, not just once at the end of the year. I do that anyways but most teachers I know do not.</t>
  </si>
  <si>
    <t>As an elementary teacher I feel that the current 5 reporting periods are frequent enough to gather evidence of learning and communicate progress to parents.  Any more frequent reporting will not provide adequate time for collection of evidence, students need time to hear, process &amp; learn new content</t>
  </si>
  <si>
    <t>I like the terminology, but I wonder if it is any more informative to parents than the current language used on the 4 point scale</t>
  </si>
  <si>
    <t>I am not a 10-12 teacher, but I do feel like the ability to assign percentages will help graduating students access international post-secondary institutions.</t>
  </si>
  <si>
    <t xml:space="preserve">I am not a 10-12 teacher but I am hopeful that having the option to use the proficiency scale will encourage more thoughtful assessment &amp; evaluation of student progress.  </t>
  </si>
  <si>
    <t xml:space="preserve">This is some of the most powerful learning experiences students can participate in and I feel that we work very hard at reflective learning in elementary schools schools.  As students get more older and more able to make conscious decisions about their learning having these skills is critical
</t>
  </si>
  <si>
    <t>This is current practice in my school</t>
  </si>
  <si>
    <t>I feel a four point scale is a four point scale, while the language attached to these points in important, I feel like the new language is more confusing to parents than our current language.  Sometimes I wonder if a number scale would be less open to interpretation.</t>
  </si>
  <si>
    <t xml:space="preserve">Right now I am using a program where I report in real time. I love using it when I find it super helpful for the parents. I would need a lot of clarification on if that would be considered the 2 formal written reports. If it does not, then I am vehemently opposed. </t>
  </si>
  <si>
    <t xml:space="preserve">I am doing that already, I am just doing it in real time as I post things on Freshgrade. It is really good to get families involved. Overall better for families and teachers. It also eliminates the horrendous stress of “report card writing”. Teachers are stressed enough. </t>
  </si>
  <si>
    <t>Wasn’t the goal to move away from this… wasn’t the goal to be reporting on what kids could do? Learning involves a range.  Percentages are so concrete and specific. If a kid could get a 100% on a good day and a 65 on a bad day, are we really assessing what they can do accurately? This is going backw</t>
  </si>
  <si>
    <t>I prefer a letter grade system. This four point system is confusing and less measurable then a letter grade system.</t>
  </si>
  <si>
    <t>I prefer the letter grade system. It is clear and easily measurable.</t>
  </si>
  <si>
    <t>I would prefer to see letter grade and percentage reporting for all grades. It is clear and more measurable than the four point proficiency scale.</t>
  </si>
  <si>
    <t>The question is really should there be 5 and what forms should they take. What is wrong with the existing 2 informal parent conference meetings and 3 written reports. It seems reporting on all subject areas is onerous - 5 times per year</t>
  </si>
  <si>
    <t>Parents who are exposed consistently to grades are questioning what each of these words mean. This adds more work to explaining to parents. More is put onto the teacher😬 Covid added a ton - additional expectations are making teaching less manageable.
We have 28 computers and 60 laptops 556 students</t>
  </si>
  <si>
    <t>It is what has been done. Why not use in 4-9 without percentage</t>
  </si>
  <si>
    <t>As noted prior</t>
  </si>
  <si>
    <t>It has been what we have been doing. Honestly it is yet another hoop we as teachers are expected to have studenrts perform or hoop to jump through</t>
  </si>
  <si>
    <t>teachers already do this. Does not need to be mandated. Seems like yet another hoop we as teachers are expected to have studenrts perform or hoop to jump through</t>
  </si>
  <si>
    <t>Duh - this is what is already done. Why flog obvious?</t>
  </si>
  <si>
    <t>Too frequent - what is wrong with current system?</t>
  </si>
  <si>
    <t>Its harder with COVID to not have all 4 written as it's difficult to do things like "student led conferences".</t>
  </si>
  <si>
    <t>I already use this and I like it way better than letter grades or other descriptive words.</t>
  </si>
  <si>
    <t>Do not teach here.</t>
  </si>
  <si>
    <t>Would be cool, but not sure it's helpful for university?</t>
  </si>
  <si>
    <t xml:space="preserve">Students should reflect on themeselves and their learning - this is a good thing.  </t>
  </si>
  <si>
    <t>I use goal setting, but it's difficult to include student goals in reporting when they can sometimes not think of anything or do not complete the goal setting even with various adult's help.</t>
  </si>
  <si>
    <t>I think I know what this means - and I try my best...but what does this actually mean?  This wording seems rather ...</t>
  </si>
  <si>
    <t>It's a lot.  I feel like I'm always reporting on something with not enough information.</t>
  </si>
  <si>
    <t xml:space="preserve">
- too much pressure for students
 -  unreasonable increase of the workload for teachers 
 -if yes, we need an increase of salary because each report takes me 2 weeks of overtime job. Some of us teach 250 students teaching itinerant band in 3 schools.
</t>
  </si>
  <si>
    <t xml:space="preserve">I got used to this scales. However, parents and students still see it as A, B, C and D </t>
  </si>
  <si>
    <t>This will develop a critical thinking for majority of students.</t>
  </si>
  <si>
    <t xml:space="preserve">I believe self-assessment is very powerful tool for students.  </t>
  </si>
  <si>
    <t>AS a rotation teacher (electives), I am unsure how the reporting order will work for us.  With my classes changing every 6 weeks and teaching the whole school, I am wondering if this will be an increase in work load or I will be reporting with insufficient evidence.</t>
  </si>
  <si>
    <t>I agree with letter grades, especially at the senior grades.</t>
  </si>
  <si>
    <t>This sounds like a lot of additional work for the senior teachers.  I wonder if with detailed comments on report cards the same level of information is already being provided?</t>
  </si>
  <si>
    <t>Self-reflection is important as well as student being able to understand next steps.</t>
  </si>
  <si>
    <t>Would like more information about this (the MAP or other?)</t>
  </si>
  <si>
    <t xml:space="preserve">Another question I have is on the IE section.  How will this work for classes that end at the end of each quarter?  If a student completes a course in November, it would not be easy to follow all the students all year to ensure they are completing these plans.  </t>
  </si>
  <si>
    <t xml:space="preserve">The more structured communication home the better.  However, the requirement to provide percents and letter grades for 3 of those communications is detrimental to the intent of formative communication.  Please consider removing this requirement for all but one.  </t>
  </si>
  <si>
    <t xml:space="preserve">the 4 point scale removes the subjective aspect of percentages.  When accompanied by descriptive feedback, this type of communication is far more likely to promote learning and growth. </t>
  </si>
  <si>
    <t xml:space="preserve">the proficiency scale in ADDITION to percents and letter grades defeats the purpose of the proficiency scale.  It causes confusion and the tendency to "convert" the proficiency scale to percents.  </t>
  </si>
  <si>
    <t xml:space="preserve">be more specific about what this can look like and provide infrastructure (ie: in MyEd) and examples.  This is far to open and subject to VAST interpretations. </t>
  </si>
  <si>
    <t>this has not been supported or explained in ANY detail whatsoever.  this is a total mystery and in addition to the Career Education Program and Core competencies, it is redundant (I think?  but I am not positive because I am not really sure what this is.)</t>
  </si>
  <si>
    <t>Not fair to limit to one as I would also choose: 
student goal setting
frequency of written reports and 
doubling the 10-12 reporting with proficiency scales and letter grades/percents</t>
  </si>
  <si>
    <t xml:space="preserve">I think the reporting times are sufficient </t>
  </si>
  <si>
    <t>The change for grade 9s to not have letter grades is difficult as our school is 9-12. Having staff be able to assess differently for the grade 9s will be a challenge, as many staff have no training in the proficiency scale.</t>
  </si>
  <si>
    <t>It will make sending transcripts to post secondary institutions easier.</t>
  </si>
  <si>
    <t>Why is it just a suggestion for these grades. The language used to communicate to parents should be similar to that of K-9</t>
  </si>
  <si>
    <t>Student input is key to establishing a voice for students in their learning</t>
  </si>
  <si>
    <t>It is about time. Schools need to develop the person not just the academic</t>
  </si>
  <si>
    <t>Inclusive education has come a long way, but has a long way to go still. Responding fully to the needs of individuals with diverse abilities is imperative. Teachers though, need more training in doing so.</t>
  </si>
  <si>
    <t xml:space="preserve">Having a strict number of reporting periods for high school does not take into account liner vs. semester classes. It is very difficult to report on students for the first reporting period when you are teaching a linear class in a high school.  There needs to be flexibility. </t>
  </si>
  <si>
    <t>It keeps the scale consistent with elementary reporting practices.</t>
  </si>
  <si>
    <t xml:space="preserve">The letter scale lines up with the Provincial Proficiency Scale. Ex.  If a student achieves an A they are extending. It is redundant to use both.  </t>
  </si>
  <si>
    <t xml:space="preserve">This must be completed in a meaningful way, otherwise it is pointless. It also must be expedient.  Teachers already have students self- report on core-competencies during classroom time. </t>
  </si>
  <si>
    <t xml:space="preserve">I think having students participate in setting a meaningful goal for each reporting period is valid. However, it must be done in a way that is not cumbersome to the teacher and so that students find it purposeful.  It should not be overwhelming. </t>
  </si>
  <si>
    <t xml:space="preserve">As long as there are mechanisms in place to make it clear when a student is not working at grade level expectations so that this can be communicated to teachers in subsequent years. </t>
  </si>
  <si>
    <t xml:space="preserve">With technology, many teachers are communicating student learning and reporting on a daily basis.  Teachers use online gradebooks or online portfolios and students and parents can see immediately how students are doing.  Having 5 reporting periods is not necessary in our digital age. </t>
  </si>
  <si>
    <t>Frequent communication with parents and students is of benefit for the learners in our classrooms.</t>
  </si>
  <si>
    <t>It is best for skill development. Percentages and letter grades don't necessarily allow for students to see their areas of strength and need.</t>
  </si>
  <si>
    <t>I'm unsure still due to the fact that some post-secondary institutions may require letter grades. If they are willing to change their acceptance requirements, I think no letter grades would be of benefit for all.</t>
  </si>
  <si>
    <t>Description of learning achievements better describes student learning than a letter grade.</t>
  </si>
  <si>
    <t>Yes, letter grades are appropriate for senior students.  Grade 9's should also receive letter grades.</t>
  </si>
  <si>
    <t>Sometimes, Core compentency self assessments are false, done quickly and have little meaning for students.  Core compentencies are better taught and reflected upon in a project-style or community-based style learning.</t>
  </si>
  <si>
    <t>Often forced and false responses.  True self reflection of core competencies comes from an extended experience and reflection on the process.</t>
  </si>
  <si>
    <t>A well developed and effective percentage and letter grade system can not be and should not be replaced by a vague and ineffective written summary reports.</t>
  </si>
  <si>
    <t>Provincial Proficiency Scale policy is an incomplete and poorly designed assessment method. It's not based on fundamental science/art of education. It has little to do with proven pedagogical theories. It can not be used as a legitimate assessment tool.</t>
  </si>
  <si>
    <t xml:space="preserve">Based on the personal experience, a vast majority of students can not properly evaluate their own educational growth. </t>
  </si>
  <si>
    <t>The context of the proposed policy suggests the idea of the actual nonexistence of the diversity and inclusion practices at school, which isn't true.</t>
  </si>
  <si>
    <t xml:space="preserve">Letter Grades &amp; Percentages as a requirement in Grades 6-12 reporting </t>
  </si>
  <si>
    <t>Parents at our school have online access to student assessment information, with teacher comments, on an ongoing basis.  There is no indication in the policy how contunious reporting fits into the 5x year framework.</t>
  </si>
  <si>
    <t>the 4-pt scale is too borad to apply to entire subject areas.  Rather, it should be applied to individual competencies.  Also, since the curriculum is comprised of knowledge and skills, a skill proficiency scale only paints part of the picture.  this field is not long enough for my whole response</t>
  </si>
  <si>
    <t>Letter grades do not provide any additional information over percentages.  They are lower resolution, so their existence combined with percentages needs a rationale.</t>
  </si>
  <si>
    <t>The policy should recognize current technology that allows for continuous, real time reporting.</t>
  </si>
  <si>
    <t>The only reports I received last year were 2 reports at the standard report card time, which just had standard text copied &amp; pasted, so I had no idea truly how my child was doing or progressing. Needs to be personalized. If the proposal is to do the same as last year then I wouldn’t be satisfied.</t>
  </si>
  <si>
    <t xml:space="preserve">This is much more valuable to me as a parent, so I know how my child is doing and areas I can work on with her. Also, personalization of feedback is absolutely necessary and valuable. </t>
  </si>
  <si>
    <t xml:space="preserve">Need a gauge on how doing in relation to post-secondary requirements, and need to provide that info in application. </t>
  </si>
  <si>
    <t>Gives a better idea of areas to work on</t>
  </si>
  <si>
    <t xml:space="preserve">Gives buy-in and awareness to the student, lets them participate in their assessment, gives more responsibility, ownership, and understanding to the student. Also lets us parents and educators know what the student thinks. </t>
  </si>
  <si>
    <t xml:space="preserve">Reasons as in response above. Also, teaches them the process of setting and attaining goals. </t>
  </si>
  <si>
    <t xml:space="preserve">This is self-explanatory. We need to be inclusive of all learning needs to be equitable. </t>
  </si>
  <si>
    <t>Just that the frequency of reporting be met, and be more individualized</t>
  </si>
  <si>
    <t>It can be frustrating for a teacher to spend enormous amounts of time writing out feedback and not have parents even read it. It also excludes the student who needs the parents to read or show them the report. Some things are difficult to explain in written format and would be better in conversation</t>
  </si>
  <si>
    <t xml:space="preserve">We have been using this scale for a while and students and parents understand it. </t>
  </si>
  <si>
    <t xml:space="preserve">I believe there still needs to be letter grades at this level. </t>
  </si>
  <si>
    <t xml:space="preserve">I 100% approve of student assessment but it needs to be done in a way that works for that teacher and student. A principal handing a checklist to a student is not helpful. The teachers need to have autonomy over this aspect and have individualized ways for students to communicate their learning. </t>
  </si>
  <si>
    <t xml:space="preserve">Again I agree but it needs to be mindful of different ages and abilities through the grades. These goals and reflections need to be created by the teachers and students to fit the specific needs and be meaningful. In the past I have had a principal hand me a sheet for a child to fill out. </t>
  </si>
  <si>
    <t xml:space="preserve">Of course. </t>
  </si>
  <si>
    <t xml:space="preserve">There needs to be less written work for the teacher to complete as it is not always productive and meaningful. In person conversations, students led conferences, student portfolios etc need to be more at the centre. Fall-set goals in person, Jan- in person student conference, June written report </t>
  </si>
  <si>
    <t>Present reporting is adequate; can be maintained  in proposed draft.</t>
  </si>
  <si>
    <t>Scale is reasonable</t>
  </si>
  <si>
    <t>Percentages can further support other indicators of progress.</t>
  </si>
  <si>
    <t>question ability of all students to complete accurate self-assessments</t>
  </si>
  <si>
    <t>could be valuable exercise, depending upon teacher and student buy-in, follow through</t>
  </si>
  <si>
    <t>I don't have a clear vision of what this could look like</t>
  </si>
  <si>
    <t>clear indication of what a learning update should like, if it is to be a credible an official document</t>
  </si>
  <si>
    <t>International students often require official progress "report cards" and a locally crafted interim report would not have the official caché of a document with letterhead etc.</t>
  </si>
  <si>
    <t>I think we should use letter grades in all levels of schooling</t>
  </si>
  <si>
    <t>This is too many. As a french kindergarten teacher, I would be required to report on 8 subjects 5 times per year for 20 students (because my classroom is ALWAYS at capacity). That is 800 reports in a year. That is excessive. Parents don't even read the reports we do now. 3 would be sufficient</t>
  </si>
  <si>
    <t>I like the use of the proficiency scale, but again the formulation of specific comments for improvement for each subject for each child is a ton of work. Some supports and guidelines would need to be in place for this from the ministry to facilitate this.</t>
  </si>
  <si>
    <t>In kindergarten, this is an unrealistic expectation for many students.</t>
  </si>
  <si>
    <t>Again this is an unrealistic expectation in Kindergarten</t>
  </si>
  <si>
    <t>As mentioned, this is excessive workload for teachers and excessive communication for parents.</t>
  </si>
  <si>
    <t xml:space="preserve">To me this seems like added layer of stress and disappointment if goals are not met. Reflecting on the past few months to see what you didn't get done could be quite deflating. </t>
  </si>
  <si>
    <t xml:space="preserve">The burden to provide this much written communication is incredibly onerous on teachers. It increases our workload immensely.  We just switched from 3 report cards to two - why switch back again?  Communication under the latest change to reporting which was only just changed!! </t>
  </si>
  <si>
    <t>The old system of letter grades and areas under each subject area to provide a proficiency (ie. Language Arts - reading, writing, representing, viewing, speaking, listening) was much more informative that what we have now. All the extra communication is in trying to explain how their child is doing.</t>
  </si>
  <si>
    <t>Letter grades and percentages should be returned to Gr. 4-12.  It is much more informative than what we use now.  Most parents don't understand this new system and I find I have to equate it all to percentages and grades so they understand how their child is doing.</t>
  </si>
  <si>
    <t>This is ridiculous - the request to equate letter grades and percentages to the proficiency scale proves how completely useless the proficiency scale is in telling parents how their child is doing.  It also increases a teacher's workload because a 5 point scale does not match a 4 point scale.</t>
  </si>
  <si>
    <t xml:space="preserve">This assumes that students care about their learning, about school and about their own growth.  This is fine for students who care, but for those students who are disengaged, this is like pulling teeth. </t>
  </si>
  <si>
    <t xml:space="preserve">No where on a current report card are we allowed to even comment on a child's shortcomings, no matter how obvious it may be that a child is not at all functioning at grade level.  Parents are left with the false impression that their child is doing fine academically. </t>
  </si>
  <si>
    <t>Reporting twice a year, as we have just switched to only a couple of years, with the increase in parent communication is more than sufficient communication with parents.  Adding more written reports increases our workload but offers no new information to parents.  Kids only change so much in a year.</t>
  </si>
  <si>
    <t>French and English equally</t>
  </si>
  <si>
    <t>I like the format of 2 informal reports and 3 formal reports per year.  Any more would be too much and wouldn’t leave enough time in between reporting times for proper assessment of student progress.</t>
  </si>
  <si>
    <t>The proposed reporting policy has descriptive feedback for the 3 formal reports along with the level of performance in each area. I feel that 3 reports with descriptive feedback is too much. Parents aren’t interested in reading all of this (it’s 3-4 pages long). I report with feedback is enough.</t>
  </si>
  <si>
    <t>This will prepare them for college and university and is often required by colleges and universities.</t>
  </si>
  <si>
    <t>I think an equivalency scale can be added to the top of the report. It is not necessary for teachers to enter a percentage and a proficiency scale “mark” for each subject area for each report.</t>
  </si>
  <si>
    <t>This would have to be standardized for all schools and teachers like the reports are. Right now, each teacher/school uses their own model and it’s not fantastic.</t>
  </si>
  <si>
    <t xml:space="preserve">I think that the students should ether report on their goal setting OR on their core competencies over the course of the year. Including both in the report card is a lot and unnecessary. </t>
  </si>
  <si>
    <t>I feel this is already the case.</t>
  </si>
  <si>
    <t>It’s asking a lot of students and teachers and I feel this is obsolete if we are already asking them to report on the core competencies more often throughout the year.</t>
  </si>
  <si>
    <t>Non enrolling teacher</t>
  </si>
  <si>
    <t>it is a more comprehensive eveualtion</t>
  </si>
  <si>
    <t xml:space="preserve">Status quo
</t>
  </si>
  <si>
    <t>More work to do and not a provincial standard</t>
  </si>
  <si>
    <t>removes students as passive learners</t>
  </si>
  <si>
    <t>It gives an accurate picture of where my child is at in the course they are taking.</t>
  </si>
  <si>
    <t>Universities are not changing to proficiency scales and doing that at the secondary levels only cause confusion and potentially place grads at a disadvantage.</t>
  </si>
  <si>
    <t>re above answer for those that transition to university and or trades school.</t>
  </si>
  <si>
    <t>Those students that are self aware  in the area of self assessment, they get the ways in which they grow an are excited to see that growth.  Many others are not interested or able to for a variety of reasons., Particularly during the mental health challenges that are currently presenting themselves.</t>
  </si>
  <si>
    <t>Students have varied interests and if they are able to have some say in their growth then they are more apt to take ownership of their learning.</t>
  </si>
  <si>
    <t>I think that is a reasonable amount of reporting.</t>
  </si>
  <si>
    <t>I think it’s the same style of assessment with different wording. Codifying s students progress in any word, number or letter pits limitations on their progress. I think qualitative reporting is much more meaningful, albeit a shift on the status quo.</t>
  </si>
  <si>
    <t>I think self assessment is important. I think the language surrounding the core competencies is out of reach for many students and it’s extra work for teachers to “translate” them…time we don’t have.</t>
  </si>
  <si>
    <t xml:space="preserve">Again, great idea if it’s done correctly in a way that’s meaningful to the child. Goal setting isn’t simple, most adults struggle doing it themselves let alone teaching it. </t>
  </si>
  <si>
    <t>See previous statements.</t>
  </si>
  <si>
    <t xml:space="preserve">Informal Learning Updates are often well attended by affluent families, and not attended by families at higher risk / less stability.  
This inequity doesn't support marginalized families and students, and adds un-necessary work for teachers.
</t>
  </si>
  <si>
    <t>There is subjectivity in these 4 terms, emerging, developing, proficient and extending, between teachers, parents, students.  Experienced, trained teachers may vary in their interpretation of the language, and may not have time to clarify with colleagues (i.e. gr. 4 PE varies by schools, towns etc.)</t>
  </si>
  <si>
    <t>My impression is that 10-12 teachers still emphasize content over competencies, and value summative over formative assessment.  Until these prerequisite skills / values / philosophical shifts are met there is no point in changing assessment.</t>
  </si>
  <si>
    <t>For teachers, the inclination to simply correlate their existing poor/questionable numerical assessment practices with revised language may miss the spirit of this policy change.  Gr. 10-12 teachers need professional development and training in the how (myEd) and the why (research).</t>
  </si>
  <si>
    <t>Self assessment is important, but challenging.  Teacher's may compromise instructional time to scaffold and ensure it is a meaningful use of time.  Schools, districts, departments etc require time to coordinate efforts to ensure manageable workloads for teachers and meaningful impacts for students.</t>
  </si>
  <si>
    <t>This is really difficult for most children to articulate.  Additionally, teachers are not infinitely flexible in what learning opportunities that are able to offer for their students.</t>
  </si>
  <si>
    <t>Synthesizing three policies into one is very logical.</t>
  </si>
  <si>
    <t>Forced goal-setting can't be a valuable use of time, if a principal forced their staff to set goals would that go over well?  Especially if it was in something you were not particular successful at?  Is there research to back this practice up?</t>
  </si>
  <si>
    <t>At my children’s school they get 3 written report cards and one parent teacher conference, the second in school one is student led but you don’t get a chance to meet with the teacher, so I enjoy looking through my child’s work but don’t know if it’s good or bad compared to what exemplary work is</t>
  </si>
  <si>
    <t xml:space="preserve">I think there could be another one in between proficient and extending </t>
  </si>
  <si>
    <t xml:space="preserve">At some point you need to know where all these comments fall in the marks department for university </t>
  </si>
  <si>
    <t>I just don’t want a report card that could be anyone and just tells me what my child can do but currently the report card doesn’t say what the need to work on</t>
  </si>
  <si>
    <t xml:space="preserve">We currently are providing 5 communication including 2 formal written reports and it is perfect. I do not wish for my staff to have to write a 3rd report during the course of the year. This would greatly take away from all the communication that is currently happening in a fluid way. </t>
  </si>
  <si>
    <t xml:space="preserve">I would prefer staying with  Beginning, Developing, Applying, and Extending. </t>
  </si>
  <si>
    <t>This would be completely in-cohesive with all the work done in quality reporting.</t>
  </si>
  <si>
    <t xml:space="preserve">This was an area of growth where we need to embed the core competencies throughout the school year and I am in full support for the self-assessment throughout the year. </t>
  </si>
  <si>
    <t xml:space="preserve">Those goal setting conferences are our favourite way to connect families with their learning in a dynamic way. </t>
  </si>
  <si>
    <t xml:space="preserve">Students must be at the centre of learning. </t>
  </si>
  <si>
    <t xml:space="preserve">Only 2 written reports, not 3. </t>
  </si>
  <si>
    <t xml:space="preserve">As stated before, this would be going backwards. We are using various digital portfolio to share students' learning and teachers will not put all their efforts in those if they must write a third report in the course of the year. </t>
  </si>
  <si>
    <t>It isn't a change in the number of reports needed so that doesn't matter but I am concerned about the proposed increase of things that need to be included.</t>
  </si>
  <si>
    <t xml:space="preserve">We have been using the proficiency scale for a few years in our district so I am comfortable using it. </t>
  </si>
  <si>
    <t xml:space="preserve">Once a year is fine for this type of assessment but asking teachers to do this each reporting period is too much. </t>
  </si>
  <si>
    <t>Will teachers be responsible for teaching the students how to do this effectively and honestly? This is another thing for teachers to do around reporting time which is already too much. If teachers can do this any time throughout the reporting period then include it in the report card, that's fine.</t>
  </si>
  <si>
    <t>first  reporting deadline</t>
  </si>
  <si>
    <t xml:space="preserve">reporting in the first 25% of the year will not show anything of value. This would mean report cards out mid-November, which means reporting period ending end of October. We are just starting to formally assess students in October. Not enough time to assess, self-assess and set goals. </t>
  </si>
  <si>
    <t xml:space="preserve">The goal setting (and thus self-assessment) is not well understood by students in primary grades. Often the goals are too abstract for them to grasp, even though they are meeting them.  </t>
  </si>
  <si>
    <t>Learning reports only as good or useful as the amount of effort and type of information the teacher decides is worthy of sharing. Some teachers seem to provide extremely used feedback, some much less so.</t>
  </si>
  <si>
    <t>The average person doesn’t under what emerging and extending mean in the context of education and learning.</t>
  </si>
  <si>
    <t>I would like to see both grades and the proficiency scale required for all reporting.</t>
  </si>
  <si>
    <t>Student Self assessment is a useful learning tool for students but I personally don’t find the student self-assessments useful to understand what is actually going on with my child’s learning…only their confidence level in reporting on themselves.</t>
  </si>
  <si>
    <t>Learning goals are great so long as they are re-visited throughout the year at different times by the student to see where and how they are or are not meeting them…and so long as they have practical/achievable implementation strategies included.</t>
  </si>
  <si>
    <t>already do this more than stated but not as a mandate</t>
  </si>
  <si>
    <t>suits my area of teaching and philosophy</t>
  </si>
  <si>
    <t>this is av lot to keep track of for the teacher</t>
  </si>
  <si>
    <t>i hate to have to do it at the end of the year, when students don't care and are always asking the why</t>
  </si>
  <si>
    <t xml:space="preserve">If it isn't changing the frequency and volume of work, then I am indifferent. </t>
  </si>
  <si>
    <t xml:space="preserve">It will be consistent for the parents to comprehend. </t>
  </si>
  <si>
    <t xml:space="preserve">Would be consistent but seems to be at the discretion of the teacher. </t>
  </si>
  <si>
    <t xml:space="preserve">Will be interesting to see the process for collection and integration in to the report. </t>
  </si>
  <si>
    <t xml:space="preserve">They should be doing that already in classes and in life, so if they aren't, this is good, and if they are, tis redundant. </t>
  </si>
  <si>
    <t>The concept is sound, but will be keen to have clear direction and guidance on how to ensure it is implemented properly.</t>
  </si>
  <si>
    <t xml:space="preserve">Nothing really needs to be changed, rather explained and detailed. </t>
  </si>
  <si>
    <t>5 updates per year is incongruous with semester based instruction, where we already do 4 reports. A 5th report put earlier in one of the semesters is not useful.</t>
  </si>
  <si>
    <t xml:space="preserve">The Emerging descriptor is not explicitly clear in that it MUST be a failing grade. The language around failure needs to be incorporated into the reporting system, and any reporting system which does not incorporate failure is an incompetent system. </t>
  </si>
  <si>
    <t>Emerging grades on the Numeracy and Literacy assessments have not yet prevented students from graduating. If an Emerging grade is a failing grade for a course, it must be one for the assessments as well. Consistency is mandatory.</t>
  </si>
  <si>
    <t>The 4 point scale that has been promoted is inconsistent and poorly constructed. It does not make pass/fail clear to both students and parents.
It should be removed entirely, and replaced with a more coherently designed scale.</t>
  </si>
  <si>
    <t>This would result in way too much extra work for teachers, which could result in increased burnout, sick time, etc.</t>
  </si>
  <si>
    <t xml:space="preserve">I was fine with the original number. Since there's been no change, I'm satisfied with it. </t>
  </si>
  <si>
    <t xml:space="preserve">I like the idea of it, and wouldn't be mad if more teachers started doing it. </t>
  </si>
  <si>
    <t xml:space="preserve">I think it's challenging to have both percentages and the proficiency scale. </t>
  </si>
  <si>
    <t xml:space="preserve">Who will read this? What are the consequences if it's not done? </t>
  </si>
  <si>
    <t xml:space="preserve">I'm not sure what it means. </t>
  </si>
  <si>
    <t xml:space="preserve">How do we make this meaningful? It doesn't feel meaningful at the moment. </t>
  </si>
  <si>
    <t>My child has learning challenges and an IEP.  I find that more reporting is required to grasp his learning needs.  If he is learning or if he is falling behind then this will be brought to my attention sooner than later and I can intervene at home or we can look at techniques  used at school.</t>
  </si>
  <si>
    <t xml:space="preserve">These are very vague descriptors.  If they are Emerging ...how much is the emerging?  If it is developing is it well on its way or does it need more attention?  or it will develop over the required time frame.  </t>
  </si>
  <si>
    <t>A letter grade should not be required as a percentage is what is required in higher learning.  A letter grade gives a misconception of percentage as it can rage.  IE A is 85 all the way to 100% and basing an 86 or 100 on school entrance is very different.</t>
  </si>
  <si>
    <t>Some students are not able to self asses.  Each student is different in ways they communicate.  Verbal, written and showing communication are all different and r different for each individual and does not determine there success in the future.  Social skills may not be strong and hinder self esteem.</t>
  </si>
  <si>
    <t xml:space="preserve">The student can not set goals if they are made to self assess when self assessing is not working for them. This is setting them up for failure.  Teachers can see how students are progressing and should be able to advise students on which areas they need to work on, and build skills in.  </t>
  </si>
  <si>
    <t>Our family already has challenges with teachers in the past advising they know my child's needs for learning with ADD however were totally off track and not understanding or having experience with children with his challenges as all ADD children do not have the same challenges and greatly differ.</t>
  </si>
  <si>
    <t>Asking a student to self assess makes no sense as they would then be able to mark themselves also.  The children require mature and experienced feedback not second guess were they are suppose to be at.  This serves no purpose than to undermine self esteem.</t>
  </si>
  <si>
    <t xml:space="preserve">5 reporting periods seems like a lot! The 3 written reports that we do right now is a lot of work already. If we need to add in 2 extra reports, especially if the students need to do self-assessments, it is a lot of time to complete these reports. </t>
  </si>
  <si>
    <t xml:space="preserve">I use the 4 point scale for grading in my class. It makes sense. We just use different language right now (not yet meeting, minimally meeting, meeting and exceeding). Changing the language isn't too big of a shift. </t>
  </si>
  <si>
    <t xml:space="preserve">I agree that the older grades still need to use the letter grade system. </t>
  </si>
  <si>
    <t xml:space="preserve">My students complete the self-assessment on their term 1 and term 2 report cards. I like the self-assessment for these report cards. We do other informal self-assessments throughout the school year, but we do not send these ones home, they are for goal setting purposes. </t>
  </si>
  <si>
    <t xml:space="preserve">We talk about setting goals a lot during the school year. I like that it is included in the report card process as it is now. </t>
  </si>
  <si>
    <t xml:space="preserve">Hopefully the new report template allows for adjustments to be made for those learners on an IEP and are not assessed on the same scales as other learners. </t>
  </si>
  <si>
    <t>Having 5 reporting periods seems like too much. It is already hard to get parents to participate in the 2 conferences that they are required to now and a lot of parents do not even open or read the end of the year report card. I think the reporting needs to be streamlined so parents will participate</t>
  </si>
  <si>
    <t>What is the difference between the written report and the Summary of Learning at the end of the year?</t>
  </si>
  <si>
    <t>I don't think the scale is helpful for parents.</t>
  </si>
  <si>
    <t>The scale does not provide any concrete information.  It's too subjective.</t>
  </si>
  <si>
    <t>This may be helpful for students in higher grades, but not in K to 3.</t>
  </si>
  <si>
    <t>Great idea.  Students have a clear goal to achieve.</t>
  </si>
  <si>
    <t>We already do this when reporting.</t>
  </si>
  <si>
    <t xml:space="preserve">Our kids have IEPs so we also have 3 IEP meetings during the year for feedback. </t>
  </si>
  <si>
    <t xml:space="preserve">I do prefer this to the letter grades but it's important teachers take the time to provide feedback not just checking an area. </t>
  </si>
  <si>
    <t xml:space="preserve">I struggle with how this applies to diverse learners and recognizing their needs. When they are exempt from assessments, the results don't reflect the full picture. Yet when they are required to do assessments it causes undo stress. I think consideration needs to be made for accommodations </t>
  </si>
  <si>
    <t>Must be a safe environment. In schools with bullying, students tend to hide away from being honest. Need to create safe spaces for this honesty (for kids to give and teachers to receive respectfully)</t>
  </si>
  <si>
    <t xml:space="preserve">Gifts of diverse learners don't always align with standardized assessments. Need to give flexibility for alternative ways of including (verbal discussions with EAs, quiet space for 1-on-1, shorter time) </t>
  </si>
  <si>
    <t xml:space="preserve">I've found the public system to talk about inclusion but little action. These kids are often shoved through the system, no one takes the time to understand their strengths or ways to get information (verbal vs written). This sets kids up for failure...but teachers don't have time for modifications </t>
  </si>
  <si>
    <t xml:space="preserve">Hoping that universities eventually change their requirement to look at the whole person and not just grade on the report. </t>
  </si>
  <si>
    <t xml:space="preserve">Letter grades just seem so limiting and “old fashioned”. </t>
  </si>
  <si>
    <t xml:space="preserve">Self assessment is a fantastic skill to take into adulthood. </t>
  </si>
  <si>
    <t>Goals are another necessary lifelong skill!</t>
  </si>
  <si>
    <t>More detail given on the expectations for Learning Updates and Summary of Learning. Are we just renaming the interim and midterm marks to Learning Update? How will this look on MyED will there be a system change or are we still using the mark and comment features?</t>
  </si>
  <si>
    <t>I think this is a good use of feedback to help students move up in their level of achievement.</t>
  </si>
  <si>
    <t xml:space="preserve">Fulfills the needs for students applying to post secondary </t>
  </si>
  <si>
    <t>Ideally moving away from percentages would be best - similar to the IB assessment scale</t>
  </si>
  <si>
    <t>Think it’s a good idea to have students self-assess … much like in IB</t>
  </si>
  <si>
    <t>Again good … like IB</t>
  </si>
  <si>
    <t>I like this ideas … just more information on what/how that looks for teachers, or are we creating it ourselves?</t>
  </si>
  <si>
    <t>Let’s not change the way we assess to make more work/new technology for teachers to learn. I would like to see more of the plan rather than general statements - examples of what these reports will look like. Incorporation of an IB-like system will be beneficial though</t>
  </si>
  <si>
    <t>I am unclear as to the meaning of “written reports” . Under the pilot protocols we have been doing 2 summaries of learning and many updates. I would be more satisfied if I thought the portfolio updates with descriptive feedback, next steps and student assessment were considered 2 of the written .</t>
  </si>
  <si>
    <t>It gives parents a reference that they can use to help decipher the feedback and next steps.</t>
  </si>
  <si>
    <t>I think that the self assessment should be 2 times a year for K-3. They are younger and are working on growth mindset in general for so much of the year that targettes goal setting happens later in the year.</t>
  </si>
  <si>
    <t>They younger students are not yet able to set meaningful goals. Many of my colleagues and I have been working on this since the drafts of the new curriculum. The K-2 are working on growth mindset and self-regulation tools. Generating class criteria and self-evaluation seem to be much more effective.</t>
  </si>
  <si>
    <t>I would focus the goal setting grade 4-12
I would also have digital portfolios be considered one of the written reports.</t>
  </si>
  <si>
    <t xml:space="preserve">I would prefer more reporting periods, but most of the time the information isn’t really valuable to me anyway. </t>
  </si>
  <si>
    <t>This seems fine for elementary school but the categories are so vague, it’s impossible to tell how your child is actually doing in class. A proficient could encompass a wide range of abilities, therefore not telling me anything.  We participated in this pilot project at our school and I did not like</t>
  </si>
  <si>
    <t xml:space="preserve">This is needed for post secondary. Also let’s me know what my child needs to work on. </t>
  </si>
  <si>
    <t xml:space="preserve">Again the proficiency scale gives parents no real information on how their child is doing in school. </t>
  </si>
  <si>
    <t xml:space="preserve">In my experience, the goals my child made (with help from teachers) were not school related but often socially minded. Such as “pay attention better” and “speak up more in class”. In all our years of the pilot no academic goal was made. </t>
  </si>
  <si>
    <t xml:space="preserve">The proficiency scale tells a parent nothing about how their child is doing. It’s too vague and encompasses too wide of a range of abilities. </t>
  </si>
  <si>
    <t>Letter grades allow for a distinct measure. As a parent of a grade 5 student I felt the lack of letter grades in grade 4 a distinct disadvantage.</t>
  </si>
  <si>
    <t xml:space="preserve">This will not be recognized on an international level and letter grades help parents determine where their child sits. </t>
  </si>
  <si>
    <t>How else will BC kids apply to universities and colleges?  What measure does the proficiency scale provide? None. Students need to know where they sit amongst their peers to establish healthy competition and a way for them to measure their own progress in school.</t>
  </si>
  <si>
    <t>Letter grades are needed.</t>
  </si>
  <si>
    <t xml:space="preserve">I agree that students need to set their own objectives and goals, but letter grades should be used throughout to jp them evaluate those goals. </t>
  </si>
  <si>
    <t>This will not be an inclusive evaluation. Unconscious bias plays a role whether you like it or not.</t>
  </si>
  <si>
    <t xml:space="preserve">Experiencing the provincial proficiency scale with my kids in primary and now in grade 5 has been a negative experience. </t>
  </si>
  <si>
    <t>I think children in highschool are ready to receive letter grades</t>
  </si>
  <si>
    <t>This is ridiculous and a total hindrance for application to universities. Will universities switch to this ridiculous scale as well?</t>
  </si>
  <si>
    <t>We just changed to mid-year and year-end report cards and three other communications of learning. Why would be changing back to three written report cards (aka learning updates)?</t>
  </si>
  <si>
    <t xml:space="preserve">Student led conferences are not included in this. Portfolio are not included.  Both are more genuine and child centred </t>
  </si>
  <si>
    <t>Proficient is not a good word it is confusing.</t>
  </si>
  <si>
    <t>We are just getting used to these …..teachers all have different ways how they make them work in their classroom we shouldn’t have to report on them. Students reflect should be on student and teacher not anywhere further</t>
  </si>
  <si>
    <t>My Ed does not work for diverse learners.</t>
  </si>
  <si>
    <t>Communication needs to be ongoing.  Reporting should be flexible student conferences, portfolios etc….</t>
  </si>
  <si>
    <t>I like it for k-3 but think letter grades are clearer for parents after that point.</t>
  </si>
  <si>
    <t>the proficiency scale doesn't translate to letter grades</t>
  </si>
  <si>
    <t>way too difficult for primary students
should be reflection not assessment
they are still very concrete learners and even the categories take a long time to understand</t>
  </si>
  <si>
    <t>goals are too much for primary students</t>
  </si>
  <si>
    <t>I always try to encourage conferencing over written reports. The school year often feels rushed for reporting, it would be great to have four reports. Divide the year in half and have one conference with one written report in each half,</t>
  </si>
  <si>
    <t>Teachers often say they prefer a five point scale similar to A,B,C+,C, C- and that the four point scale results in upgrading for some students.
On the other hand, we have already used these words and this scale now for several years so maybe people are finally adjusting to it.</t>
  </si>
  <si>
    <t>While percentages are required to apply for post secondary it seems not to properly match our evolving system. Percentages are an oversimplification of a system designed for student voice and authenticity.</t>
  </si>
  <si>
    <t>Too much work for teachers and students. Too complicated.</t>
  </si>
  <si>
    <t>Students can learn to self assess their work and reflect on how to improve. Students can learn to advocate for theme selves and take ownership for their progress.</t>
  </si>
  <si>
    <t xml:space="preserve">Students will do more and better when in the drivers seat for their education. They can own their learning when set up to do so, </t>
  </si>
  <si>
    <t xml:space="preserve">Educators must continue to improve their ability to plan for and expect to differentiate their lessons and materials and approaches to meet the needs of students. Aligning the reporting process to fully include all students makes the above actions necessary, </t>
  </si>
  <si>
    <t>I believe informal reporting should be emphasized particularly the use of online student portfolios using tools such as fresh grade and or the evolution of Myed BC tools to publish and record student learning gradually and over time.</t>
  </si>
  <si>
    <t>Don’t feel it’s enough but not willing to do more unless given extra time to accomplish it.</t>
  </si>
  <si>
    <t>Not enough time to do reporting, in class with students (collecting data or goal setting) or for writing the reports.</t>
  </si>
  <si>
    <t>I think 5 are enough as a parent and for teacher workload.</t>
  </si>
  <si>
    <t>The scale makes sense.</t>
  </si>
  <si>
    <t>Currently not my child's age group.</t>
  </si>
  <si>
    <t>Reflecting on learning is important.</t>
  </si>
  <si>
    <t>Another important skill.</t>
  </si>
  <si>
    <t>It should be mandated that Teachers need to give descriptive feedback along with the proficiency scale.  For example, the number of learning outcomes or curricular competencies should be a requirement.  For example, 4 in Language Arts or 3 in Math.</t>
  </si>
  <si>
    <t xml:space="preserve">Some school districts will be able to just have "Language Arts" - Developing, with no curricular outcomes listed for that section.  That doesn't give parents a personalized account of what was taught or assessed. </t>
  </si>
  <si>
    <t xml:space="preserve"> The problem is not the frequesncy of reporting, it lies with the type and format.</t>
  </si>
  <si>
    <t>This format is too vague and wordy. It needs to be concise. This format does not align with the high school and university format.</t>
  </si>
  <si>
    <t xml:space="preserve">Letter grades align with the university, college and trades formatof marking. Students and parents can understand this format. </t>
  </si>
  <si>
    <t xml:space="preserve">Parents and students struggle to define what this means. It  is too subjective. All teachers have their own interpretaion. </t>
  </si>
  <si>
    <t>This works for and helps some students. Many teens find this a waste of time.</t>
  </si>
  <si>
    <t>Teachers do this already.</t>
  </si>
  <si>
    <t>I think 3 reports a year is enough</t>
  </si>
  <si>
    <t>I prefer my children to receive letter grades</t>
  </si>
  <si>
    <t>I think the self reflection is valuable</t>
  </si>
  <si>
    <t>Letter grades in all grades 4-12</t>
  </si>
  <si>
    <t>It is important that parents are fully apprised of their Childs progress so that they can implement changes in the home or through extra supports if necessary to support the Childs learning.  There is no point in telling a parent half way through a term that their child is struggling in Math.</t>
  </si>
  <si>
    <t>K-7 is fine.  Once they reach high school students need to understand the value of grades.  I am totally 100% opposed to removing letter grades for high school students</t>
  </si>
  <si>
    <t>This is confusing.  Letter grades and percentages should only be used.</t>
  </si>
  <si>
    <t>I do not support the removal of letter grades and percentages for grades 8 and 9</t>
  </si>
  <si>
    <t>currently districts are also having school generate mandatory interim reports which in reality is 5 written reports in total which is onerous</t>
  </si>
  <si>
    <t>The terms are meaningless to students and parents - they want letter grades and percentages.</t>
  </si>
  <si>
    <t>Pick one or the other - post secondary institutions do not use proficiency scales. The scales only tell students and parents which broad category they fall into, not how well they are doing ie excellent or just making the grade.</t>
  </si>
  <si>
    <t>Only if students are given support and the teacher is not expected to monitor, draft or produce the information on students' behalf.</t>
  </si>
  <si>
    <t>again - only if students are entirely responsible for producing and uploading the information. Students seldom take "ownership" over their own learning - it is a nauseating phrase.</t>
  </si>
  <si>
    <t>This will only happen if classroom teachers are supported by specialists and if students are fully supported by student aids</t>
  </si>
  <si>
    <t>students find SBG stressful and meaningless - especially in senior grades.</t>
  </si>
  <si>
    <t>In the VSB we have a reporting schedule with 2, not 3, written reports (January and June). This has been a great benefit to our district and I would be very dissatisfied to see us go back to the old 3 written report schedule that was rushed, less insightful, and took time away from teaching time.</t>
  </si>
  <si>
    <t xml:space="preserve">I think this scale gives the right amount of options/information. The terms are easy to understand. </t>
  </si>
  <si>
    <t xml:space="preserve">I think it's appropriate for gr. 10-12 students to have this higher level of specificity of their grades. It also makes sense to other provinces and countries. </t>
  </si>
  <si>
    <t xml:space="preserve">This seems unnecessary, not useful, and a waste of valuable teacher time. </t>
  </si>
  <si>
    <t xml:space="preserve">I feel that the Core-Competency Self-Assessment sheets are not valued by the students. It feels like a hoop they have to jump through each year, not meaningful self-assessment. To do it with every report would be tiresome and take away from time teaching to our students' specific needs. </t>
  </si>
  <si>
    <t xml:space="preserve">This is something I already do with my classes. I think it's a valuable addition to our reporting. </t>
  </si>
  <si>
    <t xml:space="preserve">There should only be 2 written reports in K-7. The level of detail and insight expected in our multi-page reports is too much to be created 3 times a year. I would have to give less attention to my students and teach them less in order to write an added report that the parents are happy not having. </t>
  </si>
  <si>
    <t xml:space="preserve">I find this scale confusing, unsatisfactory, and frankly the kids like receiving grades. </t>
  </si>
  <si>
    <t xml:space="preserve">I think grades are preferable for the kids, teachers and parents </t>
  </si>
  <si>
    <t>Teachers provide almost weekly updates at the secondary level. Communication is very consistent. If these constant reports are recognized, that would be nice...</t>
  </si>
  <si>
    <t>The 4 point scale is obfuscating. It's 4 tangible points. This has gone round and round over the years. It began as O - G - S -U long ago, and has migrated to yet another four point scale.
Please return to A, B, C, C+, C-, I. There is a greater range.
No one wants elementary grading for secondary</t>
  </si>
  <si>
    <t>As stated, percentages have long been the standard. There is no need to change and introduce a confusing elementary scale. Please do not.</t>
  </si>
  <si>
    <t>Stick with percentages. It's universally understood. If you want a skills-inventory list instead of work habits, that is fine. Just create a simple list, for example, laboratory skills.</t>
  </si>
  <si>
    <t>The new curricular goals are a failure. Please go back to the basics. The introspective nature of the competencies is overly subjective. Educators do not even submit data to the Ministry. A final mark is what is uploaded... If the Ministry doesn't store the data, why is it being sought?</t>
  </si>
  <si>
    <t>Where is the data to be stored and checked in the future? How will the Ministry of Education know the result? Goal setting is fine, but a classically informal endeavour. It should remain as such. It is formative, not summative in nature...</t>
  </si>
  <si>
    <t>This is vague and hard to act upon.Educators constantly respond to the individual needs of learners. What is needed is much more elaborate support for learners including skills, learning assistance, tutoring, and more. These levels need much more funding. Some students have low literacy in secondary</t>
  </si>
  <si>
    <t>The Proficiency Scale is vague and isn't improving learning. Back to basics is a simple idea that the previous system wasn't broken. It needed improvements. Parents not knowing the percentage of their children in classes until near-end of the course is unacceptable. This is about conveyance.</t>
  </si>
  <si>
    <t>I want to know my kid's  performance at school.</t>
  </si>
  <si>
    <t>Easy to understand.</t>
  </si>
  <si>
    <t>Kids have no clear ideas of their learning  goals.</t>
  </si>
  <si>
    <t>In a small school, teachers often teach multi level / multigrade classes.  In our school, electives are often ‘9-12’ classes -  meaning two completely separate reporting procedures in a single class: one for the 9’s, another for 10-12.</t>
  </si>
  <si>
    <t>Universities world wide (and PARENTS) recognize ‘letter grades’…proficiency scales actually seem even more abitrary than a letter grade…</t>
  </si>
  <si>
    <t>Letter grades do NOT translate well from proficiency scales (eg) ‘proficient’ does not simply  = ‘B’.</t>
  </si>
  <si>
    <t>Time….too many demands on kids, teachers, admin…</t>
  </si>
  <si>
    <t>‘Could’ work, but a high school teacher would not have enough time to facillitate this for every one of their 200 students…</t>
  </si>
  <si>
    <t>Again, TIME!  When was the last time you were ever in a real working classroom?  As it is, districts routinely refuse to follow composition language.  Why add even more to the ‘to do’ list. If you want this perfect reporting system, then FUND it!!!</t>
  </si>
  <si>
    <t>Letter grades, in combination with effective, timely feedback, are a well understood assessment of student learning for parents.</t>
  </si>
  <si>
    <t>Too much work.  My primary job is to teach -not to report to parents</t>
  </si>
  <si>
    <t xml:space="preserve">Too difficult to do with ELl  and primary students -won’t be authentic </t>
  </si>
  <si>
    <t xml:space="preserve">Too difficult to do with early learners </t>
  </si>
  <si>
    <t>It is too much</t>
  </si>
  <si>
    <t xml:space="preserve">The 3 written reports that we do now with commenting on each subject area is already way too much work for teachers. I spend countless hours on paragraphs for each student and subject that parents don't read. Adding additional reporting to this demand, even if it isn't written, is way too much. </t>
  </si>
  <si>
    <t xml:space="preserve">I really like the proficiency scale but I don't like the descriptive feedback. The only time descriptive feedback is necessary is if the child is emerging or developing. </t>
  </si>
  <si>
    <t xml:space="preserve">To bridge the gap between proficiency scale and letter grades. </t>
  </si>
  <si>
    <t xml:space="preserve">Being mindful of your progress and growth takes practice. In the younger grades, I'm not sure how much students are getting out of doing core competency assessments multiple times a year. Seems like a task teachers just do because we have to. </t>
  </si>
  <si>
    <t xml:space="preserve">This is a good life skill but again one more thing for teachers to include on report cards that parents don't read. Teaching goal setting in Health and Career Education makes more sense to me. </t>
  </si>
  <si>
    <t xml:space="preserve">The demand on teachers is too much, and this is again adding more. I know the district is trying to make the reporting more accurate and specific for parents and students but there has to be balance. </t>
  </si>
  <si>
    <t>I find that in the subjects I teach, a lot of our learning comes from discussion and in-class activities, and feedback tends to be constant and suited to the individuals and what they need from me. I’d rather devote the time to what’s best for their in-class needs.</t>
  </si>
  <si>
    <t>I really like the idea of focusing on the skills, over a number or letter grade. I find it helps reduce anxiety in younger secondary school kids, and they actually focus more on the learning, because they’re not obsessed with the letter or number.</t>
  </si>
  <si>
    <t>I already do this, so this policy wouldn’t drastically impact what I do.</t>
  </si>
  <si>
    <t>I think for some class styles, like project based learning or where everyone is focused on something of their own interest for the major assessments, this could be effective. I’m trialing this in computer studies and like it so far.</t>
  </si>
  <si>
    <t>I would love this, but a lot of students in my experience think this area of reporting is silly or unnecessary, and don’t take it seriously. It needs to be better worked in and explained to them right from the early years, for any real effect when they get to me.</t>
  </si>
  <si>
    <t>I’d love for this to happen, even if it means for “more work”. I’ve seen a lot of students who just don’t care, and don’t seem to be made to take responsibility anywhere but my class - which is just a disservice to them in the long run.</t>
  </si>
  <si>
    <t>I already do this constantly, through differentiated assignments, option, instruction, etc.</t>
  </si>
  <si>
    <t xml:space="preserve">Would prefer regular small updates versus one long report so parents can see progress and samples throughout the year. </t>
  </si>
  <si>
    <t xml:space="preserve">Language Arts needs to be divided into the three areas as students can be at various levels in each of these areas. The same issue occurs with drama, visual arts, music and dance where students can perform on extremely different levels in each of these areas. </t>
  </si>
  <si>
    <t xml:space="preserve">This is additional work for the teacher in a primary setting. A great idea that should be pursued but then remove some of the burdens on teachers with the rest of reporting. </t>
  </si>
  <si>
    <t>Once again a great idea and should be pursued. Remove the extra burden of 5 reports from teachers then as this just creates more work for primary teachers. Especially if you want authentic evaluations.</t>
  </si>
  <si>
    <t xml:space="preserve">Yes but what does this look like. </t>
  </si>
  <si>
    <t xml:space="preserve">It puts a lot of pressure on teachers. Most parents dont even read the report card. Why not try different methods of reporting like we encourage kids to be creative and yet we have no say in evaluation. Parents valued student-led conferences and digital portfolios. </t>
  </si>
  <si>
    <t>Currently we write one report card per term. I find the second term report card redundant as there isn't enough time between the first term report and the second. Most teachers are consulting with parents all year. I feel it would be more meaningful to meet with families and do 2 written reports/yr.</t>
  </si>
  <si>
    <t xml:space="preserve">I find students K-3 are not great at reflecting on this. Even with teaching. The self-assessments for this are basically co written as a class. I think this is not meaningful for kids or for parents to read. </t>
  </si>
  <si>
    <t xml:space="preserve">Teaching around the ideas of goals and why people set them and how to achieve them is important. But it becomes less meaningful as soon as we ask kids to pick a goal for school. </t>
  </si>
  <si>
    <t>I believe in this whole heartedly. I also believe we need to provide professional development on what assessment can look like for different learners. I know too many teachers expecting things of kids that they're not capable of therefore feel unsuccessful, not smart</t>
  </si>
  <si>
    <t>5 reporting times is not beneficial for students, teachers or parents. Parents often don't read it. Teachers spend hours and hours writing them. It is infinitely more meaningful to provide feedback to students and families verbally. One report term 1, one the end of the year. One student led primary</t>
  </si>
  <si>
    <t>A four point scale doesn’t make progress clear enough for the students or their parents. The perfect report card would be a percentage, letter grade, and comment on work habits. Clear. Concise. Emerging, developing, etc is way too broad. If the kids are grade level, won’t they just be proficient?</t>
  </si>
  <si>
    <t xml:space="preserve">Continuing from my previous comment, how does the four point scale motivate kids to excellence? The Ministry had a problem with treating kids and teens like they are mature adults. They are not. </t>
  </si>
  <si>
    <t xml:space="preserve">If you do this, then there’s a letter grade associated with each of the four points on the scale.so I guess that’s good.
But it’s confusing for students and parents and why not just use letter grades then? </t>
  </si>
  <si>
    <t>I can talk to my children about their goals and how they are doing. A proper conversation stems from knowing exactly how they’re doing in their courses, not from them evaluating themselves.how would that be helpful on a report to parents?? Maybe as an in-class exercise but not on report card.</t>
  </si>
  <si>
    <t xml:space="preserve">Set goals in class as an activity would be good but has nothing to do with the purpose of a report card. I want to know how my kid is doing in comparison to other kids their age and o want to know if they are working hard and responsible. </t>
  </si>
  <si>
    <t xml:space="preserve">Is the Ministry suggesting that teachers are not inclusive to all learners?? What a ridiculous thing to include. I don’t know any teachers who exclude students with disabilities, etc. This is offensive. </t>
  </si>
  <si>
    <t xml:space="preserve">Students shouldn’t get their first letter grades in grade 10. What if they work at a C level but don’t know until grade 10 because they’ve always passed?! Then they only have three years to learn how to earn better grades. </t>
  </si>
  <si>
    <t>What is the difference between a Learning Update and a Summary of Learning? Does that come down to the school district to decide?</t>
  </si>
  <si>
    <t xml:space="preserve">It is not much of a change in my context- however, it should be well communicated to the parent community that the 4 point scale does not mean the same as D,C,B,A.
</t>
  </si>
  <si>
    <t>I understand the need for keep letters and percentages for university, however, will they ever adapt?</t>
  </si>
  <si>
    <t>That is putting the proficiency scale back into D,C,B, or A</t>
  </si>
  <si>
    <t xml:space="preserve">I understand the importance of self- assessment and for students to be aware of goal setting and working towards their goal. However, to do all three Core Competencies for each reporting period is too much. Children will not see growth if they have too many goals they are working towards. </t>
  </si>
  <si>
    <t>Again, understand the importance, but it is not realistic especially in younger or students with diverse abilities. One goal set by the child to work on per year is enough.</t>
  </si>
  <si>
    <t>Are they not already??? What does it look like if it is not already happening?</t>
  </si>
  <si>
    <t>We report too often in written format when we are in touch with families all the time. (This is in a K-7 context). Our written reports are too lengthy and parents do not even understand them. I would rather have 3 parents meetings and two written or 2 parent meetings, 2 progress reports, 1 written</t>
  </si>
  <si>
    <t>There will be too many reporting events with too many written reports on all subjects. This is not realistic, will dramatically increase teachers' workload and put too much emphasis on evaluation and reporting and not enough on the actual learning and growing. Too much is asked of teachers already.</t>
  </si>
  <si>
    <t>It is OK to use the proficiency scale but I am concerned that too much descriptive feedback will be asked of teachers. Again, this will increase a work load already too heavy for teachers.</t>
  </si>
  <si>
    <t>Even though I don't agree with letter grades and percentages, I understand that they are required by many post-secondary institutions.</t>
  </si>
  <si>
    <t>Would teachers have to use a proficiency scale as well as percentages and letter grade? This is too much!</t>
  </si>
  <si>
    <t>At the elementary level, I think that self-assessment should not be done across the school year but only once at the end of the school year. My grade 3 students are not ready for self-assessment early in the year. It is appropriate to wait until after March.</t>
  </si>
  <si>
    <t>In the suggested policy, it is unclear how many times students would have to set those goals. Again, it is more work for teachers!</t>
  </si>
  <si>
    <t>It is unclear how students with disabilities and diverse abilities will be included. Due to their special needs and/or challenges, these students will need much more help from their teachers so, again an increase in the work load for teachers.</t>
  </si>
  <si>
    <t xml:space="preserve">In my opinion, teachers already spend too much time on reporting student progress with systems such as MyEducation BC and Freshgrade which are not user friendly. By increasing the frequency of reporting you will force teachers to reduce the quality of their reports due to the lack of time. </t>
  </si>
  <si>
    <t>Why is no descriptive feedback necessary in high school and only suggested mainly for elementary students?</t>
  </si>
  <si>
    <t>Learning Updates is a very vague term ... who defines it?  Do Learning Updates run the risk of gaining a life of their own and becoming a much larger, more time consuming thing as evidence is gathered, collated, uploaded ...</t>
  </si>
  <si>
    <t>Ironically one part of the policy states that the language used in reporting must be clear.  What exactly does emerging mean?  Does proficient mean perfect?  All that has happened is that D has become "emerging" , C- has become developing, C, C+ and B now = proficient &amp; A = extending. Why???</t>
  </si>
  <si>
    <t xml:space="preserve">Which of Shakespeare's plays gets an 85?  Which gets an 86?  Where did Titus Adronicus lose the mark that cost young Will his A?  Some things can't be evaluated numerically.  Others can!  Is emerging any less concerning to a parent than a D? </t>
  </si>
  <si>
    <t xml:space="preserve">It is redundant.  Parents simply want to know "how is my child doing?" relative to their ability and relative to commonly held expectations for children of their age.  What does "encouraging to use" actually mean?  </t>
  </si>
  <si>
    <t xml:space="preserve">We are requiring students to more mindful than most adults.  What should we do when the child's own assessment does not line up with the teacher's?  Children deserve honest feedback from adults.  Some student feedback is meaningless as they lack the experience with real life needed to judge well. </t>
  </si>
  <si>
    <t xml:space="preserve">We run the grave risk of too many individuals pursuing too many individual goals, splintering the learning cycle into tiny shards of specificity at the expense of broader learnings.  </t>
  </si>
  <si>
    <t xml:space="preserve">Just like climate emergencies and UNDRIP no one can argue with the idea.  But look how far those grand ideas have gotten.  What exactly do you mean?  What does it look like?  No teacher can respond fully to all the individual needs in a classroom.  Is there room left for rigour or compassion? </t>
  </si>
  <si>
    <t xml:space="preserve">Kids want to learn from adults.  They want honest feedback.  They know they don't know how the world words.  This model abandons them and forces them to take responsibility for things far beyond their ken.  We are creating an insecure generation. </t>
  </si>
  <si>
    <t xml:space="preserve">For meaningful written comments on my children’s performance teachers will be spending hours per child writing these reports, not actual time teaching. </t>
  </si>
  <si>
    <t xml:space="preserve">I feel these words are avoiding actually telling each child that they need to work harder to get better. It doesn’t say how they are doing, it fails to be meaningful by not offering concrete information. </t>
  </si>
  <si>
    <t>My daughters actually want to know how they are doing compared to others. It lets them know they need to apply themselves in order to improve. If they only see letter grades in last few years in high school we will have missed many years where they learn without as much consequences.</t>
  </si>
  <si>
    <t xml:space="preserve">I think this is avoidance of confrontation. Teachers and government afraid to actually make concrete decisions on observation and assignments. </t>
  </si>
  <si>
    <t>Self assessment by students who are constantly told how great they are will not provide accurate evidence on how they are doing. My kids would not critically think about how they are doing, nor would they put thought into this process to make it useful</t>
  </si>
  <si>
    <t xml:space="preserve">My kids can’t keep a goal from September to October. They are constantly morphing as experiences occur. I think this is something that would be useful in university </t>
  </si>
  <si>
    <t>Doesn’t this already happen? All children are evaluated individually based on their needs, growth etc. Ask any teacher</t>
  </si>
  <si>
    <t>Current reporting system</t>
  </si>
  <si>
    <t xml:space="preserve">Can you please get more teachers and stop worrying about grading systems? The more teachers the more individual learning with students, the better outcomes for all our students with all learning needs. 
You are focusing on the wrong thing because of money. </t>
  </si>
  <si>
    <t xml:space="preserve">Five is too many. </t>
  </si>
  <si>
    <t xml:space="preserve">Using this scale in Numeracy and literacy every reporting time makes sense.  But I’m science, socials etc… once or twice is enough for K-5 </t>
  </si>
  <si>
    <t xml:space="preserve">Students should give feedback on their goal. Not the teacher </t>
  </si>
  <si>
    <t xml:space="preserve">We already do this </t>
  </si>
  <si>
    <t>With current emphasis of reports in terms 1 and 2 on Numeracy and Literacy, the frequency isn't onerous.</t>
  </si>
  <si>
    <t>Would prefer a 5-point scale, but there is the option of putting checkmarks between 2 of the current proficincies.</t>
  </si>
  <si>
    <t>Seems silly. Letter grade and percentage says much more than a 4-point scale.</t>
  </si>
  <si>
    <t>Student self-assessment is not accurate or meaningful.</t>
  </si>
  <si>
    <t>Good idea, but students rarely work towards school goals anymore.</t>
  </si>
  <si>
    <t>Reporting on all subjects.</t>
  </si>
  <si>
    <t>Reporting on all subjects each term in elementary is unrealistic, and a terrible waste of time.</t>
  </si>
  <si>
    <t>Percentages are not a meaningful indication of learning.</t>
  </si>
  <si>
    <t>Why not remove letter grades and percentages completely since they are not a meaningful indication of learning.  I hope we are not keeping percentages merely to satisfy post secondary institutions.</t>
  </si>
  <si>
    <t>The wording in the document states that this may occur ... why not say it must occur to keep continuity with K-9 reporting practices</t>
  </si>
  <si>
    <t>Students must be taught how to set meaningful goals and why it is important</t>
  </si>
  <si>
    <t>Assessment practices, too often, don't take jnto account IEPs .. streamlining the reporting process will allow for teachers to assess these students in a more meaningful manner</t>
  </si>
  <si>
    <t>Letter grades and percentages are an artifixal construct of assessment ... whatbis the true difference between a final mark of 85% and 86%?</t>
  </si>
  <si>
    <t xml:space="preserve">Reports too early in the semester for all students is unnecessary </t>
  </si>
  <si>
    <t>Parents often want to know how that translates into a percentage.</t>
  </si>
  <si>
    <t>These comments are just a checklist and doesn’t provide any direct insight pertaining to my child as a learner</t>
  </si>
  <si>
    <t xml:space="preserve">I think the current number of reporting events is appropriate. </t>
  </si>
  <si>
    <t>I think that there are things on the report that are much more important than letter grades, yet it is the letter grades that grab the attention of the parents and the students. I think they detract from the truly important information on the report.</t>
  </si>
  <si>
    <t>I would prefer if post-secondary institutions could admit students in a more wholistic way than just by their grades; however, until that happens, it seems that Grade 10 is early enough to start.</t>
  </si>
  <si>
    <t xml:space="preserve">I think these are still useful as they give a more detailed view of the student's progress. I can see that a student might have quite a high mark on tests and assignments designed for grade level assessment, even though their level of understanding doesn't meet the 'Extending' definition. </t>
  </si>
  <si>
    <t>I don't find the self-assessments to be very meaningful.</t>
  </si>
  <si>
    <t>I'm not sure what this would look like. I'm willing to try but I remain neutral on this one.</t>
  </si>
  <si>
    <t>...</t>
  </si>
  <si>
    <t>I'm really not sure how to make student goal setting meaningful, and I worry about the long life of a student report. What the student says on their report card never goes away. I feel that the goal setting and the self-assessment would be better suited to a less permanent format.</t>
  </si>
  <si>
    <t>Teachers are struggling to stay on top of everything as it is. Simplify the reporting so we aren’t spending hours of our own time after we have worked a full day. It’s just more hours away from my family. This is on top of prepping and planning and marking. I am slowly burning out.</t>
  </si>
  <si>
    <t xml:space="preserve">I don't think letter grades, especially percentages, are necessary and I think it puts extra pressure on kids when theres letter grades. Maybe its good for some kids, but I know many kids who get really stressed out about it and feel like losers when they don't do well. </t>
  </si>
  <si>
    <t>I think that, given the choice, teachers will just give a letter grade and not talk about proficiency. Letter grades tell me that my kids learning is at a certain level but the proficiency scales tell me where my child is on a learning continuum. Letter grades don't instill hope in my child.</t>
  </si>
  <si>
    <t>Goals, goal setting and personal reflection are important and should be included in learning daily, but I don't need or want my child's goal setting activities detailed in a report.</t>
  </si>
  <si>
    <t xml:space="preserve">Too many reports. I prefer fresh grade as a parent who works full time the updates via fresh grade are useful for conversations with my child. I don’t need additional reports. </t>
  </si>
  <si>
    <t>Proficient seems too strong. I liked ‘meeting’ from before.</t>
  </si>
  <si>
    <t>I like the core competencies</t>
  </si>
  <si>
    <t>Ownership to learning is great</t>
  </si>
  <si>
    <t xml:space="preserve">I don’t need all those written reports. Just samples sent home via student work or freshgrade. </t>
  </si>
  <si>
    <t>Same number of reports now that is being given to parents to inform them on their progress as a learner.  However taking away letter grades and marks and using only the scale is not going to be enough information to parents.  Parents do not understand the language that is being used.</t>
  </si>
  <si>
    <t xml:space="preserve">Not enough information for parents to understand they do not take the time to read the paragraph that explains how their child is doing.  Parents understand letter Grades and marks is there going to be information that explains in detail that Emerging is like Not Yet Meeting.  </t>
  </si>
  <si>
    <t xml:space="preserve">Too late you are setting up students to not have the marks and average that they would like to have to continue on in school.  Students start planning before grade 10 the courses they need and want to take to go on to university.  This is a disservice to those students.  </t>
  </si>
  <si>
    <t xml:space="preserve">University only cares about percentages.  Your system is not helping all students.  You are creating an inclusive environment that will exclude students from moving on with their education.  Very sad for public education to be doing this till grade 9.  </t>
  </si>
  <si>
    <t>Difficult in primary, and stressful to meet all the requirements that are being pushed down.</t>
  </si>
  <si>
    <t>Very difficult in K - 2 to do this</t>
  </si>
  <si>
    <t>Very difficult for a non verbal student to participate in a grade 12 calculus class which is how a student is being placed presently.  This does not make sense.  How does one make this class inclusive for that student?</t>
  </si>
  <si>
    <t>Keep marks with the new scale,  use growth mind set language which we already do.  Keep both the scale and the marks.</t>
  </si>
  <si>
    <t xml:space="preserve">Too little too late. The explanations are not enough for the evaluation system you’re using that is very confusing, nothing precise </t>
  </si>
  <si>
    <t>Again not enough after spending so much time at school and when compared with the curriculum they are far from it</t>
  </si>
  <si>
    <t>It more accurate to the next steps in their life</t>
  </si>
  <si>
    <t xml:space="preserve">How is this preparing them for what comes after high school and life in general, you are not paid in a range of approaching or excelling or developing that’s not real </t>
  </si>
  <si>
    <t xml:space="preserve">It’s good to know how to evaluate oneself but you need clear goals and understand very clear what those levels they have to choose from mean and have a real image on their own situation which I don’t see very clearly presented to them. </t>
  </si>
  <si>
    <t xml:space="preserve">For this they would need advice and help, depends on the grade </t>
  </si>
  <si>
    <t xml:space="preserve">I don’t really understand what you exactly mean through this. It’s not a very transparent question </t>
  </si>
  <si>
    <t>There is no clear understanding of how the kids do, nor for The kids or parents so it needs more transparency, to be more accurate and more communication between parents and teachers</t>
  </si>
  <si>
    <t>I would like to have a mid-semester report and a final report.</t>
  </si>
  <si>
    <t>I like this scale for grades K-5, I would prefer a more concrete letter grade for 6-9.</t>
  </si>
  <si>
    <t>I like to see concrete numbers based on performance in the classroom. I like to see a percentage mark for my child.</t>
  </si>
  <si>
    <t>I am not interested in a proficiency scale. A percentage and letter grade informs me of my child's level of ability.</t>
  </si>
  <si>
    <t>I think that this is a waste of time. I do not see a good level of self-reflection at school age level.</t>
  </si>
  <si>
    <t>I don't think our education system is a one-size fits all. Diverse learners need programs that are more tailored to their needs. Special programs, teachers, and education assistants are required more not less.</t>
  </si>
  <si>
    <t>Unacceptable-stay with letter grades which are more universally understood.</t>
  </si>
  <si>
    <t>Because this is what’s already done</t>
  </si>
  <si>
    <t xml:space="preserve">HOW does this keep bc students equal to their counterparts across the country? It doesn’t. Bc needs to stop trying to be different from EVERYWHERE ELSE </t>
  </si>
  <si>
    <t>This whole program will put bc kids at a disadvantage! Shame on you</t>
  </si>
  <si>
    <t>There is already sufficient reporting of student learning</t>
  </si>
  <si>
    <t xml:space="preserve">This involves fabricating success and does not show parents what the students actually understand. </t>
  </si>
  <si>
    <t>Proficiency scale does not accurately show students level of understanding</t>
  </si>
  <si>
    <t xml:space="preserve">Students are not proficient at self assessment and their assessments are often not of value to them. </t>
  </si>
  <si>
    <t xml:space="preserve">Many students wish to the bare minimum and their goal is to achieve the bare minimum required of them. </t>
  </si>
  <si>
    <t xml:space="preserve">Some students are not capable of learning all of the curriculum in highschool.  Sitting in a classroom in which you understand none of the curriculum is not valuable to the student for helping them learn concepts that are important to them. </t>
  </si>
  <si>
    <t xml:space="preserve">The level of learning is drastically declined since the proficiency scale was introduced.  We need a curriculum with well laid out learning outcomes to teachers in different classrooms are able to help students achieve the same level of learning. </t>
  </si>
  <si>
    <t>It is frequent enough to know how my children are doing but not overwhelming.</t>
  </si>
  <si>
    <t>So it sounds like there will basically be four letter grades but you are calling them something else... Since this is the first I've heard of this I think more explanation needs to be made for those answering this survey.</t>
  </si>
  <si>
    <t>Sounds like a good idea although I think letter grades will be a lot more impactful at that stage.</t>
  </si>
  <si>
    <t>Sounds like a lot of busy work for students who will merely be "shoveling" the answers they know are expected.</t>
  </si>
  <si>
    <t>Sounds good but most adults can't handle this process.</t>
  </si>
  <si>
    <t>Sounds like it won't be inclusive if we are expecting everyone to produce the same level of output.</t>
  </si>
  <si>
    <t>Teacher assessment</t>
  </si>
  <si>
    <t>When do students/parents get to rate their teachers on a scale of Emerging, Developing, Proficient, and Extending? Half of all teachers are below average and there needs to be a way to improve their teaching.</t>
  </si>
  <si>
    <t>The current format (3 informal/2 written) works well for my grade level (K). I feel this format honours the new curriculum. Alternatively, parents of older students (Grades 4 and up) might want 3 written reports per year. Multiple formats for different grades would be more appropriate.</t>
  </si>
  <si>
    <t>I think it is important that the scale clearly communicates student progress to parents, without using pedagogical terms that can be confusing to non-educators.</t>
  </si>
  <si>
    <t>I think it is important that the reporting format for senior grades in BC reflect the expectations of post-secondary institutions domestically and internationally in order to give BC graduates the best chance at acceptance.</t>
  </si>
  <si>
    <t>I agree with this strategy as long as it is developmentally-appropriate, meaningful, and brief.</t>
  </si>
  <si>
    <t>I believe this policy is already in use.</t>
  </si>
  <si>
    <t>Same expectations for teachers of K-7 is not appropriate.  The learning needs and teaching needs need to be reflected in the ways that teachers communicate with parents.  Primary teacher, I often see each parent weekly.  Intermediate, I found it much more important to have written communication</t>
  </si>
  <si>
    <t>There is no option for satisfied.  I like that the wording better communicates to parents the ability level of their child compared to grade level expectations</t>
  </si>
  <si>
    <t>This is very difficult to do with Kindergarten students in the first 25% of the school year</t>
  </si>
  <si>
    <t>Again, this is very difficult to do meaningfully with young children.</t>
  </si>
  <si>
    <t>Frequency of WRITTEN reporting</t>
  </si>
  <si>
    <t>Letter grades and percentages much more effective</t>
  </si>
  <si>
    <t xml:space="preserve">Letter grades and percentages should be throughout all high school classes.  This backing away of basic math skills is frightening. </t>
  </si>
  <si>
    <t xml:space="preserve">Students do not take this seriously. No merit seen. </t>
  </si>
  <si>
    <t xml:space="preserve">The new reporting process doesn’t give an accurate detail of how my child is ACTUALLY doing in school. 
Kids only set the goals to get through the conference, then it’s a downhill battle to try and get the kid to complete them. 
IT IS A COMPLETE WASTE OF EVERYBODY’S TIME. </t>
  </si>
  <si>
    <t xml:space="preserve">I want to ACTUAL grades. This scale does NOTHING in telling me how my kid is doing, it is too generic. </t>
  </si>
  <si>
    <t xml:space="preserve">THIS is the way ALL school grades should be done. </t>
  </si>
  <si>
    <t xml:space="preserve">Again, kids only do this because they’re told they have to. Very few of them actually get anything out of it. 
It’s a complete waste of everybody’s time. </t>
  </si>
  <si>
    <t>WASTE OF TIME</t>
  </si>
  <si>
    <t xml:space="preserve">All grades should be done using letters and percentages </t>
  </si>
  <si>
    <t>I mean, nothing is changing really between the current and proposed system in terms of AMOUNT of reporting, so anything other than neutral means you either want to see more reporting or less. Since less reporting isn't good and more reporting is much more work, the current 4-5 system is good.</t>
  </si>
  <si>
    <t>The Proficiency scale works in classes that can be assessed holistically, like art or history. As a STEM teacher, there is no real grey area nor subjectivity. An answer is either correct or it is not. You cannot argue that 2+2=5, because it is, under many lines of logical reasoning, straight wrong.</t>
  </si>
  <si>
    <t>You could make the proficiency scale go to grade 12, but universities want their percents and they will GET their percents. Scaling 10-12 only means it doubles teacher mark loads, or offloads % calcs to someone who never taught the students. Both are bad.</t>
  </si>
  <si>
    <t>See the writing behind the previous answer.</t>
  </si>
  <si>
    <t>I don't do this as much as I SHOULD, but having students be partially responsible for their actual grading (and not just through their work performance) is a good thing. The question is... how do you get students to be honest about it and take it seriously?</t>
  </si>
  <si>
    <t xml:space="preserve">Especially in lower grades, students don't even know enough about a subject to know what they don't know, and could not possibly set their own learning goals. There's a REASON teachers require minimum six years of postsecondary to be a teacher. </t>
  </si>
  <si>
    <t>I mean, unless you're bad at your job (which, frankly, a lot of people are), teachers should already be applying accommodations and exceptions for students as needed.</t>
  </si>
  <si>
    <t>Very few if none at all for some subjects</t>
  </si>
  <si>
    <t>Feedback and reporting should be done in a timely manner so parents can assist students in catching up with lessons if needed</t>
  </si>
  <si>
    <t>Every teacher has their own definition and measurement ruler, even kids got 96 marks on test, still cannot get extending. Many kids felt upset. The marks should show the actual marks by percentage.</t>
  </si>
  <si>
    <t>They get the actual marks showing their actual efforts.</t>
  </si>
  <si>
    <t>Actual marks or percentage shows the fact, also effectiveness and efficiency. Teacher don’t need spend extra time to convert.</t>
  </si>
  <si>
    <t>Not useful.</t>
  </si>
  <si>
    <t>Every teacher has their own definition and measurement ruler. Marks should show the actual marks by percentage or numbers. Also teachers can use the actual marks for records and reports, effective and efficient.</t>
  </si>
  <si>
    <t xml:space="preserve">You can't measure all children's learning the same way. It's like asking a dolphin to take a test made for a bird. </t>
  </si>
  <si>
    <t xml:space="preserve">receiving a letter grade - prepares children to understand evaluations, going into higher education </t>
  </si>
  <si>
    <t>Children need to know it's good to have achievements and goals to look forward too.</t>
  </si>
  <si>
    <t>I am not happy about the current curriculum about teaching grade 4-7 students about the LGBTQ+ And non-binary community and causing confusion in themselves. They can learn about that in later grades.</t>
  </si>
  <si>
    <t>End these mandates. Start speaking up - continued compliance will only make this situation worse .
https://secureservercdn.net/166.62.104.68/19t.39f.myftpupload.com/wp-content/uploads/2021/10/OVHPs-2nd-open-letter-20211006-2e218617-9fe5-40c5-9ede-d4c353792fc7.pdf?fbclid=IwAR3kP9KxvQlZuthBUicMrkmQNX</t>
  </si>
  <si>
    <t>The teachers my children have keep me up to date.  Since they're the ones putting in the work, I think it should be their choice.</t>
  </si>
  <si>
    <t xml:space="preserve">I think it's fine.  </t>
  </si>
  <si>
    <t xml:space="preserve">If it's for comparing them to other kids, I say no.  If it's saying whether or not they're meeting requirements, sure.  All kids are so different and their has to be a standard to meet, but their is enough comparing these days that school shouldn't be included in that.  </t>
  </si>
  <si>
    <t xml:space="preserve">Self awareness is good </t>
  </si>
  <si>
    <t>It's entertaining as a parent to see what they say.</t>
  </si>
  <si>
    <t>Every child should be appreciated, I'm cautious of how this plays out.  Kids shouldn't get to pass because they don't feel like doing work.  But yes there are many kids with disabilities on all different spectrums that should be considered.</t>
  </si>
  <si>
    <t>Practice K-2
Report grades 3+</t>
  </si>
  <si>
    <t>Appropriate grade 3+</t>
  </si>
  <si>
    <t xml:space="preserve">Formal reports 2x/ year for k-5
Informal reporting throughout the year - 3 written informal (fresh grade, interims). 
Reports based on course completion and/or halfway point for grades 6-9. Informal as well (Fresh grade, interims). 
Grades 10-12 (unfamiliar with this system recently to comment) </t>
  </si>
  <si>
    <t>Because of the way that the K-7 curriculum is integrated, the way we teach is integrated, so it can be difficult to tease apart subject areas.  Isn't this why we moved to competencies and focusing on literacy/numeracy?</t>
  </si>
  <si>
    <t>Students have a hard time making this meaningful and often seem like they are "checking the boxes."
It requires a great deal of instructional time to make this meaningful.</t>
  </si>
  <si>
    <t>I would prefer to see three in-person conferences (October, February, April for most schools), one mid-year written report (December/January for most schools) and one final written report (June).</t>
  </si>
  <si>
    <t>We have been using this in our District for several years and I feel that it is a better descriptor for this age group than letter grades.</t>
  </si>
  <si>
    <t>As long as letter grades and percentages continue to be required by post-secondary institutions, it’s important for our senior students to get used to them.</t>
  </si>
  <si>
    <t>This is far too much for early primary children. Asking K/1 students to self-assess in each area of the competencies every reporting period is unreasonable, unnecessary, not age appropriate, and creates a massive amount of 1:1 work for the classroom teacher. Competencies can be introduced at this ag</t>
  </si>
  <si>
    <t>This is far too much for K/1 students. At most, they should be asked to set one goal in one area each term, not multiple goals. It’s too much for the child and too much for the teacher to support and report on.</t>
  </si>
  <si>
    <t>The self-assessment piece is extremely onerous for early primary students and should not be an expectation at this level. Competencies should be introduced and practiced at this age, but students should not have to self-assess competencies until at least Grade 3.</t>
  </si>
  <si>
    <t>The 5 reporting times per year is fine - from both a teacher and a parent perspective (I am both)</t>
  </si>
  <si>
    <t>This is fine for K-9.</t>
  </si>
  <si>
    <t>There needs to be percentages to apply to Universities</t>
  </si>
  <si>
    <t>This doesn't make any sense.  What is the point?  Why report on 2 scales, one of which is ignored by Universities?  It offers parents no extra information and is extra, pointless, work for teachers.</t>
  </si>
  <si>
    <t>This is takes up an enormous amount of time to do well.  We'd be so busy worrying about what student learning looks like on a report card, we would lose time to actually teach and learn in the classroom.</t>
  </si>
  <si>
    <t xml:space="preserve">I don't see a difference between this and what teachers were already doing.  </t>
  </si>
  <si>
    <t>Proficiency scales for 10-12 are not helpful.  Universities will ignore them, they do not offer more information to parents, and they waste valuable teacher time.</t>
  </si>
  <si>
    <t xml:space="preserve">In the context of a semester system we are currently reporting more than that -4 written and 2 informal.  Not sure what this would look like with one less written.  </t>
  </si>
  <si>
    <t>Having worked in the 8-9 system it just makes sense with the curriculum redesign.  Giving grades and percentages are no longer a match to classroom practice.</t>
  </si>
  <si>
    <t>I am not certain why post secondary is the driver for what we are doing for ALL kids.  Grades are not best assessment practices and if we using proficiencies as feedback and in ongoing practices in the classroom it no longer makes sense to then have to slap a grade on it.  OR worse.  A percentage</t>
  </si>
  <si>
    <t>I am not actually sure what that means.  You can use both? Why would I do that?  Double the work?  You know that Proficiency scales are in better alignment with best practice yet you make us hang on to letter grades and say we can use proficiencies along-side. What a mess.</t>
  </si>
  <si>
    <t xml:space="preserve">Would this have to be a piece of paper that goes in a file?  Or can it still be flexible in how students self assess. Video. Digital, Portfolio.  Where is this documented in the report or in the file. </t>
  </si>
  <si>
    <t xml:space="preserve">Doesn't match with best assessment practices anymore.  What really is the difference on a 100 point scale between a 95% and a 96%.  </t>
  </si>
  <si>
    <t>I think it provides regular updates to families about progress, but not so often (like experienced in last year's quarter system) where we ended up having to do reports every month which is a big time commitment in addition to the regular workload.</t>
  </si>
  <si>
    <t>High schools are grades 8/9-12. Having two different reporting systems within the same school is a logistical nightmare. Especially considering many classes are multi-grade, so within one class a teacher could be required to report on some students in one way and other students in a different way.</t>
  </si>
  <si>
    <t>We need to be realistic about what is accepted for students after high school, and since this is the system post-secondaries use to consider students from across the country and world, our system needs to match what they use so as not to put BC students at a disadvantage or be considered differently</t>
  </si>
  <si>
    <t>Report cards are already a significant amount of work above the day-to-day workload. Adding more to do on them, especially when the main reason is just for consistency (but not because it will benefit the student or their future after high school) is not a good reason to create this workload.</t>
  </si>
  <si>
    <t>I think this could be valuable depending on how it is done. I do believe students should be more involved in the reporting process at the high school level. Our students already do this, but it is not included in formal reporting.</t>
  </si>
  <si>
    <t>I have done a lot of goal setting with students over the years. There is often a lot of inauthenticity from students (creating a goal they think sounds good/reporting on progress that is untrue or exaggerated/etc.). This could be better integrated with the Core Competency self-assessments.</t>
  </si>
  <si>
    <t>Perhaps this is naive to my school setting, but I already believed this was part of it?</t>
  </si>
  <si>
    <t>As previously mentioned, I do not believe including the Proficiency Scale in a high school setting is the best form of reporting for students and families, nor the best use of teacher time.</t>
  </si>
  <si>
    <t xml:space="preserve">It depends on the format of the reporting system. If it is an ongoing online document format such as FreshGrade then it should not be 3 formal written reports on top of that. </t>
  </si>
  <si>
    <t xml:space="preserve">Depending on the grade level, meaningful self assessments may be difficult to include. Such as early primary grades. </t>
  </si>
  <si>
    <t xml:space="preserve">Depending on the grade level this may be difficult to complete as early primary students are still learning basic skills to be at school and not yet independent to come up with a plan or track goal progress. </t>
  </si>
  <si>
    <t xml:space="preserve">Some areas need further explanation as to what it will look like. Anything that adds to teacher workload should come with built in prep time as doing thoughtful assessment is time consuming and shouldn’t come from before/after school and weekends. </t>
  </si>
  <si>
    <t>I am OK with the proposed changes - both at Gr 8-9, and then also at Grades 10-12.</t>
  </si>
  <si>
    <t>I think this is a good idea - re: moving away from marks and letter grades - and providing feedback on a proficiency scale.</t>
  </si>
  <si>
    <t>I think that universities and other post-secondary institutions are still requiring percentages - we must continue also.</t>
  </si>
  <si>
    <t>I think this would mean a HUGE amount of effort - on Gr 10-12 teacher's parts - in also considering proficiency scales. Maybe if this was reported in their CLE and CLC courses or English courses - as an overall idea - based on the fact those courses run Gr -12?</t>
  </si>
  <si>
    <t>I think it is important students self-reflect.</t>
  </si>
  <si>
    <t>It is also super important that students set goals, so they have ownership of these.</t>
  </si>
  <si>
    <t>Totally needed.</t>
  </si>
  <si>
    <t>As stated before - puts too much on Gr 10-12 teachers.</t>
  </si>
  <si>
    <t>- 5 minimum should be 5 MAXIMUM
- ideally fewer reports, with more time in between to go deeper and gather more evidence</t>
  </si>
  <si>
    <t>See above responses</t>
  </si>
  <si>
    <t>The list of things to communicate to parents seems to grow and grow every year. This prevents teachers from being able to focus on the work that they already do so well. Communication of learning should be simpler and not more complicated.</t>
  </si>
  <si>
    <t>Minimum 5 should be 5 MAX but ideally it is fewer reports with more time in between to go deeper and gather more evidence.</t>
  </si>
  <si>
    <t xml:space="preserve">Emerging and developing are synonyms - parents cannot tell them apart 
Use of the word applying would be preferable to the word proficient 
The old language was more clear and easier to understand for parents and students </t>
  </si>
  <si>
    <t xml:space="preserve">Exploring and practicing the core competencies should be a process that is communicated later in the year after students have had time to explore, practice, and grow in their self awareness of these competencies. We should put emphasis on noticing and nurture through the year and report at the end. </t>
  </si>
  <si>
    <t xml:space="preserve">I already do this informally and this should be driven by teacher autonomy rather than prescribed in a formal way that will add to my already overwhelming workload and allowed me to place emphasis where I feel is best for my students </t>
  </si>
  <si>
    <t>This is very vague and where is the place for adaptations within the policy to make all assessments and evaluation practices accessible to all learners?</t>
  </si>
  <si>
    <t>ALL, see above comments</t>
  </si>
  <si>
    <t xml:space="preserve">The list of things to communicate to parents seems to grow and grow every year. There is not enough time to gather evidence for all the required things being asked of us.  Report cards should be in January and June - that's it. The more asked of us, the more parents are going to not engage. </t>
  </si>
  <si>
    <t>5 needs to be the maximum number of reports.
Ideally, fewer formal reports allow for more time in between to gather evidence and provide a deeper report.</t>
  </si>
  <si>
    <t>Parents find it very difficult to differentiate between emerging and developing, as they are synonyms. Our old language was much clearer for parents and students. Use of the word applying would be preferable to proficient, as it fits better with the other indicators.</t>
  </si>
  <si>
    <t xml:space="preserve">In the primary years, it is fine to expect self assessment on the core competencies at the end of the year but before that, the students' ability to self assess is very limited and very time consuming. To be expected to do this for every reporting period is not realistic. </t>
  </si>
  <si>
    <t>We already do this informally. This should be driven by teacher autonomy rather than be prescribed in a formal way that will add to an already overwhelming workload. I need to be allowed to focus on what my students need most and continue to help them to set informal goals as we go.</t>
  </si>
  <si>
    <t>The policy statement is very vague. Where is the place within this policy to allow for learners who are not yet able to self-assess, set goals and have their abilities reported on?</t>
  </si>
  <si>
    <t>Frequency, proficiency scale, goal setting, self-assessment</t>
  </si>
  <si>
    <t>I am not sure that any of the proposed changes actually address that our reporting methods, (i.e. using myed) do not match what and how we teach. Report cards are seldom even read in our community but adding more to them will not make this likely to happen.</t>
  </si>
  <si>
    <t>5 minimum should be 5 MAXIMUM but ideally it is fewer reports with more time in between to go deeper and gather more evidence</t>
  </si>
  <si>
    <t>see above responses</t>
  </si>
  <si>
    <t xml:space="preserve">The list of things to communicate to parents seems to grow and grow every year. Looking back at report cards from when I was in school, it was a simple checklist and a few sentences about me. More simplistic and short is easier for parents to understand. </t>
  </si>
  <si>
    <t>I would like the 5 minimum to be 5 maximum. Ideally, fewer reports with more time in between to gather assessment/evidence and go deeper is more preferred.</t>
  </si>
  <si>
    <t>"Emerging" and "developing" are synonyms and quite confusing to parents. You could do away with one of these and just have three words on the scale. The old language was more clear for parents and students. The word "applying" would be preferred to "proficient."</t>
  </si>
  <si>
    <t xml:space="preserve">For students to be expected to do this every reporting period is extremely time consuming for students and teachers. It takes time to "unpack" what self-assessment looks like for each competency. Self-assessment is part of the every day classroom, but is not necessary for it to be "data" each term. </t>
  </si>
  <si>
    <t>Goal setting is already part of the every day classroom. Goal setting is a skill that needs to be taught, scaffolded, and nurtured. Being required to report on them each term is just another example of spending more time on data collection than actual teaching. Teacher autonomy??</t>
  </si>
  <si>
    <t xml:space="preserve">Where is the place for adaptations within this new policy?
</t>
  </si>
  <si>
    <t xml:space="preserve">With parent/teacher interviews in mid-October, it is not necessary to write a written report that needs to be handed into the principal by the third week in November, so that they can go out at the beginning of Dec. A formal written report in January and June would be more than sufficient. </t>
  </si>
  <si>
    <t>Emerging and developing are synonyms of each other and have seen parents struggle with the difference between the two. As a teacher is also feels as though developing and emerging create more of a window. The old language on not yet meeting, approaching, within and applying would be preferable/clear</t>
  </si>
  <si>
    <t>This is something that needs to be worked towards, especially with younger students. It takes a large amount of time to teach these and have students understand it to make it meaningful. They should be used as a tool throughout the year and then reported out to families at the end of the year.</t>
  </si>
  <si>
    <t>Goal setting is important but should be driven by teacher autonomy rather than prescribed in a formal way that will add to my already overwhelming workload. This would allow me to focus on the meaningfulness of goal setting rather than focusing on having it as a piece of evidence been completed</t>
  </si>
  <si>
    <t>Find this to be not specific. This is vague and leaves questions as to how exactly this would work. We already include what each individual students is able to do and not do. Where is the place for adaptation when the policy to make all assessments inclusive of all students</t>
  </si>
  <si>
    <t>very hard to choose one. All need to be addressed in order to create a meaningful reporting policy with students learning prioritized</t>
  </si>
  <si>
    <t>Very hard to choose one. All need to be addressed in order to create a meaningful reporting policy with students learning prioritized</t>
  </si>
  <si>
    <t>The minimum of 5 should be the maximum. Ideally it is fewer reports, with more time in between, to go deeper and gather more data.</t>
  </si>
  <si>
    <t>Emerging and developing are synonyms-parents cannot tell them apart
Use of the word applying would be preferable to the word proficient
The old language was more clear and easier to understand for parents and students</t>
  </si>
  <si>
    <t>Exploring and practicing the core competencies should be a process that is communicated later in the year after students have had time to explore, practice, and grow in their self awareness of these competencies. We should put emphasis on noticing and nurture through the year and report at the end.</t>
  </si>
  <si>
    <t>I already do this informally and this should be driven by teacher autonomy rather than prescribed in a formal way that will add to my already overwhelming workload and allow me to place emphasis where I feel is best for my students.</t>
  </si>
  <si>
    <t xml:space="preserve">This is very vague and where is the place for adaptations within the new policy to make all assessments and evaluation practices accessible to all learners. </t>
  </si>
  <si>
    <t>All, see above responses</t>
  </si>
  <si>
    <t xml:space="preserve">The list of things to communicate to parents seems to grow and grow every year. Report cards would be most beneficial in January and June, giving time to really dive into deeper learning. </t>
  </si>
  <si>
    <t xml:space="preserve"> 5 reports MAXIMUM not minimum.  IDEALLY fewer reports with more time in between to go deeper and gather more evidence/data.  </t>
  </si>
  <si>
    <t xml:space="preserve">-Emerging and developing are synonyms
-old language clear for parents and students
-use of the word "APPLYING" would be preferable to proficient </t>
  </si>
  <si>
    <t>-I already do this informally and this should be driven by teacher autonomy rather than prescribed in a formal way which will add to my already overwhelming workload.  Teacher autonomy allows me to work with children at their own developmental pace rather than in set time frames (reporting times).</t>
  </si>
  <si>
    <t xml:space="preserve">Teachers are already overwhelmed with day-to-day responsibilities.  I already commit significant amounts of personal and unpaid time to write report cards and am upset by the prospect of giving up more time to complete 2 additional sets of reports which may not necessarily impact learning.  </t>
  </si>
  <si>
    <t xml:space="preserve">I feel that the five minimum reporting times should change to five maximum reporting times. Ideally we would have fewer written reports with more time in between, with the ability to go deeper and gather more data about my students. </t>
  </si>
  <si>
    <t xml:space="preserve">I feel that emerging and developing are synonyms of each other. We like the term "independently applying" rather than proficient because it is more clear to parents about where their child is at. </t>
  </si>
  <si>
    <t>Exploring and practicing the core competencies should be a process that is communicated later in the year after students have had time to explore, practice, and grow in their self-awareness. At the beginning of the year Grades 2 and 3 students require a lot of time to get settled with routines etc.</t>
  </si>
  <si>
    <t>Continuous and expected data-reporting is going to be exhausting for teachers and our students. I already do this informally and this should be driven by teacher autonomy rather than prescribed. I could report better data that is higher quality once a year, rather than do it "rushed".</t>
  </si>
  <si>
    <t xml:space="preserve">More information is needed. What is the proposed new policy? What about students who are non-verbal? What is in place for adaptations? What is the expectation for amount of self-reporting for students on adapted programs (i.e. students who are non-verbal)? </t>
  </si>
  <si>
    <t xml:space="preserve">Goal setting, amount of self-assessment, Proficiency Scale labels for K-9 reporting to be more clear and friendly language for parents to understand. </t>
  </si>
  <si>
    <t>The reporting system needs to be more friendly for parents, so that they can truly be a contributing member to their child's learning journey. The reporting and self-assessment systems also need to be effective for teachers. There should only be 2 report cards in Jan. and Jun. each year.</t>
  </si>
  <si>
    <t>Minimum should be the maximum but ideally it is fewer reports with the ability to go deeper and gather more evidence</t>
  </si>
  <si>
    <t xml:space="preserve">The old language was more clear for parents and students 
use of the word applying would be preferable to proficient </t>
  </si>
  <si>
    <t xml:space="preserve">exploring and practicing the core competencies should be a process that is communicated later in the year after students have had time to explore, practice and grow in their self awareness of these competencies </t>
  </si>
  <si>
    <t>I already do this informally and this should be driven by teacher autonomy rather than prescribed in a formal way that will already add to my overwhelming workload and allow me to place emphasis where I feel it is needed</t>
  </si>
  <si>
    <t xml:space="preserve">this is very vague 
where is the place adaptations within the policy to make all assessment and evaluations practices accessible to all learners </t>
  </si>
  <si>
    <t>see above comments</t>
  </si>
  <si>
    <t xml:space="preserve">The list of things to communicate to parents seems to grow and grow every year. 
Report cards should only be in January and June. We meet with parents in October so they have a good idea and understanding of where their child is at. </t>
  </si>
  <si>
    <t xml:space="preserve">I would like 5 to be the maximum, not the minimum.  I would also like the opportunity to do less formal reports with more time in between so that I can go deeper with the content and gather more evidence to reflect on student engagement. 
 </t>
  </si>
  <si>
    <t xml:space="preserve">Emerging and Developing are too similar and confusing for parents unless they see them in order.
Honestly the old language had more clarity for parents and students(approaching, meeting, applying)
If this language stays, the word "proficient" should be changed to applying or independently applying 
</t>
  </si>
  <si>
    <t>Teaching young primary students to self-assess several times during the year takes SO much time and this takes away from the content areas.  I would rather informally notice, name, and nurture and have conversations with the kids to help them reflect and grow and then have them report at end of year</t>
  </si>
  <si>
    <t xml:space="preserve">I already do this informally and this should be driven by teacher autonomy rather than prescribed in a formal way that will add to my already overwhelming workload.  I don't want to take attention away from my authentic practice and the more that's downloaded on me the more I worry   </t>
  </si>
  <si>
    <t xml:space="preserve">This sounds really vague and I need more information about what this policy actually says. Where's the place for adaptations within the policy to make all assessments and evaluation practices accessible for all learners? </t>
  </si>
  <si>
    <t>Frequency of reports, frequency of self assessment, and changing the language of the proficiency scale</t>
  </si>
  <si>
    <t>Please see above comments</t>
  </si>
  <si>
    <t>Five minimum reports should be five maximum, but ideally, it is fewer reports with more time in between to go deeper and gather more data and/or evidence.</t>
  </si>
  <si>
    <t>-Emerging and developing are synonyms.  
-The old language was easier to understand and more clear for parents and students.
-The use of "applying" would be preferable to "proficient".</t>
  </si>
  <si>
    <t>all of the above</t>
  </si>
  <si>
    <t xml:space="preserve">We need to go back to keeping reporting simple and less time-consuming.  
</t>
  </si>
  <si>
    <t>Maximum should be five with more time in between in order to go deeper.  Time at the beginning of the year with early primaries is scarce and consumed with establishing routines and building class community.</t>
  </si>
  <si>
    <t>Emerging and developing are synonyms and too similar.  We really only need one of those, then applying and extending.  Perhaps go back to “not yet meeting” and have “independently applying” rather than proficient.  Parents struggle to understand these newer terms.</t>
  </si>
  <si>
    <t xml:space="preserve">At the lower grade levels this is useless  and consumes waaaay too much class time.  Our early primary students need the whole concept unpacked and there is not enough time in the school day/year for doing this effectively.  Doing this for each reporting period is not appropriate.  </t>
  </si>
  <si>
    <t xml:space="preserve">Goal setting for early primary is unrealistic and will cause our teaching time to be consumed with data collection rather than teaching.  I already do this informally and it should not be added to my already overwhelming workload in a formal way, requiring more data collection.  </t>
  </si>
  <si>
    <t>This is way too vague and we would need to actually see the proposed policy.  How do we include non-verbal students??  Where is the place for adaptations within the policy to make all assessments and evaluation practices accessible to all learners?</t>
  </si>
  <si>
    <t xml:space="preserve">All, see above responses </t>
  </si>
  <si>
    <t>Again, see above responses!!!  While we’re at it, can we please get rid of myEd report cards????  Over thirty years teaching, and they are the worst thing ever!!!!  We really only need two written, formal reports each year, January and June.  We also meet with parents in October and March.</t>
  </si>
  <si>
    <t>Going from the reporting pilot, I feel this is a step backwards! In the reporting pilot I feel the parents have been better informed and more involved, fostering an educational team with common goals. Going back to the old stand and deliver of mostly written feedback will once again alienate parents</t>
  </si>
  <si>
    <t>At the primary level, this is a good fit and possibly with intermediates, but it should not extend into middle school. Stick with K-6.</t>
  </si>
  <si>
    <t>As stated above, I believe letter grades should start at grade 7.</t>
  </si>
  <si>
    <t>The proficiency scale could be mentioned in the comments to keep with common language, but letter grades need to be there.</t>
  </si>
  <si>
    <t>I believe this has been very beneficial to students to help them see their progress in the new curriculum and helps them to see their strengths and not just dwell on areas of concern.</t>
  </si>
  <si>
    <t>This is a natural part of the curriculum and helps the students to see themselves as life long learners.</t>
  </si>
  <si>
    <t>The new curriculum has given students and teachers the flexibility of showing growth in skills in a variety of ways so it gives the diversity in assessment, allowing all learners to be evaluated in a way that works for their needs.</t>
  </si>
  <si>
    <t>variety of reporting styles</t>
  </si>
  <si>
    <t>I feel the reporting pilot is a much better fit giving parents a better understanding of their child's learning and their goals. More contact is made with parents, to see the strategies being taught. Teachers are freed up to teach, adapt and work more closely with families and not clerical work.</t>
  </si>
  <si>
    <t>I would expect with this if there was an issue the teacher would contact the parent.</t>
  </si>
  <si>
    <t>This is horrible.  My child always felt deflated with proficient.  Go back to grades.</t>
  </si>
  <si>
    <t>Makes sense!</t>
  </si>
  <si>
    <t>Ridiculous scale, it is degrading.</t>
  </si>
  <si>
    <t xml:space="preserve">The timing provides an opportunity to hear how things are going mid-term. </t>
  </si>
  <si>
    <t>The levels are too ambiguous. I prefer letter grades starting at the intermediate level. My experience is my children work harder and are more focused when working towards a letter grade.</t>
  </si>
  <si>
    <t>Support this approach. Helps children strive for good grades, they better understand how they are doing, and assists in applying for post/secondary opportunities.</t>
  </si>
  <si>
    <t xml:space="preserve">I see no benefit. My preference is letter grades but if teachers want to do this than fine but wouldn’t this already be included in the teachers comments. </t>
  </si>
  <si>
    <t xml:space="preserve">I think self-reflection is an important part of learning. </t>
  </si>
  <si>
    <t>I prefer letter grades from grade 4 onward. I do not support the proficiency scale.</t>
  </si>
  <si>
    <t xml:space="preserve">Reporting out to parents increases workload significantly and it not always meaningful.  An early report out on academic progress just adds to the workload.  Lobbing e-mails and voice mail messages from parents eats into the teaching day and is onerous enough already. </t>
  </si>
  <si>
    <t>Assessment language using the "proficiency" scales is just another form of measurement.  I've used, pass/ fail, proficiency scales, outcomes based education, provincial marking scales, percentages, letter grades over the years. The driver is what the universities are using and they use percentages.</t>
  </si>
  <si>
    <t>Universities drive everything.</t>
  </si>
  <si>
    <t xml:space="preserve">Adds to teacher workload.  Unnecessary.
</t>
  </si>
  <si>
    <t xml:space="preserve">Lots of work to get the student's to accurately evaluate their own responses.  It requires a level of maturity and objectivity about how competent they are to judge themselves when they are so focussed on "marks".
</t>
  </si>
  <si>
    <t>Esoteric and not traceable after students leave.</t>
  </si>
  <si>
    <t xml:space="preserve">Great in theory, difficult in practice with workload issues.
We do our best.
</t>
  </si>
  <si>
    <t>Less reporting to parents to lighten teacher workload.</t>
  </si>
  <si>
    <t>As I am an elective teacher for grades 8 - 12 the work load for this reporting model is huge, especially the one written summary for the year.  Each term has a report and so the term 4 report is the final report card and so I am unsure why the final written summary is necessary.</t>
  </si>
  <si>
    <t>I think there should be a standard way of reporting in high schools &amp; I lean towards the % and written comment model.  Both parents % students understand % and if the written comment with it explaining the student's strengths and areas of improvement then I think it is a clear way of communicating.</t>
  </si>
  <si>
    <t>I think that if this self assessment of core competencies is to be included then all schools need to ensure it has been incorporated into the classroom teaching so that it is not a meaningless add on to the report card.</t>
  </si>
  <si>
    <t>I have always felt that the more opportunity for parental or custodial involvement, the better it is for student learning.</t>
  </si>
  <si>
    <t>Grades and percentages aren't optimal for high school, let alone primary, intermediate, and middle schools.</t>
  </si>
  <si>
    <t>I am looking forward to the day when universities no longer require a percentage or a letter grade, as that is the least reliable form of assessment.</t>
  </si>
  <si>
    <t>I think the Proficiency Scale will be the most fair and accurate way to assess students of any age.</t>
  </si>
  <si>
    <t>Students at my school have been doing this sort of self-assessment, and they don't put a lot of thought into it.</t>
  </si>
  <si>
    <t>This encourages student self-advocacy and accountability.</t>
  </si>
  <si>
    <t>There's really no other way to assess properly than being inclusive of all learners.</t>
  </si>
  <si>
    <t>As I mentioned above, I'm not a fan of percentages and letter grades.  I don't think they're indicative of a student's true progress.</t>
  </si>
  <si>
    <t>Time - already over-worked as a secondary teacher - with 90-120 kids per day every day. Also have to wear many hats besides teaching content/skills - support worker, lunch time, etc. What works in elementary DOES NOT always work in secondary and this is a prime example.</t>
  </si>
  <si>
    <t>As both a parent and a teacher, this is one of the worst ideas I've seen in some time. We can give the kids letter grades, percentages, the 4-point proficiency scale, or cupcake ratings. It doesn't matter. I've already seen kids so upset that they got emerging  - it's the same as an F and kids know.</t>
  </si>
  <si>
    <t>Again as both a teacher and parent, I'd prefer letter grades and percentages k-12, or at least 8-12 at the secondary level. Parents want it, kids want it, it's clear, understandable, globally understood, and the kids get it. We should be focusing on what we are teaching and how we are teaching.</t>
  </si>
  <si>
    <t>Terrible idea, just terrible. We should be focusing on how we teach the kids, and what we teach the kids. How we assess them makes NO difference - the 'A' Student will be the new 'Extending' student. It changes NOTHING. The goal should be how to make more kids 'A' students, not the label to describe</t>
  </si>
  <si>
    <t xml:space="preserve">Please can we for once focus on LEARNING and NOT assessment? Assessment does nothing for student learning,and finite resources of staffing should be focused on promoting academic excellence for academically strong students, and support for students who need it to achieve their best. </t>
  </si>
  <si>
    <t xml:space="preserve">Its an accurate amount of required reporting for teachers. We do our own check-ins with parents regularly and students share their progress online. </t>
  </si>
  <si>
    <t xml:space="preserve">The language is being used from K-9 which creates consistency. The language is appropriate and supports a more positive growth mindset. </t>
  </si>
  <si>
    <t xml:space="preserve">Teachers need more help in creating worksheets or activities that allow students to self reflect. The language can be too convoluted and it feels repetitive when asking students to write on each competency. </t>
  </si>
  <si>
    <t>It is good that students are reminded at the beginning of the year to create goals that are realistic and achievable. Creating a growth mindset, with steps made to achieve the goal is a good way to get by-in from students.</t>
  </si>
  <si>
    <t xml:space="preserve">This allows variation in assignments and assessment and allow students to show what they’re capable of rather than meeting a specific curricular requirement. We know that students learn differently and show their learning in various ways, so variation is critical. </t>
  </si>
  <si>
    <t xml:space="preserve">I think that having Learning Updates throughout the school year is very informative for parents.  I would like to see a summary report that is digital and has a sliding scale to indicate where the child is at along the continuum.
Please do not make more written work for teachers.  </t>
  </si>
  <si>
    <t>By the grade 10-12 age, letter grades and percentages are in line with post-secondary institutions.</t>
  </si>
  <si>
    <t>One time per year?  I would only support it being done in the Spring.</t>
  </si>
  <si>
    <t>This is done at the classroom level.  I don't think goal setting by students needs to be formal and sent home.</t>
  </si>
  <si>
    <t>I'm not sure how this is different from what we already do.</t>
  </si>
  <si>
    <t>I need to know more about the expectations for each reporting period.  I need clarification on "student content" and updating of "all subject areas" in 5 reporting periods.</t>
  </si>
  <si>
    <t>I believe this is great for elementary classrooms whereby teachers have under 30 students to report on. Teachers at middle and high school have double to quadruple the amount of students to report on, and the descriptive feedback will make reporting onerous.</t>
  </si>
  <si>
    <t xml:space="preserve">Many high schools are grades 9 to 12. Some teachers teach multiple grades, and some classes are split (electives with grade 9 and 10 together, for example). Asking a teacher to prepare two different assessment styles for their grade 9 class versus their grade 10, 11 and 12 class is overload. </t>
  </si>
  <si>
    <t>If a student achieves proficiency on an outcome using the proficiency scale, they have achieved it and can't lose it. Trying to equate a percentage to a scale is like comparing apples to oranges. They are not the same form of assessment. A letter grade with percentage range would be better.</t>
  </si>
  <si>
    <t xml:space="preserve">In theory this is great, however, at high-school what class would students formally complete this in? Teachers should be doing it organically in their classes, but reality is that not all are. So who is responsible for making sure the formal self-reporting is done? </t>
  </si>
  <si>
    <t xml:space="preserve">Again, great in theory... very hard to implement unless all students have one class that they are able to complete these in each year. </t>
  </si>
  <si>
    <t>Having flexibility for letter grades versus proficiency scales in high school that have grade 8 and 9. It is too hard to manage two different formal assessments.</t>
  </si>
  <si>
    <t>I feel this promotes the status quo.  I believe there are other ways to communicate student learning effectively and while I can understand the desire for consistency, I think this will restrict innovative practices.</t>
  </si>
  <si>
    <t>While I do not see much difference between the 4 point scale of the performance scale and letter grades, I do think it is different and will encourage all stakeholders to view assessment in a different way.  Letter grades and performance scale judgements do not encourage learning - descriptive feedb</t>
  </si>
  <si>
    <t>I am not working at this level and so defer to the opinions of those that are.</t>
  </si>
  <si>
    <t>We are already doing this and it makes good sense to have students reflect on their growth in the core competencies throughout the year.</t>
  </si>
  <si>
    <t>Goal setting is part of the assessment cycle and is critical to engage students in their learning.</t>
  </si>
  <si>
    <t>This is already our practice and makes sense for all learners to be assessed using the same process.</t>
  </si>
  <si>
    <t>I think requiring two written reports during the year is restrictive to other innovative practices.  I agree that the summative written report at the end of the year is important.  Beyond that there are many ways to effectively communicate student learning.</t>
  </si>
  <si>
    <t>I am a grade 7 teacher. Right now I report using e portfolios. I create 2 summaries of learning each year. 1 in Feb and 1 in June. I’m in SD71. 
If I have to do 2 written learning updates and an SOL and done portfolios, that will increase the number of formal written reports I wrote each year by 1.</t>
  </si>
  <si>
    <t xml:space="preserve">We already do this. There are no letter grades given to K-9 students in my district (SD71). </t>
  </si>
  <si>
    <t xml:space="preserve">Let’s lead the way and ditch necessary letter grades. Universities will eventually fall into line and figure out how to deal with this. </t>
  </si>
  <si>
    <t xml:space="preserve">Don’t use them in addition to. Use them instead of. 
Teachers who use proof font scales have just created words for a 6 point scale that match a current letter grade (they added applying and progressing). So they find a way to do the same thing with different language. </t>
  </si>
  <si>
    <t xml:space="preserve">Sure. Just keep hi lighting that the core competency profiles are owned by students and not for teachers to assess. They also aren’t rankings. Profile 3 is not better than profile 2. </t>
  </si>
  <si>
    <t xml:space="preserve">This happens anyway. It’s not needed in a big provincial policy. </t>
  </si>
  <si>
    <t xml:space="preserve">2 written reports is sufficient at elementary if a teacher uses e portfolios and follows good practice on most posts (what student does well, areas for growth, student voice, etc). 3 written reports is overkill and will add extra unnecessary work to teachers. </t>
  </si>
  <si>
    <t>The language is ambiguous enough that districts may interpret the reporting guidelines differently and increase teacher workload.  If clarification is offered (for example a "written report" could be an email to parents vs. a formalized report card), I would be more satisfied.</t>
  </si>
  <si>
    <t xml:space="preserve">Moving away from percentages and letter grades, especially at the foundational levels of schooling where students are not self-streaming for future pathways increases the focus on LEARNING and away from ranking. </t>
  </si>
  <si>
    <t>Post-secondary institutions rely on the K-12 system to maintain the status quo so that they can continue to rank students based on a single numerical value.  Removing this metric will improve 10-12 assessment and force their transition to a more holistic admission process that improves equity.</t>
  </si>
  <si>
    <t>I support the proficiency scale as the only reporting tool for 10-12 for the same reasons as stated above.</t>
  </si>
  <si>
    <t>It requires students to be active participants in their learning and practice metacognitive skills that will support their future growth.  It also increases accuracy as teachers do not often have access to evidence of all Core Competency areas (which can be very personal to a student).</t>
  </si>
  <si>
    <t>Support the idea of student goals, but it is unclear whether this reporting requirement falls on the responsibility of classroom teachers or the school.  In high school, it would not be practical for each subject area to include this goal report. Further clarification in this area is required.</t>
  </si>
  <si>
    <t xml:space="preserve">This is an equity-based practice. </t>
  </si>
  <si>
    <t>Remove percentages and letter grades to change the focus of education and assessment. Improve clarification to ensure equity in teacher workload across districts.  GREAT PROGRESS, Ministry!  These are some exciting changes : )</t>
  </si>
  <si>
    <t xml:space="preserve">Too many times! The job already has too much to do within a given work day. </t>
  </si>
  <si>
    <t xml:space="preserve">Make it clear and standard. Good to be consistent. </t>
  </si>
  <si>
    <t xml:space="preserve">Again, very time consuming and added stress to reporting that isn’t needed. </t>
  </si>
  <si>
    <t xml:space="preserve">Too much time assessing and not enough time teaching. </t>
  </si>
  <si>
    <t>As long as the language for the scale is clear and consistent. WE currently have scales that have different language for different parts of our school district. The language to describe
these performance standards is very confusing and parents hate it. 'Extending' is an unattainable standard</t>
  </si>
  <si>
    <t>There are So many expectations but on teachers. We are asked to do more and more each year. We need to be realistic about the types of self assessment students with extreme needs are able to do.</t>
  </si>
  <si>
    <t xml:space="preserve">We already do this so it is not different from now.  </t>
  </si>
  <si>
    <t xml:space="preserve">We already do this as part of continuous reporting.  The descriptive feedback is a next step for students and their learning.  </t>
  </si>
  <si>
    <t xml:space="preserve">Before students enter a post secondary situation they need experience with letter grades.  Colleges and universities don't use proficiency scales or provide feedback. </t>
  </si>
  <si>
    <t>Is this just more work for high school teachers?  I know that some teachers especially English use proficiency scales but for science, etc. it might be a make work project.</t>
  </si>
  <si>
    <t xml:space="preserve">These are a waste of time.  Parents are not interested and don't even look at these.  Teachers spend too much time trying to get these done when they are completely meaningless.  Self assessment about work habits and work quality is more meaningful.  How do you get kindergarten kids to self assess? </t>
  </si>
  <si>
    <t>Younger students have no idea about learning goals.  Teachers have to spoon feed ideas to students so these just need to be a high school thing.</t>
  </si>
  <si>
    <t>Isn't this already happening with I.E.P's in place? Or with Student Learning Plans?</t>
  </si>
  <si>
    <t xml:space="preserve">I would change the self assessment of the competencies because this is a make work project for teachers.  My second choice would be the goals, especially for younger students who have no idea about a goal.  Leave this for high school. </t>
  </si>
  <si>
    <t xml:space="preserve">3 written reports is reasonable. The two other updates should be up to the teacher/school/district. </t>
  </si>
  <si>
    <t xml:space="preserve">I think as long as the scale is clear and teachers are provided examples to compare to. </t>
  </si>
  <si>
    <t xml:space="preserve">I do not teach secondary. </t>
  </si>
  <si>
    <t xml:space="preserve">Self assessment should not be required in Primary as it is difficult for this age group to grasp these ideas. </t>
  </si>
  <si>
    <t xml:space="preserve">Simplify this for K-3 students. </t>
  </si>
  <si>
    <t xml:space="preserve">It is too complex for early learners. </t>
  </si>
  <si>
    <t>Too many reporting periods.</t>
  </si>
  <si>
    <t xml:space="preserve">I think 4 learning updates would provide adequate information about student learning. </t>
  </si>
  <si>
    <t>This will be easy for all parents to read and understand.</t>
  </si>
  <si>
    <t>I don't think it is necessary to have 2 different ways to report the same information.  This seems like more work for teachers.</t>
  </si>
  <si>
    <t>I am unclear about the reporting required in all subject areas after 25% of the course for students in elementary school.  This would require a report 6 weeks earlier than currently. It is too soon for the younger grades for Science, social studies, self-evaluation, etc.</t>
  </si>
  <si>
    <t xml:space="preserve">The fact that we need to have be reporting on academics in the first 25% of the year is completely unreasonable considering we are just establishing classroom roles and responsibilities, we are relationship building, we are working through a pandemic and trying to help them socially and emotionally </t>
  </si>
  <si>
    <t>Learning is about the process, not the end product, a mark. This scale allows students to see where they are and where they need to go, rather than feeling they need to work for a Mark</t>
  </si>
  <si>
    <t>That is the reality of life after high school</t>
  </si>
  <si>
    <t>Not realistic to life after high school</t>
  </si>
  <si>
    <t>Core competencies are what makes a person a good person. We need to focus more on these in our curriculum</t>
  </si>
  <si>
    <t>Goal setting is important, however there are so many other things to focus on as well that I don’t feel it needs to be reported on</t>
  </si>
  <si>
    <t>As long as teachers are given support to support these diverse learners, which at this point in time, they must aren’t</t>
  </si>
  <si>
    <t>September/October are aboutEstablishing relationships within the classroom and routines. We are in the middle of a pandemic and so we need to focus on taking care of the students hearts and their social and emotional learning comes first, not the academics. FSA’s are a waste of this time</t>
  </si>
  <si>
    <t>I teach high school and give my students progress reports each month. We do 1 parent teacher interview per class then have midterm report cards and final records - which are formal written comments. I do not think we need more - my student and parents know what is going on because I keep them inform</t>
  </si>
  <si>
    <t xml:space="preserve">What are we changing the wording from A - B - C - D? It is essentially the same thing just nicer words. Is there something I am missing? Why is there a sudden change? This will be something else teachers need to teach parents and students about. </t>
  </si>
  <si>
    <t xml:space="preserve">If post secondary institutions needs a mark value then I think gr. 8 and 9 should have this as well since they are in high school. I do not think we do our students a service to only start giving marks in gr. 10 as they are not used to it. An A in gr. 9 is a big range compared to a mark in gr. 10. </t>
  </si>
  <si>
    <t xml:space="preserve">Why are we doing more work? Why do students needs a word associated with their mark? Students and parents want a numerical mark to see when their learning is at. I am not sure where this is all coming from? </t>
  </si>
  <si>
    <t xml:space="preserve">This could be a good idea for elementary students but this would not work in high school. </t>
  </si>
  <si>
    <t xml:space="preserve">These should be items taught in the curriculum and in our courses - not mandated on a report card. I specifically teach this in my career and life class. </t>
  </si>
  <si>
    <t xml:space="preserve">Do we not do this already? </t>
  </si>
  <si>
    <t xml:space="preserve">Gr. 10 - 12 students want to see a numerical mark on their report card and we do not need a fancy word attached to it. As educators we should be able to explain to that parent/child where their learning is at. </t>
  </si>
  <si>
    <t xml:space="preserve">I believe this should be a 5 point scale that allows for another point between emerging and developing. </t>
  </si>
  <si>
    <t xml:space="preserve">We do not report 5 times a year now - at least not formally. At high school students get 2 written reports per course . I agree that additional progress / informal reports should supplement these formal reports but to say what you are proposing is the same number of reports now is incorrect . </t>
  </si>
  <si>
    <t xml:space="preserve">Students and parents need his AND a number . This is especially important in grades 8/9 in subjects like math . It’s ridiculous for us to report on these vague- to parents and students without giving them some kind of number . </t>
  </si>
  <si>
    <t xml:space="preserve">All grade8-12 students need this </t>
  </si>
  <si>
    <t xml:space="preserve">Students HATE doing this and despite many years of trial this is not successful </t>
  </si>
  <si>
    <t xml:space="preserve">This has some merit </t>
  </si>
  <si>
    <t>The onus of ongoing reporting is already a lot for teacher who have large classes or teacher multiple subjects. 
Ongoing reporting (eg. Allowing parents access to a 'gradebook') is a better option than formal reporting. Also, self assessment should be included as a formal written report.</t>
  </si>
  <si>
    <t>The performance scale more accurately represents learning.
However, the language of "Proficient" is not action oriented (verb) like "Applying"</t>
  </si>
  <si>
    <t>Percentages are not accurate or useful measures of what students know, do, and understand.</t>
  </si>
  <si>
    <t>Very satisfied with greater movement to inclusion, but teachers need greater support as well move in this direction.</t>
  </si>
  <si>
    <t xml:space="preserve">Those listed are the ministry required reporting periods/events. What is misleading is that students and parents receive many types of reports on student progress. Teachers spend time face to face (beyond the parent/teacher conferences), phone call communication, emails and progress reports. </t>
  </si>
  <si>
    <t xml:space="preserve">It’s too much of a change to switch to letter grades and percentages in grade 10. There’s a complacency amongst some of the most vulnerable/at risk students who lack motivation and family support who ‘coast’ through their non-graded school years. Actual grades helps to keep them accountable. </t>
  </si>
  <si>
    <t>Not necessary. Grades and percentages are clear. Why layer a proficiency scale on top of that? Redundant.</t>
  </si>
  <si>
    <t>Grades and percentages from grade 8 onward</t>
  </si>
  <si>
    <t>4 reporting periods would be sufficient enough. Initial conference in the fall, followed by three written reports for each term.</t>
  </si>
  <si>
    <t>Proficient tends to mean fully grasps concepts or skills. This is a broad sliding scale. There should be a descriptor between developing and proficient. Perhaps sufficient? I like no letter grades for elementary.</t>
  </si>
  <si>
    <t>It should be one or the other. Not both the scale and the letter grades or percentages. Letter grades make more sense at the secondary level.</t>
  </si>
  <si>
    <t>When the new curriculum was developed, we were told that the core competencies would not need to be something that would need to be reported on and they were merely underlying themes throughout the curriculum. They have slowly become the center of instruction, added on top of the learning standards.</t>
  </si>
  <si>
    <t>It depends on the disabilities and diverse abilities. Realistically, some students, are not capable of self-assessment and their goals would need to be adult driven. Also, proficiency standards and grades should not be applied to all students, as their achievements may not be based on academics.</t>
  </si>
  <si>
    <t>Students in middle school especially those in grades 8 and 9 are preparing for high school. One size fits all for this large of an age range does not work. I deal with 100+ students not 26. It is simply not possible for me to do continuous reporting of any value!</t>
  </si>
  <si>
    <t>It is workable and easy for all stakeholders to understand.</t>
  </si>
  <si>
    <t>The provincial scale could be utilized when suitable by teacher choice but not force as a one size fits all.</t>
  </si>
  <si>
    <t>Unworkable - this must have been created by someone that does not teach.</t>
  </si>
  <si>
    <t>With all of these "extras" when I am I supposed to actually teach the curriculum or are we suppose to spend our time with students dwelling on how we spend our time?</t>
  </si>
  <si>
    <t>Grade 9 students are not 5 years old!</t>
  </si>
  <si>
    <t xml:space="preserve">I appreciate frequent updates. </t>
  </si>
  <si>
    <t xml:space="preserve">I like how report cards are done at the moment. Although I would prefer receiving a paper copy. I find the online process of accessing them frustrating. </t>
  </si>
  <si>
    <t xml:space="preserve">I agree that letter grades are very important for applying to post secondary institutes. </t>
  </si>
  <si>
    <t xml:space="preserve">I believe it would be beneficial for kids to see how they’re progressing throughout the year. </t>
  </si>
  <si>
    <t xml:space="preserve">It’s helpful for the kids to see their progress of lack thereof throughout the school year. </t>
  </si>
  <si>
    <t xml:space="preserve">It’s helpful for kids to set a goal and work towards it. Especially if they can see that they’ve set a realistic goal and achieved it. </t>
  </si>
  <si>
    <t>This works well when grades 10-12 are in a separate school, however for schools that are 8-12 I believe a more uniform system is beneficial.</t>
  </si>
  <si>
    <t>Most post-secondary programs still use percentages and letter grades. I feel we need to model that at the senior level in a safer setting first.</t>
  </si>
  <si>
    <t>Implemented in the right way this could be a powerful policy. However, past experience tells me that integrated without heavy forethought might lead to a majority of students not taking it seriously.</t>
  </si>
  <si>
    <t xml:space="preserve">For the same reasons as the previous policy, I think this only works with the right implementation plan. </t>
  </si>
  <si>
    <t>I fully support this policy, but the details are key. Educators would need specifics on exactly what this would mean regarding assessment and reporting practices.</t>
  </si>
  <si>
    <t>The option to use letter grades &amp; percentages starting in grade 8 for 8-12 schools</t>
  </si>
  <si>
    <t>In general, I support most of what the policies are about, with a suggestion about making the middle years of evaluation more flexible depending on the school.</t>
  </si>
  <si>
    <t>I don’t think it’s ok to have to wait months to find out how your kid is doing in school. Regular  communication is important.</t>
  </si>
  <si>
    <t xml:space="preserve">We have found that our kids and friends still question if they are at grade level and still don’t fully understand they new terms. </t>
  </si>
  <si>
    <t>I am fine with the idea of letter grades and percentages but would still like an explanation on the reasoning behind the grade. Every teacher grades differently so knowing the expectations of the teacher should be made clear.</t>
  </si>
  <si>
    <t>I believe not only this is good for the child and the parent but also a good way for the teacher to get a better understanding of the students view.</t>
  </si>
  <si>
    <t>This is good but should still have teacher and or parent involvement to help the child goal setting because some might set themselves up to low and others to high.</t>
  </si>
  <si>
    <t>For kids that don’t show or hide their disabilities from their peers are being lost in the system because they are no longer getting asked if they need help they are expected to ask for it. If they are at grade level standards they do not get assistance to help them mentally.</t>
  </si>
  <si>
    <t>I believe a lot of kids will with invisible disabilities will be lost in the system because the kids spend so much time masking their disabilities that the teachers/administration staff will just presume they are fine.</t>
  </si>
  <si>
    <t>The amounts needed for each district in expectations for what constitutes adequate amounts on written reports. Due to this, written reports are excessive in some areas and this does not engage families in the same meaningful way.</t>
  </si>
  <si>
    <t>I love that there is differentiation in to recognize "extending" as students who go above and beyond. However, the district are starting to muddy what these definitions are. I have been told that it is not just students who are beyond grade level, but those doing well with level content)</t>
  </si>
  <si>
    <t>I do not teach this level, and the intricacies are lost on me.</t>
  </si>
  <si>
    <t>Similar to above</t>
  </si>
  <si>
    <t>I think this is great, but report cards are extremely long and wordy. I think that one competency could be spoken on each term and it would be a more relevant document for parents and more likely to be read</t>
  </si>
  <si>
    <t>Including goals are incredibly important, especially in conferencing. I think there is too much being placed in the reporting however.</t>
  </si>
  <si>
    <t>To support LGBT+ students we should have all student legal documents using they/them pronouns (otherwise we risk othering, not using or outing students)</t>
  </si>
  <si>
    <t>Necessity of grading career and ADST and commenting on them each term</t>
  </si>
  <si>
    <t>Report cards are already 4 pages long. By adding this each term, as well as core competency reflection each term they'd be a 6 page document every term, which is excessive</t>
  </si>
  <si>
    <t>Onerous, not enough time, need training/release time</t>
  </si>
  <si>
    <t xml:space="preserve">We should be working with the expectation that we are readying students for post-secondary. </t>
  </si>
  <si>
    <t xml:space="preserve">Proficiency scale is unnecessary. </t>
  </si>
  <si>
    <t xml:space="preserve">To a certain extent self assessment is a useful learning tool but should be included in student marks. </t>
  </si>
  <si>
    <t xml:space="preserve">This should be done in CLE/CLC. </t>
  </si>
  <si>
    <t xml:space="preserve">Already doing this. </t>
  </si>
  <si>
    <t xml:space="preserve">I feel like teachers are being stretched beyond their limits coping with teaching during COVID times, expected to teach a multi grade class for CLE with no training or education in most of the course big ideas, and adding additional reporting times and more anecdotal reports is outrageous. </t>
  </si>
  <si>
    <t>Detailed written reports are being suggested for more than just 2 reporting periods.</t>
  </si>
  <si>
    <t xml:space="preserve">The scale functions wonderfully in many contexts, the implementation of this assessment across all learning contexts, especially for high school grades (8,9) isn't feasible for accurate transparency and communication, for both parents and students. The workload is also increased exponentially. </t>
  </si>
  <si>
    <t xml:space="preserve">This is the best option for the maturity of high school students to understand clearly their expectations for learning. It should be applied for grade 8 and 9 as well. </t>
  </si>
  <si>
    <t xml:space="preserve">This scale isn't feasible for high school students. The nature of each course's core competencies is different. Reporting with percentages is the best option considering how many students are assessed and the shorter time provided in high school classes. </t>
  </si>
  <si>
    <t xml:space="preserve">At the high school level, core competencies are more complex. Asking students to self-assess on these adds an unnecessary workload on students while they are already engaging with competencies related to each subject area.  </t>
  </si>
  <si>
    <t xml:space="preserve">Elements of this policy are presented in career and life education classes. </t>
  </si>
  <si>
    <t xml:space="preserve">Individual Education Plans for students exists. </t>
  </si>
  <si>
    <t xml:space="preserve">Reporting for high school students in grade 8-9 with proficiency scale is a drastic increase of workload for a teacher. Teaching 42 students in grade 8 and 9 for a total of 4 classes means that in theory I'm writing 168 highly personalized report cards. Elementary = yes. High School = no. </t>
  </si>
  <si>
    <t xml:space="preserve">Online access to reports cards was hard to access, the password expired between reporting times and requests to reset forgotten or expired passwords had no response from the system administrators at some times.
</t>
  </si>
  <si>
    <t xml:space="preserve"> 5 reports on science, arts, social science, physical education, personal development, technology etc are unrealistic for grades k-3. They need more time to develop core competences related to these fields. It’ll be jumping to conclusions without allowing time get exposed and to explore.</t>
  </si>
  <si>
    <t xml:space="preserve">Descriptive feedback for science, social sciences, arts, personal development, and connected disciplines makes more sense at the end of year for first grades.
</t>
  </si>
  <si>
    <t xml:space="preserve">Young students ( k-3) have an extremely hard time self-evaluating themselves. This kind of assessment should be done informally, as training to become formal at an older age. </t>
  </si>
  <si>
    <t xml:space="preserve">This is more realistic at older ages. </t>
  </si>
  <si>
    <t xml:space="preserve">Focus on literacy,  numeracy, and core skills ( communication, social interactions, behaviour) for young children. </t>
  </si>
  <si>
    <t>K-3: The abilitiesto read, write, speak, reason, interact and behave in a certain way that facilitates learning are very challenging and take a huge amount of time and effort. Most specialists and teacher’s interventions are related to these fields. Assessment should focus on these areas.</t>
  </si>
  <si>
    <t>I feel this number of reports gives parents accurate information about their children's progress.</t>
  </si>
  <si>
    <t>I think the language sounds overly positive. If there is a concern, I would like that clearly communicated. It is also a lot of work for teachers to provide descriptive feedback for all areas all terms. The reports end up too long and parents find them difficult to read and understand.</t>
  </si>
  <si>
    <t>Aligns with post secondary</t>
  </si>
  <si>
    <t>I don't have enough information about teaching those grades.</t>
  </si>
  <si>
    <t>Having students reflect in written formal on all competencies for each report is very time consuming, especially for primary students who cannot do so independently. It takes a lot of time away from other subject areas. It feels unmanageable to do it all.</t>
  </si>
  <si>
    <t>I would like to see this only for term 2 and 3, especially for primary students. There is a lot of teaching that needs to go into effective goal setting and it is difficult to fit this into the first term.</t>
  </si>
  <si>
    <t xml:space="preserve">It makes sense to be inclusive </t>
  </si>
  <si>
    <t>Would prefer to not report on all subjects/areas on every report. There is not enough time to teach all these things in a meaningful way.</t>
  </si>
  <si>
    <t>There is not enough time to teach all subjects, plus all core competencies, plus goal setting every term. Subjects become rushed instead of being explored in depth. The report card also becomes too long for teachers to individualize and for parents to truly read.</t>
  </si>
  <si>
    <t>This may be more beneficial for older students but not primary.</t>
  </si>
  <si>
    <t>I believe teachers in the classroom can use their own goal system and not be burdened with another task that needs to be mandated.</t>
  </si>
  <si>
    <t>I do not believe there needs to be more than the current 5 reports (and 2 report cards).</t>
  </si>
  <si>
    <t>Given the scope of the new of the proposed reporting policy, the work asked for is only possible if either teacher spend more classtime building such reports or if our classes comprised of fewer students.</t>
  </si>
  <si>
    <t>The 4 point scale is difficult to distinguish the granulation for meaningful feedback.  All exemplars of the 4 point system merely utilize slightly different vague adjectives to subjectively assess.  Prefer a single column rubric that outlines proficient and then the written feedback for + and -.</t>
  </si>
  <si>
    <t>Seems odd to promote the proficiency scale only to switch back to the traditional system for grades 10-12.  Is it helping those that aren't pursuing post-secondary?  Is the proficiency scales in 8-9 helping those that are planning post-secondary?</t>
  </si>
  <si>
    <t>Doing so would be too onerous, and likens the possibility that a teacher will slip into an equivalency mentality (ie A=Exceeding).  This violates the original intention of the proficiency scales that they are a distinct approach from numerically calculating student scores.</t>
  </si>
  <si>
    <t>Metacognition is valuable, but this aspect of the student reporting should not be overseen by classroom teachers.  Rather a non-enrolling position should pick up this task.</t>
  </si>
  <si>
    <t>I believe this is already happening in CLE and CLC courses?  However unsure if students are taking the goal setting to heart or treating it as another graduation hoop to jump through.</t>
  </si>
  <si>
    <t>Difficult to generate meaningful/specific practices to fully meet every student's individual needs given current class sizes (30 plans).  Some affiliated party (student, parent, counsellor, admin) to current students with IEP's use it like a crutch to avoid meeting challenges.</t>
  </si>
  <si>
    <t>Class size</t>
  </si>
  <si>
    <t>Consider realistic expectations; if we are trying to move away from the mass production of the current system, then the increases in quality can only be achieved in smaller batches.</t>
  </si>
  <si>
    <t>I am pleased that the amount of reporting has not increased.</t>
  </si>
  <si>
    <t>Works for lower primary grades.  However, more parent information is needed as parents don't understand what the terms mean.</t>
  </si>
  <si>
    <t>I don't teach these grades so am not informed enough to make a choice</t>
  </si>
  <si>
    <t>This is very difficult to do with non writers or early writers.  It requires a 1:1 conference with each child, which in turn means another adult needs to be with the rest of the class - and that is not possible.</t>
  </si>
  <si>
    <t xml:space="preserve">Once again this is very difficult to do with non writers or early writers.  It requires a 1:1 conference with each child, which in turn means another adult needs to be with the rest of the class - and that is not possible. </t>
  </si>
  <si>
    <t>It is not always possible to do this.  Some children are working far below grade level, such as developmentally at the level of a 18 month old.</t>
  </si>
  <si>
    <t>The length of report cards and amount being asked to report on</t>
  </si>
  <si>
    <t>With each change in the reporting policy, teachers are being asked to write more and more.  The wordiness of the report cards make it hard for parents to understand how their child is doing.  A simple checklist is far more upfront and easy to understand by all parents regardless of first language</t>
  </si>
  <si>
    <t xml:space="preserve">I like the language but I wish there should continue to be an option to not put a performance scale for specific students who are not access the curriculum, whether because of a significant language barrier, a profound disability or a behavior issue. </t>
  </si>
  <si>
    <t>I don't teach thesegrade so I don't have  much of an opinion, but I do think that of the post secondary institutions stop asking for letter grades we should too</t>
  </si>
  <si>
    <t>Same as above</t>
  </si>
  <si>
    <t xml:space="preserve">I like the core competencies and think they're important. Asking for all three competencies in all three terms is a lot though, especially for the younger students who make not have a full understanding of what the competencies are. I think that one competency per term would be a better balance. </t>
  </si>
  <si>
    <t xml:space="preserve">Again I like goal setting and think it's important, but it's a lot for younger kids to do, especially at beginning of the year. I think there should be flexibility on how often goal setting happens based on the age of the child.  </t>
  </si>
  <si>
    <t>I'm in favor of putting more kids on the performance scale but I do think that there needs to be option for not putting kids on the performance scale. When I report on kids with diverse needs I want more flexibility not less. Mandating that everyone be on the performance scale doesn't give me  that.</t>
  </si>
  <si>
    <t>See above re workload for younger students</t>
  </si>
  <si>
    <t>Authentic goal setting is challenging at the primary level. Most times, students set goals and don't remember their goals by the end of the term.</t>
  </si>
  <si>
    <t xml:space="preserve">I like the inclusivity, but how do we account for students who don't yet speak English, students with IEP goals, etc.? Are they assessed based on curriculum and grade expectations or IEP goals? </t>
  </si>
  <si>
    <t>Amount of things that need to be reported</t>
  </si>
  <si>
    <t>Commenting on ADST and Careers, while also having goal setting, self assessment, and all the other subjects areas is a lot for a report card. In many cases, parents don't spend a lot of time reading through reports, which took many hours and days to produce.</t>
  </si>
  <si>
    <t xml:space="preserve">Personalized reports, that reflect the mentioned student.  This will also require giving teaches the necessary time to create the mandatory reports. </t>
  </si>
  <si>
    <t xml:space="preserve">What support is truest offered to rural/ remote school districts to provide these kids with any promise of a future? 
None.  The answer is none.  Anything past hope is collateral.  </t>
  </si>
  <si>
    <t xml:space="preserve">This needs work </t>
  </si>
  <si>
    <t xml:space="preserve">I believe that two formal written reports should suffice. One at the end of January (1/2 way through the year) and the other at the end of June (end of the school year). Teachers should be giving timely formative feedback to students on an on-going basis. Interim reports should be optional
</t>
  </si>
  <si>
    <t>I would like to see this scale used for K-7. Grades 8 &amp; 9 could transition to letter grades as the reporting in high school will be a percentage. However, if high school reporting went simply to pass/fail, then K-9 could see the same system throughout.</t>
  </si>
  <si>
    <t xml:space="preserve">In some post-secondary programs (particularly in masters/doctorate programs) students are given a pass/fail mark. If marks weren't unreasonably inflated (as they tend to be now) then a pass/fail system would work fine. It would also benefit those in the trades programs. </t>
  </si>
  <si>
    <t xml:space="preserve">That could work, however, grades are not necessary in the grad program. University acceptance could be based on a portfolio of work and possibly a brief 15-minute interview. 
</t>
  </si>
  <si>
    <t xml:space="preserve">Student self-assessment is key. However, there also needs to be a solid way to track growth of these skills as a student may continually feel they excel in a certain area but are in fact lagging behind peers. </t>
  </si>
  <si>
    <t>Goal setting is essential but students also need to be given the skills to build proper habits to reach their goals.</t>
  </si>
  <si>
    <t xml:space="preserve">I think that 2 written (including summary) and 2 other would be adequate. </t>
  </si>
  <si>
    <t xml:space="preserve">Replacement of letter grades fits more with our new curriculum and best practice. </t>
  </si>
  <si>
    <t xml:space="preserve">Reflections 3 times a year is too many. </t>
  </si>
  <si>
    <t xml:space="preserve">3 times a year is too many. 1-2 would be adequate. </t>
  </si>
  <si>
    <t xml:space="preserve">Putting ELL level 1 students, students on IEPs, students who produce no work and students who are learning letter sounds all together in the ‘emerging’ group makes no sense. It would be changing the meaning of the category Emerging. Very confusing for teachers and parents. </t>
  </si>
  <si>
    <t>All reports require preparation and time yet completing them is not possible within the constraints of the current mandate. More teacher supports (release time) is needed to complete the 5 informal/formal reports each year.</t>
  </si>
  <si>
    <t xml:space="preserve">I’m not sure that letter grades are the best choice given the frequent and increasing propensity of mental health considerations. </t>
  </si>
  <si>
    <t xml:space="preserve">Conferences aren’t needs for goals to be set. Conferences take the authenticity out of making meaningful goals. It’s become just another hoop to jump, or box to check off. </t>
  </si>
  <si>
    <t>I feel that from grade 6 onward students should get letter grades.</t>
  </si>
  <si>
    <t xml:space="preserve">Colleges and universities  use letter grades. I feel that it is important that students and parents become familiar with letter grades. </t>
  </si>
  <si>
    <t xml:space="preserve">We need different reporting policy for some of our students who are designated. In particular, core competencies and goal setting. Some of our students are not able to do this and yet we are still forced to report on it as if they are. </t>
  </si>
  <si>
    <t xml:space="preserve">We need the ability to use different reporting for some of designated students. </t>
  </si>
  <si>
    <t xml:space="preserve">Because it compliments my teaching style, or, at least, a style I strive for </t>
  </si>
  <si>
    <t xml:space="preserve">I would love just to switch to this because percentages don’t always make sense where as the scale is more clear </t>
  </si>
  <si>
    <t xml:space="preserve">I would love just for letter but I don’t know if that would work well for applying to post secondary schools </t>
  </si>
  <si>
    <t xml:space="preserve">Yes please! </t>
  </si>
  <si>
    <t>I love making my students do self assessment</t>
  </si>
  <si>
    <t>Taking ownership is soooo important and goal setting is so helpful beyond the classroom</t>
  </si>
  <si>
    <t xml:space="preserve">All students should be included. </t>
  </si>
  <si>
    <t>I like it!</t>
  </si>
  <si>
    <t xml:space="preserve">My district currently does 2 written and 3 other forms of communication throughout the year. </t>
  </si>
  <si>
    <t xml:space="preserve">We already do this in my district and working well. </t>
  </si>
  <si>
    <t>Already do this</t>
  </si>
  <si>
    <t xml:space="preserve">We already for 5. And only 2 of which are written. Works well having the other 3 reports as something else other than a written report. </t>
  </si>
  <si>
    <t xml:space="preserve">I provide much more personal and timely communication through FreshGrade to my students' parents. This platform allows for student voice as well as the required components of "points of progress." Going back to more written reports would be a step backward in my communication with parents. </t>
  </si>
  <si>
    <t>I already use the Provincial Proficiency Scale on my formal summative reports and on my "Points of Progress" on FreshGrade.  I gave a neutral response because not all teachers do this.</t>
  </si>
  <si>
    <t>Although we have ongoing discussions about these competencies, the self evaluation activities seem contrived. Even with discussion, they seem to force children and their families into the latest trend in educational jargon.</t>
  </si>
  <si>
    <t>In my experience, it is often very difficult to use the regular report card to positively report on the progress of struggling learners. We are given very little support on how to report on a child who is several years behind grade level expectations but trying their very best at their daily work.</t>
  </si>
  <si>
    <t xml:space="preserve">Teacher workload in more written reports beyond the frequent posts I make on FreshGrade. Those inform my students' families of their proficiency in the core subject areas and allow them to see the social and community interactions their child has while participating in my classroom activities. </t>
  </si>
  <si>
    <t>Provides enough information for parents about student learning</t>
  </si>
  <si>
    <t>I think that students in grades 8 and 9 should be assessed using a letter grade scale.  My daughter's elementary report cards are very long and difficult to read.</t>
  </si>
  <si>
    <t>More work for nothing.  The letter grades are widely understood by parents and students.</t>
  </si>
  <si>
    <t>This will take time and not always done purposefully.  Would be good for CLE classes.</t>
  </si>
  <si>
    <t>It is impossible for teachers to provide individual programs for all students in their class.  Teachers already use evaluation practices in accordance with a student's IEP.</t>
  </si>
  <si>
    <t>I’m not sure if this will truly enhance student success. More than anything, it will place additional burden on the shoulders of stressed teachers.</t>
  </si>
  <si>
    <t>This would offer the students to feel more ownership of their work and performance at school.</t>
  </si>
  <si>
    <t>Proficiency scale is horrible.</t>
  </si>
  <si>
    <t>Proficiency scale useless if given other information</t>
  </si>
  <si>
    <t>Children aren't thinking about their learning in the same terms, which make the self assessments a test in jargon not learning</t>
  </si>
  <si>
    <t>It’s enough. Teachers need time to determine a proper evaluation of a students progress. If done too many times I don’t think it’d be as useful or accurate.  The timing seems fine currently.</t>
  </si>
  <si>
    <t>I just don’t like it. Seems like a very generic way to indicate performance. Not personal at all.</t>
  </si>
  <si>
    <t>Currently my children are in K and 1.</t>
  </si>
  <si>
    <t>My kids are in K and 1.</t>
  </si>
  <si>
    <t xml:space="preserve">Seems like a good idea as long as their is still input from the teachers. </t>
  </si>
  <si>
    <t>Seems like a good idea. These types of things will carry on throughout their lifetimes. Goal setting…very important!</t>
  </si>
  <si>
    <t>Seems like a good idea.</t>
  </si>
  <si>
    <t xml:space="preserve">I don’t like the 4 scale report cards. Doesn’t really tell me much about how my kid is doing. It’s a very generic, boring and impersonal report card in my opinion.  Even though there is some personal comments from the teacher, overall, it’s impersonal. </t>
  </si>
  <si>
    <t>extra work added to already heavy workload
report writing takes up a lot of personal time</t>
  </si>
  <si>
    <t>not appropriate expectation for primary students 
children at this age do not understand self assessment at a level that is appropriate for evaluation</t>
  </si>
  <si>
    <t>as stated above self evaluation for primary students is unrealistic and a waste of time</t>
  </si>
  <si>
    <t>too many reporting periods
would like to know if there will be time given to do the extra reporting</t>
  </si>
  <si>
    <t xml:space="preserve">I think the number of report cards is adequate. </t>
  </si>
  <si>
    <t xml:space="preserve">This is an unrealistic expectation for young children. I do not think we should report on core competencies every term. I think we should report on them once a year. We use core competencies everyday, and we can chat about them, but fitting them into reporting is unrealistic. </t>
  </si>
  <si>
    <t xml:space="preserve">This is an unrealistic expectation for young children. We goal set daily, but this makes reporting a lot more complex and time consuming for teachers. We can chat about goals, but fitting them into reporting is unrealistic. We chat about them at conferences already. </t>
  </si>
  <si>
    <t xml:space="preserve">I do not think more needs to be added to the reporting policy - I think goal setting should not be added. This adds a lot on the shoulders of teachers at reporting time. </t>
  </si>
  <si>
    <t xml:space="preserve">Too many reporting periods, too early translates into additional pressure on educators to assess when not enough content has been covered yet. Educators divide the academic school according to reporting periods. </t>
  </si>
  <si>
    <t>How does one "extend" in a language at beginner level?</t>
  </si>
  <si>
    <t>It is easier to assign letter grades to indicate progress at the higher grades.</t>
  </si>
  <si>
    <t>It is good for students to have an opportunity to reflect on their own academic growth throughout the academic year.</t>
  </si>
  <si>
    <t>This is great, provided teachers are also permitted the freedom to teach according to their own teaching styles.</t>
  </si>
  <si>
    <t>The frequency of reports is sufficient</t>
  </si>
  <si>
    <t>Emerging, Developing, Proficient and Extending are just replacement words for I, C, B and A letter grades. Feedback is becoming so wordy that major concerns can be hidden and softened with "emerging". Grade 8 and 9 teachers have 90-120 students, so being accurate with each assessment is arduous.</t>
  </si>
  <si>
    <t>This is the same as it is now.</t>
  </si>
  <si>
    <t>It is good to ensure consistency but I have concerns this may lead to school bias/preference bases on test results, which may be caused by social inequalities.</t>
  </si>
  <si>
    <t>Self assessment is good for a small percentage of students, but most of them just give themselves "exceeding expectations" as they are not yet ready to do meaningful accurate self assessment. Sometimes they can be ok.</t>
  </si>
  <si>
    <t>Don't we already do this?</t>
  </si>
  <si>
    <t>By high school (grade 8) this type of assessment should no longer be used. Students need to transition to letter/percent grades in preparation for grade 10. Otherwise, the difference between "developing" and "I" is  a shock.</t>
  </si>
  <si>
    <t>Don’t confuse me with meaningless words about what learning has occurred. I want to know percentages. This is what the universities and colleges will consider. Do not change it.</t>
  </si>
  <si>
    <t>Why are you making the system more like elementary schools and less like the system after school? They should more closely resemble colleges and post secondary systems, not elementary.</t>
  </si>
  <si>
    <t>We know your agenda. This year it is K-9. Next you’ll try and convince us that using this assessment boondoggle will be beneficial if it’s from k-12.</t>
  </si>
  <si>
    <t xml:space="preserve">See? You’re already hinting that it will eventually happen. </t>
  </si>
  <si>
    <t xml:space="preserve">With how much the school system has been entitling kids, it’s no wonder that so many of them are out of touch and have over inflated values of self worth. Now you want to have hem come up with their grades? Lol. Good try. </t>
  </si>
  <si>
    <t>My children have been setting goals both educational and out of school on their own. Don’t need to take up valuable learning time to do something we do at home.</t>
  </si>
  <si>
    <t>If this increases the workload of teachers and staff that help my child learn by ‘including’ children that are better suited in an alternate environment, no thank you. Special needs require special care and attention. Fund the system properly so these student get the attention they need in alt place</t>
  </si>
  <si>
    <t>Stop trying to dumb the system down. This is a poor attempt to try and save the ones that are struggling the most. Forget this notion that all can be saved. We do not need more participation trophies. Stick with percentages. It’s ok if kids fail. Better now than when they’re adults.</t>
  </si>
  <si>
    <t xml:space="preserve">It’s already a stretch to do 3 reporting periods, 5 is over the top. 30% of parents in my grade 5 class for the past 3 years did not even OPEN their child’s report card, 50% of my students never see their report cards because “they’re on mom’s phone.” </t>
  </si>
  <si>
    <t>The language is positive and easy to understand.</t>
  </si>
  <si>
    <t xml:space="preserve">I’m still trying to find ways for this to be meaningful for my students. </t>
  </si>
  <si>
    <t>We already do goal setting, so it’s great in theory, but it seems like we are having more added to our plates both inside and outside the classroom at a highly stressful time. What is getting taken off? Our students are on fire, there aren’t enough counsellors, and there are more expectations?</t>
  </si>
  <si>
    <t>I don’t see any benefit, for parents or students, of increased reporting at the elementary level. None.</t>
  </si>
  <si>
    <t>I would like to see letter grades for intermediate and grades 8-9. Or, I would like to understand how the new proficiency scale correlates to the letter grades. Descriptive feedback is really important and appreciated, though sometimes seem canned and generic.</t>
  </si>
  <si>
    <t>Would like to see descriptive feedback in conjunction with letter grades. Like the percentage aspect of this. It is good to see a quantitative assessment as a component of this approach.</t>
  </si>
  <si>
    <t>This is what I would like to see. I would also like to see the descriptive comments.</t>
  </si>
  <si>
    <t xml:space="preserve">Despite the obvious challenges with self- assessment, it is important to understand how the child feels they are doing in comparison to the teacher’s assessment. 
</t>
  </si>
  <si>
    <t xml:space="preserve">Goal setting is an important skill. It will be challenging to implement this well. </t>
  </si>
  <si>
    <t>Letter grades and percentages need to happen much earlier than grade 10, with descriptive comments included.</t>
  </si>
  <si>
    <t>5 reports is a lot.
I don't want any more.</t>
  </si>
  <si>
    <t>THere is too much language in the report card.  I don't understand it.
Please can you just use check marks.  I can't understand all the paragraph</t>
  </si>
  <si>
    <t>How will teachers have time to do this?
This will take away from learning time they need to teach.
I can do this part at home.
waste of time imo</t>
  </si>
  <si>
    <t>This will take time away from teaching and learning</t>
  </si>
  <si>
    <t xml:space="preserve">waste of time and takes away from teaching.
young students can't do this on hteir own
it won't really be student voice
very bad idea
</t>
  </si>
  <si>
    <t>Workload for teachers is already onerous. Parents can’t be bothered reading this much assessment. They want short and simple. They are busy and need clear concise data. Make the form of reporting simple. A phone call with documentation, an e-mail, a portfolio piece. Short and to the point.</t>
  </si>
  <si>
    <t>The descriptors are inaccessible to some parents. Some students who are “ emerging” have not even begun to emerge. Extending is misleading and not easy to understand in terms of academics. Rethink your descriptors</t>
  </si>
  <si>
    <t xml:space="preserve">My daughter who has just entered university has limited experience with their letter grading system. Unless higher education is also going to change their grading system this isn’t doing our kids any favours. Letter grades were not wrong for grades 8-12. They are also clear to parents </t>
  </si>
  <si>
    <t>Again-many students are headed to university which is entirely letter grade based. Who are you catering to in eliminating letter grades? You are taking away a system many parents understand and replacing it with something they find vague and esoteric</t>
  </si>
  <si>
    <t>Many students are too young to engage in meta cognitive tasks like thinking about what their core competencies are. This was always implicit in teaching. Let teachers teach these important skills in their own way. Too much interference and “prescription”. They don’t need to be “explicit”-imbed them.</t>
  </si>
  <si>
    <t>Depends on the goals. This could be useful but guiding students toward this type of goal setting requires a lot of time and one on one support. What will you take off the plate of teachers and learners in order to achieve these one on one opportunities?</t>
  </si>
  <si>
    <t>Fund special education programs adequately so these students can be supported to reach their goals. Teachers cannot level the playing field to help these learners without support in the classroom. Inclusive is done as well as it can be with inadequate funding</t>
  </si>
  <si>
    <t>Too much reporting is as bad as too little. Parents often complain that they are bombarded with their student’s progress. Be more flexible with the how and when. 25% into the semester does not allow time for getting to know students when classes aren’t even finalized until the 2nd week of September!</t>
  </si>
  <si>
    <t xml:space="preserve">It takes a lot of work to assess and write reports for an entire class of students. We currently only have 2 formal reports that we write in our district (class teachers choose their other learning updates and how to share learning) this change sounds like I would now need to do 3 formal reports. </t>
  </si>
  <si>
    <t xml:space="preserve">Giving one description for each subject area is too broad in the primary years (and likely the older years too!). It's not specific enough to show their strengths and stretches. Also, is it not just "grades in disguise?" </t>
  </si>
  <si>
    <t xml:space="preserve">Self assessment is a skill that needs time to be taught and practiced and the maturity to be self aware. Making this a mandatory part of reporting in the early primary years is adding so much more to our workload and is not entirely developmentally appropriate for our youngest learners. </t>
  </si>
  <si>
    <t xml:space="preserve">This is a skill that needs time to be taught and practiced, and the maturity to understand logical steps in the learning process. Including this in the early primary years is adding so much more to our workload and is not entirely developmentally appropriate for our youngest learners. </t>
  </si>
  <si>
    <t xml:space="preserve">I fully support having the freedom in our reporting to tailor it to individual needs so that the assessment and reporting process can be more inclusive. Let's start by saying no to the harmful practice of administering the FSAs! </t>
  </si>
  <si>
    <t>Increasing the frequency of reporting and the requirements of the reports is going to end up with lower quality assessments and communication. We are stretched thin. Let us do fewer things, and do them well! Look at us and our workload through a trauma informed lense and consider the impact of covid</t>
  </si>
  <si>
    <t>I still don’t have enough information if this is useful or not.</t>
  </si>
  <si>
    <t xml:space="preserve">This is very challenging for students that have troubles with reading and writing. What about the special needs children? </t>
  </si>
  <si>
    <t>I feel this should be done through grades 8 - 12. It’s better understanding for the parents and where the child stands in there school work.</t>
  </si>
  <si>
    <t>Reporting in all subject areas 5 times a year increase workload for teachers . Sometimes within a reporting period, a teacher might have focused on social studies and not science  and vice versa. Given teacher shortages and increased stress due to COVID, it is not ideal to increase teacher workload</t>
  </si>
  <si>
    <t xml:space="preserve">Teachers, students and parents have just adjusted to the 5-point scale and understanding each of the performance indicators. Changing this again would be confusing for everyone. </t>
  </si>
  <si>
    <t xml:space="preserve">This is already covered as part of the Career curriculum in elementary school. </t>
  </si>
  <si>
    <t xml:space="preserve">Teachers and education staff are already stretched thin and working through all time high stress levels due to COVID related mandates, lack of funding for support staff, and teacher shortages. Anything that adds to our workload is unnecessary at this time. </t>
  </si>
  <si>
    <t>Maintains consistency for families to expect 3 "terms" worth of report cards, one parent-teacher interview, and another contact point (which, being flexible allows opportunity for students and teachers to determine how to creatively demonstrate learning)</t>
  </si>
  <si>
    <t xml:space="preserve">This four-point scale sounds very "growth mindset" and may well preserve student self-esteem, however, I'm concerned that parents/guardians will NOT know what those words mean in terms of academic success. Not all families are reading descriptive comments and so will remain unaware of challenges. </t>
  </si>
  <si>
    <t>I believe that Grade 10 is TOO LATE to be introducing letter grades. There isn't sufficient time in their high school career to suddenly switch gears, learning styles, study techniques... to advance from a C to a B or an A. There will be many surprised and upset families to see the reality of grades</t>
  </si>
  <si>
    <t xml:space="preserve">This may help families see the alignment between the proficiency scale and the letter grades, but again, this is too late to be explaining it. </t>
  </si>
  <si>
    <t xml:space="preserve">I believe that self-assessment is a critical skill. I think that more training needs to be provided to teachers to implement core competency. This has often been a one-off survey, completed whole-class, with minimal individualizing or understanding (especially at the younger grades) </t>
  </si>
  <si>
    <t>Goal setting is a critical life skill. More needs to be done to support teachers to deliver instruction that guides student goal setting. If the childs' goals to not align with their assigned grade curriculum, how do you suggest teachers meet these opposing priorities?</t>
  </si>
  <si>
    <t xml:space="preserve">Diverse learners deserve a rich learning environment. I hope that these proposed changes do not place added administrative stress on their school team, when attention should be placed on in-class functioning and community contributions. </t>
  </si>
  <si>
    <t>Language is not clear enough to communicate levels of achievement</t>
  </si>
  <si>
    <t>It is challenging for elementary aged students to fully comprehend the core competencies, let alone accurately self-assess</t>
  </si>
  <si>
    <t xml:space="preserve">I assume someone will update NCAA of the proficiency scale in the final reporting of grade 9 grades. </t>
  </si>
  <si>
    <t xml:space="preserve">Language of the scale is confusing </t>
  </si>
  <si>
    <t xml:space="preserve">Students should have letter grades in grade 6 and 7 </t>
  </si>
  <si>
    <t>This will be very confusing for parents who Don’t understand the current terminology of the current report cards.</t>
  </si>
  <si>
    <t>I think we should return to the meeting or not meeting terminology. This is clear for parents.</t>
  </si>
  <si>
    <t xml:space="preserve">Changing the terms to learning updates doesn’t seem to have made reporting any easier. I don’t see the point of changing the name if the requirements are the exact same or actually it sounds like the learning updates are more work if we need
To also do goals and self assessment for each one. </t>
  </si>
  <si>
    <t xml:space="preserve">I like the proficiency scale but have questions about the descriptive feedback. Commenting on every single subject every single term doesn’t make sense. </t>
  </si>
  <si>
    <t>Grades are necessary for universities.</t>
  </si>
  <si>
    <t>That sounds like unnecessary work when there are already letter grades.</t>
  </si>
  <si>
    <t>Right now, we include it in the third term. Asking for it in each learning update is too much especially in the first one. We are just getting to know our kids in the first 25% of the year. Rushing the process of self-assessment is not meaningful.</t>
  </si>
  <si>
    <t xml:space="preserve">I understand the reasoning behind goal setting but asking it for every learning update is too much. Goal setting should not be rushed in the first 25% of the year. </t>
  </si>
  <si>
    <t xml:space="preserve">Could we have three informal, one written and one summary? Why does the first one need to happen in the first 25%? Could the first learning update be more of an interim report and the second one have goal setting/ self assessment? The first part of the year is the hardest part of the year. </t>
  </si>
  <si>
    <t>the amount of communication I get now is good and as up to date as they can make it</t>
  </si>
  <si>
    <t xml:space="preserve">As we move in to credits, completion of grade 12 and move towards the post secondary this would need to be translated as those institutions are still working off GPA and percentage based models. This method is also very open to interpretation and the specific feedback is not always an overall thing </t>
  </si>
  <si>
    <t xml:space="preserve">Translation and open ended interpretation is to open and students need to have specific all round knowledge. </t>
  </si>
  <si>
    <t>I really do not feel we are ready for this scale as what a teacher thinks is developing might have another teacher say they are proficient.  I want specific and when it comes to pass fail I want the option to fail. Some kids could be emerging for years with no wait time to catch up.</t>
  </si>
  <si>
    <t>This is already happening in my District and my children are aware of strengths and weaknesses.</t>
  </si>
  <si>
    <t xml:space="preserve">Students are not mature enough to set these goals in an informed manner. Maybe consider goals being set with parent input to support and guide that way, it's an open door for all parties. </t>
  </si>
  <si>
    <t xml:space="preserve">diverse learners?  These kids already struggle and when assessing them are not the teachers then having to come up with more ways to assess in a standardized way?  I feel this is too much for the teachers who are already trying to teach these students the basics amongst their peers. </t>
  </si>
  <si>
    <t xml:space="preserve">Honestly wanted to choose diversity and inclusion too.  We are asking too much of or students and teachers. </t>
  </si>
  <si>
    <t xml:space="preserve">Having a K-12 system is not reasonable. In a secondary school 10-12 system, the most effective strategy would be to have one interim and one summary of learning report per semester. The interim should be a checklist of work habits and proficiency scale to give info and reduce excessive writing. </t>
  </si>
  <si>
    <t>In 10-12, what class would this be conducted in?</t>
  </si>
  <si>
    <t>In a 10-12 system. what class would this be conducted in?</t>
  </si>
  <si>
    <t>It’s enough. There is no need for more</t>
  </si>
  <si>
    <t>It seems adequate</t>
  </si>
  <si>
    <t xml:space="preserve">Letter grades and percents are needed for university entrance </t>
  </si>
  <si>
    <t xml:space="preserve">Not necessary </t>
  </si>
  <si>
    <t xml:space="preserve">Too much and over kill especially in younger grades </t>
  </si>
  <si>
    <t xml:space="preserve">Too much - maybe once a year not across the year </t>
  </si>
  <si>
    <t xml:space="preserve">Not every subject should be reported every time. Ss and science are not always taught all year long </t>
  </si>
  <si>
    <t>It's fine - provided there are some examples to indicate why the teacher rated the student at that particular level.</t>
  </si>
  <si>
    <t xml:space="preserve">Makes sense.  Please don't move away from letter grades. </t>
  </si>
  <si>
    <t xml:space="preserve">It's challenging for student's to conduct a realistic self assessment. </t>
  </si>
  <si>
    <t>I'm not sure if the average student understands how to set realistic goals.</t>
  </si>
  <si>
    <t>I think that makes sense, however, I believe this accommodation can go too far in cases where some students with "learning challenges" are overly accommodated (open book tests, a support worker helping them with their tests). I have heard this happening in my daughter's classroom.</t>
  </si>
  <si>
    <t>teacher's take the time to write meaningful comments and not something scripted or rote.</t>
  </si>
  <si>
    <t xml:space="preserve">Every teacher has a different expectation for me regarding the proficiency scale, with  a range of expectations from my classes. </t>
  </si>
  <si>
    <t>This would be a standard scale for all teachers to use and would be more fair, as I would know what is expected of me in my work. When applying for post-secondary institutions, I think my marks would show for how well I do rather than an opinionated proficiency scale mark.</t>
  </si>
  <si>
    <t>This aligns with the practice we are currently doing however emphasizes the timely manner in which we should already be doing so.</t>
  </si>
  <si>
    <t>Progress should be reported throughout the year, but not be to onerous to write, or be too focused on the inclusion of curriculum language.  They should be connected to leaning activities and communicate successes and places where students fall short of expectations</t>
  </si>
  <si>
    <t>Excellent concept, but without clear exemplars the consistency of each level is unlikely across classrooms, schools, districts, and the province.  If the standard for proficient isn't clearly understood and consistent, it is meaningless words.  The concept itself opens up room to focus on learning.</t>
  </si>
  <si>
    <t>If grade 10-12 is a percent, nothing has changed, and it undermines the purpose of K-9.  It encourages dismissal of learning K-9, for the 'real grades' in senior courses, focuses on grades over learning, and emphasizes traditional content focus over competency learning.  It contradicts all.</t>
  </si>
  <si>
    <t>Pick a system.  If we are moving to Proficiency scales, move to them.  This just adds a layer of work for appearance but has no substance.  If proficiency scales is the superior method of assessment, commit to it.  Universities can adapt as well.</t>
  </si>
  <si>
    <t>Student self-assessment can be a powerful tool,  and an excellent addition to reporting.  Or it can be yet another hoop to jump.  This needs to be incorporated well and have flexibility for teacher need.  a "one-size-fits all" self-reflection worksheet can end up as busywork.</t>
  </si>
  <si>
    <t>Again, this needs to have flexibility to class and teacher.  Are students filling the same sheet for 8 classes?  Goal setting is good, but only it it is connected, relevant, personal, meaningful.  Or it becomes busywork (and yet another checklist form to drain time)</t>
  </si>
  <si>
    <t>Inclusivity of reporting needs to include those who need to complete a course a second time to meet requirements, and those who cannot ever meet expectations.  Some students need alternative programs or modified courses.
Teacher time also needs to be taken into account in complexity of assessment</t>
  </si>
  <si>
    <t>This undermines the entire purpose of core and curricular competencies.  Commit to proficiency scales.</t>
  </si>
  <si>
    <t xml:space="preserve">I don’t think the four point scale is descriptive enough for parents. I work in an area where parents don’t speak much English, and some won’t understand my descriptive feedback and proficient doesn’t convey enough information. Parents are still going to ask if this means A, B, C etc. </t>
  </si>
  <si>
    <t xml:space="preserve">I already do this, but find the students have a much better understanding by second term reports because they have a chance to hear the language and understand the concepts. </t>
  </si>
  <si>
    <t>Don’t we already do this? If not, how is does it differ from current practice?</t>
  </si>
  <si>
    <t xml:space="preserve">Not descriptive enough and too much language is not easy enough for all of our parents to understand. </t>
  </si>
  <si>
    <t xml:space="preserve">I want as much information as is needed to help my children to succeed </t>
  </si>
  <si>
    <t xml:space="preserve">Again more information the better </t>
  </si>
  <si>
    <t>I feel letter grades put more stress on the child</t>
  </si>
  <si>
    <t xml:space="preserve">I feel those students with different designations  and or disabilities will have a harder time with this portion </t>
  </si>
  <si>
    <t>Again those with disabilities/different needs may not be able to understand fully or complete goals</t>
  </si>
  <si>
    <t xml:space="preserve">INCLUSION MUST BE PART OF SCHOOL DAILY </t>
  </si>
  <si>
    <t>I feel that as long as your informed in your child’s learning progress and immediately informed when the child is not meeting the standards of the curriculum so you can get more involved in ensuring their success</t>
  </si>
  <si>
    <t>It gets the information needed across</t>
  </si>
  <si>
    <t xml:space="preserve">Not applicable to me at this point </t>
  </si>
  <si>
    <t>Not applicable to me at this point</t>
  </si>
  <si>
    <t xml:space="preserve">Interesting concept but curious how the kids would rate their abilities </t>
  </si>
  <si>
    <t>Great idea as it gives them some independence in learning how to set and achieve goals</t>
  </si>
  <si>
    <t>There is already enough on BC Teachers plates.  This new policy is absurd and insane!  This all about some person who wants to add to their ‘Pedigree ‘.  This policy is not fair to teachers, it is not fair for kids (they already are faced with too much anxiety placed by their parents.  Not fair!</t>
  </si>
  <si>
    <t xml:space="preserve">Reporting for all subjects 5 times a year is pure insanity. It is not sustainable!  Teachers are burnt out!  Enough already! </t>
  </si>
  <si>
    <t xml:space="preserve">High school students should receive letter grades.  Universities use letter grades. </t>
  </si>
  <si>
    <t xml:space="preserve">Students don’t like to do it. They don’t take it seriously. </t>
  </si>
  <si>
    <t xml:space="preserve">Will students be able to upload through MyEdBC or will this be yet more work piled onto teachers backs? </t>
  </si>
  <si>
    <t xml:space="preserve">This is not realistic. Case loads are too high. </t>
  </si>
  <si>
    <t xml:space="preserve">Keep the current policy we are using now!  Chuck this one in the recycling bin! </t>
  </si>
  <si>
    <t xml:space="preserve">This policy is insane!  Chuck it into the recycle bin! Enough already! </t>
  </si>
  <si>
    <t>In my 40 years experience as a teacher, more time seems to be spent on "administrivia" related to report cards. An unreasonable amount of time is currently spent on preparing three sets of report cards, to the detriment of curriculum planning which negatively impacts student learning.</t>
  </si>
  <si>
    <t xml:space="preserve">"Proficient"  covers a wide range of ability and parents are often left unclear as to their child's true proficiency. </t>
  </si>
  <si>
    <t xml:space="preserve">Letter grades are universally required as many students need percentages/letter grades when apply to most post-secondary institutions outside of BC. I'm unclear as to why removing grades is being considered even though I do not believe they provide a full picture of a student's proficiencies.
</t>
  </si>
  <si>
    <t xml:space="preserve">Proficiency scales are highly subjective and unreliable measures perhaps due to the fact that BC's curriculum content and learning outcomes are unspecific. </t>
  </si>
  <si>
    <t>Many primary children have difficulties with the concept of academic goal; much instructional time is spent to teach this abstract concept. Again, literacy and numeracy (never mind the content areas), take a back seat. More material to cover with less time makes learning "watered down".</t>
  </si>
  <si>
    <t xml:space="preserve">Learning Support personnel currently provide Instructional Education Plans and Annual Education Plans for these students; this is already in place, so I am confused as to what further plans need to be put into place. Provide more funding to allow Learning Support professionals to do this effectivel </t>
  </si>
  <si>
    <t>Reporting five times a year on top of goal setting will not endear teachers to remain at this job. This means that teachers will be using their time to prepare reports when they should be spending more time on creating thoughtful lessons/curriculum. Both reporting and teaching will suffer as a resul</t>
  </si>
  <si>
    <t>I believe the new reporting has been two written reports ( January and June)</t>
  </si>
  <si>
    <t>The word proficient I assume replaces 'fully meeting'.  It needs to be a word that parents with English as a second language will understand.  Just as 'approaching' has been removed as it was nebulas.</t>
  </si>
  <si>
    <t>I stated at the beginning of this survey that I was commenting on K to Gr.9</t>
  </si>
  <si>
    <t>I stated at the beginning of this survey that I would be commenting on K to Gr. 9</t>
  </si>
  <si>
    <t>This doesn't make sense for K and Gr 1 students.</t>
  </si>
  <si>
    <t>This doesn't make sense for K or Gr. 1 who may state things that have nothing to do with school, as the goal should not be led into by the teacher.</t>
  </si>
  <si>
    <t>This is contradictive to the IEP</t>
  </si>
  <si>
    <t>Not all students should be reported on the same way.  There is a reason for their diversity and that should be acknowledged in the reporting.  Just as an IEP is different for each student who has one.</t>
  </si>
  <si>
    <t>I like the letter grade system better.</t>
  </si>
  <si>
    <t>It tells me less than a letter grade does</t>
  </si>
  <si>
    <t>I don't have children in these grades yet</t>
  </si>
  <si>
    <t>I don't agree with report cards changing in grade 10. Make them all the same.</t>
  </si>
  <si>
    <t>My kids are extremely stressed out by self assessments</t>
  </si>
  <si>
    <t>Most kids need structure. There is freedom thinkers or homeschooling if you want to pick your own curriculum.</t>
  </si>
  <si>
    <t xml:space="preserve">Too much reporting. With technology we are providing infrequent sharing of learning and snapshots of what we do. This on top of 5 more formal reports is too much. </t>
  </si>
  <si>
    <t>I find the language bulky and confusing. Parents must feel the same way</t>
  </si>
  <si>
    <t xml:space="preserve">This is done in a casual make work way. The reflecting is rarely meaningful and it just seems to be something we have to get done. We do this informally in our practice all the time </t>
  </si>
  <si>
    <t xml:space="preserve">Takes learning time away from students.
Goes backwards with a “by subject” design rather than a more cross-curricular approach to learning. 
Less authentic learning and teaching. 
Time demands for teachers are already stressed. </t>
  </si>
  <si>
    <t xml:space="preserve">Above, plus: If teachers are to write a personal anecdote for each subject, that is just wild. Mathematically, say it takes 5 minutes for each subject (10 subjects). So about an hour per student. Let’s say 30 student, one hour. 5 times. That’s 150 teaching hours per year….gone. </t>
  </si>
  <si>
    <t>Just how? So vague.</t>
  </si>
  <si>
    <t>seems like a lot of reports</t>
  </si>
  <si>
    <t>i dont really prefer either letter grades or the 4-point scale</t>
  </si>
  <si>
    <t>^</t>
  </si>
  <si>
    <t>i guess it'd be good to have most years as 4-point scale but get to see what letter grades are like for 2 years</t>
  </si>
  <si>
    <t>with some of my teachers it felt a little like they were doing the self assessment for us, but the idea is cool</t>
  </si>
  <si>
    <t>usually we forget about the goals within a few months</t>
  </si>
  <si>
    <t>inclusiveness is good but how are we going to do that if we aren't already?</t>
  </si>
  <si>
    <t>as i said above</t>
  </si>
  <si>
    <t>Online platforms allow for a lot of timely details and paper feedback just facilitates that</t>
  </si>
  <si>
    <t>Five reporting periods are too many.</t>
  </si>
  <si>
    <t>Most families find these difficult to understand.
They are too qualitative.
Students don’t have a clear idea of their grades until grade ten and can be caught by surprise that they’re not doing as well as they thought.</t>
  </si>
  <si>
    <t>Letter grades should be required earlier than grade ten. Thankfully they are not being eliminated entirely.</t>
  </si>
  <si>
    <t>Time consuming, subjective and overly qualitative.</t>
  </si>
  <si>
    <t>The core competencies are concepts that are nebulous and difficult to report on.</t>
  </si>
  <si>
    <t>This is rarely done well and student engagement is often low.</t>
  </si>
  <si>
    <t>This is incredibly complex and one sweeping policy will not fit the reporting structure  of all diverse learners.</t>
  </si>
  <si>
    <t xml:space="preserve">I think first term reports in elementary should be just a short summary like a qualifier (beginning, proficient etc). Second term reports can provide more in depth comments. </t>
  </si>
  <si>
    <t>I think this requires a lot of extra work for teachers. If parents see this it might be beneficial, but where are teachers going to get the time? How will teachers be compensated for this time?</t>
  </si>
  <si>
    <t xml:space="preserve">This takes time. Both to have students write and to then to scan and upload to a reporting format. </t>
  </si>
  <si>
    <t>While I like this idea, everything comes down to time. The curriculum is already very full. It’s very hard to get to everything. Setting and monitoring and reflecting on goals takes direct teaching and lots of time. Where do we get this time from? If we add this, what do we take out?</t>
  </si>
  <si>
    <t>To do reporting well and to allow time for goal setting and reflecting, perhaps 2 formal written reports would be best. (Elementary)</t>
  </si>
  <si>
    <t xml:space="preserve">This kind of reporting is sometimes difficult for parents to understand. </t>
  </si>
  <si>
    <t>If post-secondary institutions are requiring letter grades and percentages, we need to provide them as our students need to be able to apply to these institutions. Also, parents have a better understanding of letter grades and percentages than the four point scale.</t>
  </si>
  <si>
    <t xml:space="preserve">I am not sure that this would be useful and it would be a huge workload for secondary teachers who are often teaching 120 students at a time. </t>
  </si>
  <si>
    <t xml:space="preserve">This self-assessment is really accurate because students don't really take it seriously. </t>
  </si>
  <si>
    <t xml:space="preserve">I can't really comment on how I feel about this because I feel like I need more information on what this will look like before I can make decision on it. Are we still writing IEP's for students with special needs? Who is writing these IEP's? Who will be the case manager for these students? </t>
  </si>
  <si>
    <t xml:space="preserve">The reporting out periods on student's learning allows teachers to share with parents how their child is doing at the beginning, middle and end of the year for the most part.  It allows both students and parents to look at the goals as the year progresses. </t>
  </si>
  <si>
    <t xml:space="preserve">I do not feel like parents really understand what the 4-point scale means. The descriptors are written in teacher language for the most part and parents do not understand how these 4 points accurately pinpoint their child's learning. </t>
  </si>
  <si>
    <t>At the elementary level we have a 4-point scale, then in high school we switch to letter grades and percentages. This is a hard transition for elementary students and parents.  If we want to make changes to the high school student learning reports we should start at the university level.</t>
  </si>
  <si>
    <t xml:space="preserve">It is good to have consistency across the province for students and teachers. </t>
  </si>
  <si>
    <t xml:space="preserve">I am sure as we progress with this process students will understand this concept better.  </t>
  </si>
  <si>
    <t xml:space="preserve">It is really important for students to learn the process around goal setting. </t>
  </si>
  <si>
    <t xml:space="preserve">All students should be included in this process. </t>
  </si>
  <si>
    <t xml:space="preserve">The wording is not clear or does not use common language that all parents will fully understand. </t>
  </si>
  <si>
    <t xml:space="preserve">During the pandemic too much has been changing. Staff and students are already burnt out. Why put more work on teachers now? </t>
  </si>
  <si>
    <t>Descriptive feedback is not practical for teachers that have 7 classes of 30 students. It would drastically increase workloads. Will there be compensation for increased workloads?</t>
  </si>
  <si>
    <t xml:space="preserve">Helps prepare students for post secondary. I just had a child enter post secondary and this is how they are graded there. </t>
  </si>
  <si>
    <t>Should not be included in reporting. What if a student reflects that they are doing extremely well in the class but in actuality are not meeting the learning outcomes?</t>
  </si>
  <si>
    <t>So much focus on this. Students are not at all engaged in this process and many feel it is repetitive and redundant. Should be covered in a specific class that aims to actually get them ready for real world and teaches important skills like how to study, budgeting and education about mental health</t>
  </si>
  <si>
    <t>Doesn’t it already?</t>
  </si>
  <si>
    <t xml:space="preserve">Teachers are burnt out right now. Many are struggling with mental health issues. Seems like no concern for our well being </t>
  </si>
  <si>
    <t>Very little buy-in from students.  A large percentage of parents don't even access their child's report to read it.  Intermediate have requested percentages.  No motivation to strive towards the mythical Extending.   Test scores decreasing.  Resilience decreasing, anxiety increasing.</t>
  </si>
  <si>
    <t>A goal post, a reason to try.  More definitive description of understanding, in conjunction with written feedback.</t>
  </si>
  <si>
    <t>The students don't care about this.  Very few actually reflect and respond in a meaningful way.</t>
  </si>
  <si>
    <t>It has had little impact on student achievement and motivation to date.</t>
  </si>
  <si>
    <t>Satisfied that diversity and inclusion continue to be important, however still unsatisfied with the current model of reporting.</t>
  </si>
  <si>
    <t>It has had a negative impact on the progress and commitment to learning in our students.  Parents remain confused, as do most students.  Very ineffective.</t>
  </si>
  <si>
    <t xml:space="preserve">At the High School level we still have marks and letter grades.
As a parent of two students who have gone through Middle School, I did not like the lack of grades and or percentages.
I want to know where my son and daughter were in comparison to other students at that level.
</t>
  </si>
  <si>
    <t xml:space="preserve">I have grade 10 students that come unprepared for the program I am required to provide. A student who is emerging is not ready to handle that level of academic proficiencies required.
There should be a standard set for a student to achieve before moving on to the next grade. </t>
  </si>
  <si>
    <t>Students that are in Grade 9 should also be included in this scope. We are finding students are suffering in the transition to High School.</t>
  </si>
  <si>
    <t>Students coming to Grade 10 are still having trouble knowing how they learn and how to be successful.
At Middle school they need to teach students study skills and give them tests to practice.</t>
  </si>
  <si>
    <t>Grade 9 students need grades and percentages.</t>
  </si>
  <si>
    <t>Transition from Middle School - Grade 9 to the High school for Grade 10.</t>
  </si>
  <si>
    <t>I feel that having this number of learning updates throughout the year greatly benefits not only the students but also the teachers and educators. Keeping everyone on the same page with how the students learning is progressing is extremely important.</t>
  </si>
  <si>
    <t>The more feedback and information available, the better.</t>
  </si>
  <si>
    <t>Dumbing down the students abilities to a letter grade is probably not the best way to express how they're doing academically. A lot would likely get hung up on the letter grade and could easily get discouraged.</t>
  </si>
  <si>
    <t>Although it likely helps a lot of students to do some self-reflection on how they're progressing, it would likely be easy for a number of students to disengage and just fluff their way through their self-assessments without giving an accurate view on how they personally find things.</t>
  </si>
  <si>
    <t>Acceptance and understanding should never be a deterrent.</t>
  </si>
  <si>
    <t>At this point in time given all of the turmoil in our society, do we really believe that more work for educators is the best way forward? Seriously.</t>
  </si>
  <si>
    <t>When are we going to stop letting post-secondary institutions drive the bus and dictate that letter grades and percentages are the most accurate forms of assessment? This is simply not true. It has never been proven by research that it is the most effective method for assessing learning…</t>
  </si>
  <si>
    <t>Yes…the time has come.</t>
  </si>
  <si>
    <t>Not even sure why this is even up for debate…how odd, indeed.</t>
  </si>
  <si>
    <t>With consistent communication between report cards and conferences any more summaries becomes cumbersome and takes away from the in-person, in the moment experience. The more time we spend reporting is less time we spend doing paper work rather than engaging and supporting students (human beings).</t>
  </si>
  <si>
    <t xml:space="preserve">These words are inherently growth-based rather than result-based. Paired with a teacher philosophy based in teaching whole humans and understanding of general human development, these words allow the students abilities to be featured rather than give external validation. 
</t>
  </si>
  <si>
    <t xml:space="preserve">These numbers do not represent learning! Learning is an individual process by which a human being reflects on meaningful experiences to draw conclusions and further questions to move forward. With this idea of learning it would be impossible to quantify their learning with a percentage or letter. </t>
  </si>
  <si>
    <t xml:space="preserve">Why would learning change between grade 9 and 10? Policy makers must think of what it means to learn and develop as a human being - through trials and errors. Reporting should therefore be a reflection of the growth a human being makes over time and how they mean to move forward in the world. </t>
  </si>
  <si>
    <t>This is fine but why should these be looked at a seperately? Why are the First People's Principles of learning considered separate? When we look at the development and growth of humans (learning) we must look at individual experiences; YES these are essential; greater questions must be asked, still.</t>
  </si>
  <si>
    <t>Who is reporting for? Parents? Government? or should it be for the learner themself since they are the ones learnign? Therefore, reports should be a summary of their growth over time which would naturally include goal setting and tracking.</t>
  </si>
  <si>
    <t xml:space="preserve">Yes! But again, who are these reports for? If they are to support learning then red tape and control must be given to the teachers. Time spent reporting as it stands and could have the effect of being used towards paperwork rather than human development both from the teacher and learner. </t>
  </si>
  <si>
    <t>Learning is growth over time. If there are too many "reports" then the stakes become high to perform and not to sit in learning, discomfort, and trial to be able to emerge at the end. Therefore, policy MUST be judicious in mandates and demands on teachers so that learners are truly the focus.</t>
  </si>
  <si>
    <t>Reporting is important so I am satisfied with the number of times that teachers need to report.</t>
  </si>
  <si>
    <t>These terms will and have caused confusion for parents.  Parents whose first language is not English have enough barriers in the education system without adding another one.  Teachers are already stretched for time and the comments should not be generic if they are to be meaningful.</t>
  </si>
  <si>
    <t>This is a system that students and families are familiar with and therefore understand.</t>
  </si>
  <si>
    <t>Some students will be applying to Universities around the world and not all Countries share the "compassionate lens" theory.</t>
  </si>
  <si>
    <t>Students should have a voice in their education.</t>
  </si>
  <si>
    <t>Would be fully supportive if there was a realistic plan as to how this would look and be implemented successfully.  Not all students thrive in the full classroom setting.</t>
  </si>
  <si>
    <t>I have heard feedback from families that did not like the new reporting system at all.  They were frustrated, confused and thought it was ridiculous.  Theory does not make for good practice.</t>
  </si>
  <si>
    <t>Our district, VSB, just switched to the two written reports with the other learning updates to parents being when the teacher saw fit for each subject, to send assessment and student self evaluation home when it worked with the program being taught at school. Much better system.</t>
  </si>
  <si>
    <t>I do feel that the words help the students understand their learning process better than straight grades, however, I do not understand why VSB chose different words?</t>
  </si>
  <si>
    <t>As long as university requires grades, we have to have a period of transition for the students.</t>
  </si>
  <si>
    <t>We will need a transition period for students to get ready for university.</t>
  </si>
  <si>
    <t>I do understand that change needs time. Having the core competency for every term is a lot of work for grades lower than grade 4. So once at the end of the year seems better.</t>
  </si>
  <si>
    <t>I think setting goals, for lower than gr 4 is too much pressure on the teacher as the children are not the ones to be able to make all these goals on their own and certainly not written and thus it takes away from teacher time for the rest of the curriculum.</t>
  </si>
  <si>
    <t>If I've read it correctly, this means to evaluate and assess a student where they are at in their needs, but to also keep the rigor of the curriculum for all students.</t>
  </si>
  <si>
    <t>Having changed to two written reports last year, it was much more in tune with how my class worked and allowed me freedom to end units and not rush, and also to contact parents with assessment and goals as needed.</t>
  </si>
  <si>
    <t xml:space="preserve">This aligns with current practices and is a good balance of providing the information needed. </t>
  </si>
  <si>
    <t>This proposal would need to be carefully considered and be accompanied with professional development for teachers as a proficiency scale is not readily converted to a grade/percentage. Consultation with post-secondary institutions to help them understand how secondary students are assessed is key.</t>
  </si>
  <si>
    <t xml:space="preserve">As noted, I am more concerned with enough lead up time to prepare teachers for these changes particularly for Grades 10-12. </t>
  </si>
  <si>
    <t>Two written reporting periods (January/June) with two other direct contact (verbal/meeting) with parents works well. Teachers need time to teach. An extra reporting period would increase workload for teachers while detracting from student learning.</t>
  </si>
  <si>
    <t>I think letter grades should be introduced earlier. Late intermediate makes for a better transition to High School.</t>
  </si>
  <si>
    <t>See above response. Introduce letter grades earlier.</t>
  </si>
  <si>
    <t>Student self-assessment is important.</t>
  </si>
  <si>
    <t>Increased teacher workload!</t>
  </si>
  <si>
    <t>Four or five reporting sessions per year is sufficient to communicate learning to parents in most cases. It is not the most effective way to communicate learning to students. More than five reporting sessions per year would add a lot of onerous workload without much tangible benefit.</t>
  </si>
  <si>
    <t>This model was better in the initial stages, when the slider bar could be extended or narrowed, with granularity in the placement on the scale. The new reporting tool slider is just a 7-point numerical score with extra steps, and it has lost a lot of meaning as a result.</t>
  </si>
  <si>
    <t>I acknowledge that post-secondary entrance requires letter grades, but letter grades are less meaningful than the competency scale, and it is inconsistent. I would like for the ministry to put pressure on post-secondary institutions to accept a competency scale report in lieu of letter grades.</t>
  </si>
  <si>
    <t>The provincial proficiency scale should be used instead of letter grades. Requiring both adds to the workload of reporting without much meaningful benefit in communication, particularly now that the curriculum has been reworked to work specifically with the proficiency scale.</t>
  </si>
  <si>
    <t>This aspect of reporting is meaningful in later intermediate and onward, but it is difficult for younger children, as metacognition about their own education is often beyond their abilities.</t>
  </si>
  <si>
    <t>Like student self-assessment, this element of reporting is meaningful, but the metacognition is difficult for younger children.</t>
  </si>
  <si>
    <t>Not enough context provided to comment. Isn't this what already happens when students are assessed differently according to their Individualized Education Plan? The proposed changes are unclear from this question.</t>
  </si>
  <si>
    <t>The curriculum was redesigned to pivot toward a focus on skills and abilities, rather than knowledge. Letter grades do not accurately deal with this, and they should be phased out; post-secondary institutions should be asked to pivot toward using the proficiency scale for entrance requirements.</t>
  </si>
  <si>
    <t>The system we were on was good - why reinvent the wheel?</t>
  </si>
  <si>
    <t>Thought we had a good system with percentages in high school (8-12)</t>
  </si>
  <si>
    <t>It works</t>
  </si>
  <si>
    <t>Is this a pilot program 
They do this all year in CLE.</t>
  </si>
  <si>
    <t>too much new</t>
  </si>
  <si>
    <t>Too many continual changes and too much expectation of teachers pilotting programs.
TOO MUCH</t>
  </si>
  <si>
    <t>It's not the amount of reports, its the content</t>
  </si>
  <si>
    <t>This seems to fulfil the kids who are not competitive and with the whole agenda of "everyone gets a ribbon" . I feel it is useless and makes the competitive kids lower their standards as I have seen in my house. Where sports day is now a joke and they don't even want to go. Letter grades are obvious</t>
  </si>
  <si>
    <t>Letter grades and % is the easiest way to see how a child is doing. Instead of marking tests do we just tell them they are proficient or whatever? The kids know. It's like not putting up a score at a game. The kids know. Let's just keep lying to the kids and wonder why kids have no work ethic now</t>
  </si>
  <si>
    <t xml:space="preserve">As stated above, you can clearly see I think it is beyond ridiculous </t>
  </si>
  <si>
    <t xml:space="preserve">I think kids will say whatever their teacher wants them to say. Not honest at all </t>
  </si>
  <si>
    <t xml:space="preserve">Goals are important but when they go without recognition what is the point </t>
  </si>
  <si>
    <t>Again we dumb down and alter education for the slower and weaker ones and forget about the stronger ones that need to be challenged and want the letter grades as a sign of a job well done</t>
  </si>
  <si>
    <t>I believe that teachers are generally good at contacting parents more frequently if and when it is needed or there is a concern.</t>
  </si>
  <si>
    <t>It's hard to get used to this type of scale, however I do believe it gives a better description of the students learning progress. However, I wish it was easier for a strong student to reach emerging, as it can be a bit discouraging as a student and a parent to not get a "top mark/score"</t>
  </si>
  <si>
    <t>More opportunities to reach extending, and opportunities for Middle school ages to see grades and percentages as well.</t>
  </si>
  <si>
    <t>The wording of this makes it seem like there will be a lot more extra work required from teachers. Reporting is a time consuming process.</t>
  </si>
  <si>
    <t>I like less focus on letter grades and percentages in K-9. But better training on how to apply the proficiency scale across different subject areas is needed.</t>
  </si>
  <si>
    <t>It may not be best practice but sometimes it is the easiest. When teachers are overloaded then it's easy to go back to the methods teachers are familiar with.</t>
  </si>
  <si>
    <t>Using the proficiency scale and percentages do not always line up neatly. It is a challenge to figure out how to use the proficiency scale then translate that into a percent.</t>
  </si>
  <si>
    <t>Many students, like adults,  don't take goal-setting seriously and will just write something down to please the teacher.</t>
  </si>
  <si>
    <t xml:space="preserve">Teachers already have so much on their plates. I understand the importance of reporting and data collection, but it can often feel overwhelming, especially for early career teachers. </t>
  </si>
  <si>
    <t xml:space="preserve">Students come from a variety of backgrounds and experience barriers at no fault of their own. Attendance and family trauma often impact their academics. We need to put more resources into supports that assist with these. </t>
  </si>
  <si>
    <t xml:space="preserve">The number of reporting periods is unchanged.  The written summaries are likely to be cut and paste and of virtually no use as are the written comments currently in K-3.  It was with great relief as a parent to receive letter grades in grade 4 - achievement/progress was unambiguous.   </t>
  </si>
  <si>
    <t>The use of letter grades and percentages is easy to understand. They don't require decoding.  Using only descriptive feedback puts families with literacy challenges and immigrant families at a distinct disadvantage. The 4 point proficiency scale actually provides less information than grades or %.</t>
  </si>
  <si>
    <t>Letter grades and percentages provide both students and their caregivers with clear information about students' progress.</t>
  </si>
  <si>
    <t xml:space="preserve">As a parent, I would like clear, concise reporting - that will be obscured by using 4 point proficiency scales. </t>
  </si>
  <si>
    <t>I do not believe that student self assessment needs to be formal. It can be done informally. Teachers as education professionals should be assessing student learning.</t>
  </si>
  <si>
    <t xml:space="preserve">All of this can be done without being formally reported. </t>
  </si>
  <si>
    <t>This is not clearly explained so I haven't a clue about how it would be implemented.  Sounds lovely though.</t>
  </si>
  <si>
    <t>This type of reporting  is inherently elitist.  Those with means can afford to have proper assessments done outside the public K-12 system and parents will be able to provide extra supports as needed.  Other will not know until grade 10 that their children have been left behind</t>
  </si>
  <si>
    <t xml:space="preserve">My children's teachers already keep us updated. </t>
  </si>
  <si>
    <t xml:space="preserve">I want a percentage. Like I had in school. </t>
  </si>
  <si>
    <t xml:space="preserve">This is what Universities and colleges need.  </t>
  </si>
  <si>
    <t>Do not include this silly scale at the 10 to 12 level.</t>
  </si>
  <si>
    <t>What does this even mean. Will there be a different set of standards for different groups? Are you kidding?</t>
  </si>
  <si>
    <t xml:space="preserve">This feels like an erosion of standards for no apparent educational reason. </t>
  </si>
  <si>
    <t>Five reports seems excessive and an additional task for teachers when we could be focusing our time on with our students and their learning.</t>
  </si>
  <si>
    <t>I object to having "extending" as part of it.  Why would we put that on the scale if they are going beyond?  How does that affect students?  Isn't "proficient" a strong enough goal?  Won't most kids always feel that they are wanting in some way? Extended learning can be recognized in comments.</t>
  </si>
  <si>
    <t>Universities still use this assessment system and students need some experience with it.</t>
  </si>
  <si>
    <t>Matching the proficiency scale with letter grades negates the power of the scale.</t>
  </si>
  <si>
    <t>Students should reflect on their own learning.</t>
  </si>
  <si>
    <t xml:space="preserve">I would prefer to see letter grades. Gets them prepared for high school and university </t>
  </si>
  <si>
    <t xml:space="preserve">Every grade should be letter grades and percentage </t>
  </si>
  <si>
    <t>This is much too frequent and redundant reporting and is, as such, unnecessary. Teachers already communicate frequently by email to parents, especially of those whose child is struggling. The focus should be on literacy and numeracy, and not on all subjects.</t>
  </si>
  <si>
    <t>Many parents still don't understand the scale and want to know how their child is doing compared to other students in the class. Many worry that the current scale isn't clear enough to know if their child is struggling too much, or how much help they need. This needs to be remedied.</t>
  </si>
  <si>
    <t>This is a much clearer way of communicating the success of a student compared to the norm and other students, and should be brought back, in fact, for all students. Students are not so overly sensitive that they can't handle being compared to others, and adults should not coddle them in this way.</t>
  </si>
  <si>
    <t>Unnecessary. The proficiency scales are unclear and life is about comparing ourselves to others, like it or not. It can motivate many people to do better, in fact, and a whole generation of youth should not be babied by proficiency scales that are afraid of making comparisons.</t>
  </si>
  <si>
    <t>K - 3 students's brains are developing and are not yet capable of understanding such complex ideas of self-evaluation. Moreover, helping students set goals and work on their challenges is something that teachers already did with them in class and shouldn't be formally required in a report.</t>
  </si>
  <si>
    <t>Teachers do this anyway, so students shouldn't have to report on it. Actually working on this in class is much more essential than having teachers spend time reporting on it.</t>
  </si>
  <si>
    <t>We've already done this anyway, regardless of reports.</t>
  </si>
  <si>
    <t>I explained everything very well in the above comments. I have the impression that an administrator thought of these ideas as opposed to a practitioner. In theory it may be interesting, but in practice it's a whole other story. Assessing ALL subjects in each report is completely unnecessary.</t>
  </si>
  <si>
    <t>it is rather reasonable</t>
  </si>
  <si>
    <t>I feel it will be detrimental to the academically strong students.
I feel the purpose is just to have as little differentiation as possible.</t>
  </si>
  <si>
    <t>In theory it is a great idea.
In practice, however, the students will just write what they think looks good, and immediately after writing it, they will forget about it.</t>
  </si>
  <si>
    <t>Again, in an ideal world : yes!
However, in reality this is just a piece of paper, and nobody follows through.</t>
  </si>
  <si>
    <t>Of course everyone should be included!
However, not everyone should be in the same class. This is detrimental to both the strong and the weak students : the strong ones are wasting their time, and the weak ones are lost.</t>
  </si>
  <si>
    <t>I think three would be fine. I barely have enough time to read the report cards we already received, never mind extra conferences and info sheets.</t>
  </si>
  <si>
    <t xml:space="preserve">This is great, especially for younger students. </t>
  </si>
  <si>
    <t>This is great as they get ready for post-secondary.</t>
  </si>
  <si>
    <t xml:space="preserve">Seems confusing to have both as options. Not sure that we need BOTH options, and that is a lot of work for teachers. </t>
  </si>
  <si>
    <t xml:space="preserve">Great that students think about their own learning. </t>
  </si>
  <si>
    <t xml:space="preserve">Perhaps this is helpful for Grade 7 and up/ older grades. Younger students are not ready for goal setting. </t>
  </si>
  <si>
    <t xml:space="preserve">5 times per year is too much information for everyone. Teachers are overworked already, I'd rather they focus on education, not reporting. </t>
  </si>
  <si>
    <t>I like using this scale.</t>
  </si>
  <si>
    <t>They already self assess at the end of the year which works well.</t>
  </si>
  <si>
    <t>I think setting goals for the entire year is a lot to ask of young kids. term goals, maybe..</t>
  </si>
  <si>
    <t>This is something already being done.</t>
  </si>
  <si>
    <t>We just started a new reporting process 2 years ago. To change it again seems unneccessary. Plus teachers are exhausted from teaching through the pandemic.</t>
  </si>
  <si>
    <t xml:space="preserve">It may be more beneficial from primary students to focus on self-assessment of one core competency for the June report card as three self-assessments was quite overwhelming for students last year. </t>
  </si>
  <si>
    <t>too much reporting is being done when ongoing reporting is available for most students. Using myed/check my mark platforms provides ongoing reporting at any point for any child/ parent. Why does reporting need to be MORE FORMAL?</t>
  </si>
  <si>
    <t>when students enter grade 10 from grade 9 year, this reporting scale is not appropriate as students have to select the right courses for their academic and post secondary requirements. without a letter grade attached to certain disciplines, it is hard to determine what course(s) the student takes</t>
  </si>
  <si>
    <t>courses should be split into academic/non academic. academic courses should requires percents and grades and non academic should not.</t>
  </si>
  <si>
    <t>this would serve as no benefit for the students/parents as many simply look at the grade/percent rather than a proficiency scale.</t>
  </si>
  <si>
    <t>who is responsible for the reporting? is the student self reporting?</t>
  </si>
  <si>
    <t xml:space="preserve">How exactly are you supposed to meet the needs of every single student  at all times? Especially if you have multiple students in your classes with a wide array of learning disabilities/learning designations with no supports??? the ministry needs to be more clear about the HOW TO </t>
  </si>
  <si>
    <t>many schools already have programs in place that allow them to report MORE often then required. A lot of informal reporting is done throughout the year. Also,with the secondary setting, writing individual written reports for each student (30 students) in each block (3 or 4) is too much</t>
  </si>
  <si>
    <t xml:space="preserve">Reporting is becoming more onerous and complicated for staff, with little engagement from parents. </t>
  </si>
  <si>
    <t xml:space="preserve">All the proficiency scales have done is reword language from the performance scales. Has this really improved understanding by students, staff and parents? </t>
  </si>
  <si>
    <t xml:space="preserve">No parent has ever asked me about their child's core competency reflection. </t>
  </si>
  <si>
    <t xml:space="preserve">If goals are being set without any sort of follow up, this task becomes a chore and meaningless. </t>
  </si>
  <si>
    <t xml:space="preserve">Work load is increasing too much for the level of return coming back. </t>
  </si>
  <si>
    <t>I feel that if teachers are proving ongoing reporting only one written report plus the summary needs to be completed. I would rather see teachers put time and effort into ongoing communication of learning (in informal ways).  
Also, rather see province push for digital portfolios of learning for ALL</t>
  </si>
  <si>
    <t xml:space="preserve">I like this standardized scale. Would like to see more conversation around what extending is. </t>
  </si>
  <si>
    <t>I'd like to see post secondary switch to more holistic forms of assessment of student abilities.</t>
  </si>
  <si>
    <t xml:space="preserve">teachers should not need to do both and we DO NOT want any correlations made between letter grades/percentages </t>
  </si>
  <si>
    <t>I believe students should reflect on core competency development but I'm not sure about the integrated into all part.  I am not sure that teachers have the time needed to do that properly but if they did, it would be great!</t>
  </si>
  <si>
    <t xml:space="preserve">all learning should be personalized - setting goals helps support </t>
  </si>
  <si>
    <t>Ongoing reporting. moving towards student driven reporting and assessment that FINALLY lines up with BC curriculum</t>
  </si>
  <si>
    <t xml:space="preserve">Remove added 2nd formal written report. Encourage teachers to do more ongoing reporting instead. </t>
  </si>
  <si>
    <t xml:space="preserve">We have had timely and thorough reports in the past.  </t>
  </si>
  <si>
    <t>There has been confusion among teachers, students and parents of how this language translates to how the student is doing with respect to their grade level.</t>
  </si>
  <si>
    <t>Grades and percentages are good because it allows the parent and student to see where they are and where they would like to get to.</t>
  </si>
  <si>
    <t xml:space="preserve">Either proficiency scale OR letter grades and percentages is better, not both </t>
  </si>
  <si>
    <t>Students do not engage with this</t>
  </si>
  <si>
    <t>Certain subjects (non-academic) would fit better for the proficiency scale</t>
  </si>
  <si>
    <t>Unclear information to teachers in regards to what these learning updates look like, 
Amount of time require to assess and then write up reports
Is this on top of eportfolio posts?</t>
  </si>
  <si>
    <t>Preference to language of "direct/guided support and independent". more directed to how the child does things</t>
  </si>
  <si>
    <t>At the early primary level, the student voice piece can be very difficult and time consuming to report on as the teacher must do all the write ups/uploads and usually with one child at a time.</t>
  </si>
  <si>
    <t>Very time consuming and teacher dependent at a primary level</t>
  </si>
  <si>
    <t>If all of these new proposed requirements are to be included and reported on, fewer reporting periods would make it more manageable.</t>
  </si>
  <si>
    <t>Nothing changed in 40 years.   Same as when in was in high school.</t>
  </si>
  <si>
    <t>No marks and letters.</t>
  </si>
  <si>
    <t>Same same.   No change in many years.   K-9 = progressive and forward thinking.</t>
  </si>
  <si>
    <t>Need to be self-aware and a critical thinker.</t>
  </si>
  <si>
    <t>Critical to set goals in life.</t>
  </si>
  <si>
    <t>About time.</t>
  </si>
  <si>
    <t>So, they have K-9 and then suddenly a dinosaur system.</t>
  </si>
  <si>
    <t>While this may be the current numbered required, this is not what truly exists in the 10-12 environment. We report at the end of each term with a culminating report at the end of each semester. The expectation is that the quality of these reports improve; however our completion window is reduced?</t>
  </si>
  <si>
    <t>I think it's great that it's been discussed, troubleshooted, and developed through Pro-D. The buy-in is there. Some questions need to continue to be answered, but K-9 is great.</t>
  </si>
  <si>
    <t>This is frustrating after years of the pro-d and development that we aren't expanding this beyond grade 9. I understand universities may not be ready to accept proficiency language; however we've been making great strides to move AWAY from percentage based learning - why are we still here?</t>
  </si>
  <si>
    <t>Nobody is excited to try and understand what percentage a "proficient" learner is. Don't make us grade twice. Pick one, do it right.</t>
  </si>
  <si>
    <t>Students should have a chance to reflect upon their own learning. Does it look great yet? No. Do I have faith it will? Yes - but leave it to schools, with real teachers. On the ground.</t>
  </si>
  <si>
    <t>This isn't even remotely new in schools. Pretend this is a policy all you want, but this is not groundbreaking.</t>
  </si>
  <si>
    <t>See previous answer - this isn't new. It's great it's finally being addressed as a need - but until it's properly funded, Diversity and Inclusion will remain hollow buzz language.</t>
  </si>
  <si>
    <t>Teachers are frustrated. Include the timing of a global pandemic, you have some VERY stressed employees that continue to feel under funded, micro-managed, and left out of this discussion. EVERYONE is on board with updating and improving our assessment. BUT you need to fund it properly.</t>
  </si>
  <si>
    <t xml:space="preserve">I feel it gives the parents lots of information and is doable for teachers.  </t>
  </si>
  <si>
    <t>Grades make no sense for young students.</t>
  </si>
  <si>
    <t>This is what I always do.  The students become much more aware of their strengths and areas of growth.</t>
  </si>
  <si>
    <t>Younger students have great difficulty thinking on those terms.  They are simply not able to grasp it and teachers spend WAY TOO MUCH time and energy just trying to get them to understand the concept, let alone be able to do it.</t>
  </si>
  <si>
    <t>I agree with the number of reporting periods. I found last year, as we moved towards a Summary of Learning "final report card" in our district, it was challenging to sum up a child's year of growth in one particular subject.</t>
  </si>
  <si>
    <t xml:space="preserve">With this proficiency scale, students are taught that learning is a life style, a lifelong endeavour, and that they are always learning. </t>
  </si>
  <si>
    <t>I agree with grades and percentages because it is what the universities require. However, I think that we should also be looking at how universities evaluate and asses students as well. That this process should not be limited to elementary and secondary schools.</t>
  </si>
  <si>
    <t>I think this will put a lot onto the load of a teacher. This would add another thing for teacher's to address, provide time for, assess and report upon. If so, what will be taking off the teacher's load to accommodate this addition?</t>
  </si>
  <si>
    <t xml:space="preserve">Teacher work load. </t>
  </si>
  <si>
    <t xml:space="preserve">I think 2 formal reports are sufficient, with more casual updates throughout the year. </t>
  </si>
  <si>
    <t>I teacher Primary so don't have much experience here.</t>
  </si>
  <si>
    <t>This is a nice option, but I don't think it should be required, otherwise it becomes less meaningful. I don't think it needs to be included in the formal reporting. Parents do not seem that interested in this piece. Maybe if more training we provided to make it useful and meaningful? Cont'd It takes</t>
  </si>
  <si>
    <t xml:space="preserve">this and the above takes more time. If we need to include all these things, AND walk primary students through all these steps, then we need to give up assessing/reporting in  other areas. Parents I've spoken to would rather hear from the teacher than their kids. It's helpful if it informs teaching, </t>
  </si>
  <si>
    <t xml:space="preserve">Good idea IF diverse needs were FULLY FUNDED and supported i.e. full time librarians, full time educational assistants, full time resource team, full time counsellors, etc. </t>
  </si>
  <si>
    <t xml:space="preserve">I think LESS reporting requirements. 2 formal reports are sufficient, with ongoing updates throughout the year which could vary depending on teacher/class. </t>
  </si>
  <si>
    <t>Interm reporting as proposed is not conductive to best assessment practices at the secondary level.</t>
  </si>
  <si>
    <t xml:space="preserve">Students at the grade 9 level are passed along to grade 10 level with no consideration of their level of competency. This perpetuates students 'scraping by' and lowers the overall integrity of the education we are providing. </t>
  </si>
  <si>
    <t>Best assessment practices, and those from K-9, are distinct from percentages/letter grades. We are hypothetically setting kids up to fail by passing them through K-9 and when they reach 10-12, failure is a possibility. We are not setting kids up for success by switching our assessment so rapidly.</t>
  </si>
  <si>
    <t>congruent with reporting from K-9</t>
  </si>
  <si>
    <t>Good reflection practice</t>
  </si>
  <si>
    <t>Good idea but impossible for teachers to be reporting on individual student goals for a teacher with over 100 students at the secondary level.</t>
  </si>
  <si>
    <t>we already do this</t>
  </si>
  <si>
    <t>giving teachers time to do this process properly.</t>
  </si>
  <si>
    <t>As a secondary school educator I am very aware of the teacher burnout that is not only ongoing but increasing as demands around our work are continuously growing. We are doing the best we can, and at this point, that's not good enough for our learners. We need more support to do this.</t>
  </si>
  <si>
    <t>Reporting of student progress can be automated if parents just check the online marks program.</t>
  </si>
  <si>
    <t>This does not allow for the most important lesson in life. That of failure. Some students need to fail in order to succeed.</t>
  </si>
  <si>
    <t xml:space="preserve">Proficiency scales are a way of avoid comparing how students are doing in relation to other students. </t>
  </si>
  <si>
    <t>Proficiency scales are not as precise as percentages.</t>
  </si>
  <si>
    <t>Students are subject to the Dunning Kruger effect, they are unskilled and unaware of their performance.</t>
  </si>
  <si>
    <t xml:space="preserve">This is a waste of time. Students already have ownership of their learning if they are allowed to fail. </t>
  </si>
  <si>
    <t xml:space="preserve">The needs of the students should be learning the content not how they feel about the content. </t>
  </si>
  <si>
    <t>Stop this nonsense and let teachers decide on what is best for their students in the teachers content area.</t>
  </si>
  <si>
    <t>There is no valid experimental evidence that definitively shows that what the ministry is proposing would actually improve student learning. The only evidence is anecdotal. Sto this nonsense, please.</t>
  </si>
  <si>
    <t>I believe that 2 formal reporting periods would suffice.  Continued communication throughout the course with parents would supplement the 2 formal periods</t>
  </si>
  <si>
    <t xml:space="preserve">While I agree that the proficiency scale may be beneficial for k-8, Grade 9s should continue receiving grades for their courses, in particular, academic courses.  This will further prepare them for their senior academic courses which they will need in order to attend a post-secondary institution.  
</t>
  </si>
  <si>
    <t>Proficiency Scale from K-8 only.</t>
  </si>
  <si>
    <t xml:space="preserve">I believe the proficiency scale should be used from K-8 as there is a natural transition between middle school and high school.  It becomes very confusing for students when there are two types of reporting.  i.e. proficiency scale in grade 9 to percentages and letter grades in grades 10-12.  </t>
  </si>
  <si>
    <t>We are being asked to use the proficiency scale AND give percentages.  There is no clear cut way to meld the two together so there will be great discrepancies between teachers, between schools, and between districts.  What percentage is an exceeding?  What percentage is a emerging?</t>
  </si>
  <si>
    <t xml:space="preserve">As stated above, the proficiency scale and the % system are two different systems.  Trying to blend both will lead to inconsistencies.  </t>
  </si>
  <si>
    <t>I think self reflection and metacognitive activities are always valuable for students if taken seriously.</t>
  </si>
  <si>
    <t>In theory, this is great if there's adequate time for students to do this.  Could it be integrated into the CLE and CLC curriculum?</t>
  </si>
  <si>
    <t>Provincial proficiency scale as a requirement for grade 9</t>
  </si>
  <si>
    <t>Reporting in high school grades should be consistent.</t>
  </si>
  <si>
    <t>I think using a proficiency scale all the way up until grade 9 is too long and won’t properly prepare students for letter grades in grades 10 to 12. I can see why implementing letter grades when students are older could be beneficial to their learning at younger grades though.</t>
  </si>
  <si>
    <t>I think that these should replace some thing like work habits because I find that teachers tend to make work habits affect all the other grades of a student.</t>
  </si>
  <si>
    <t>I think self-assessment ability varies based on grade level and actual level of comprehension and writing and cognitive skills. I think it would be asking too much of a lot of students to do some thing that doesn’t translate past high school.</t>
  </si>
  <si>
    <t>I think that goalsetting is an easier concepts for younger students to grasp then a self-assessment on the core competencies.</t>
  </si>
  <si>
    <t>It is enough information during the day by day between the school and parents and I think the actual reports are enough</t>
  </si>
  <si>
    <t>The explanations and the grades helps to understand where my kids are in the subjet</t>
  </si>
  <si>
    <t xml:space="preserve">Never use it. I don’t know how could be affect </t>
  </si>
  <si>
    <t>I like to see how my kids perceive themselves</t>
  </si>
  <si>
    <t>Everybody should be able to the same education and be with her peers</t>
  </si>
  <si>
    <t>This would be fine, if we are given time to complete the written reports so they are complete and useful for the student and their families.  In high school, we are often reporting on 120 students or more in one semester.</t>
  </si>
  <si>
    <t xml:space="preserve">I have no issue with the proficiency scale, but am concerned about the lack of ability for students at the Grade 9 level to be unsuccessful, if necessary.  There are some students who will not reach the level of proficiency necessary to move onto the next level despite extra help and feedback.  </t>
  </si>
  <si>
    <t>Until the post secondary institutions change their requirements, this would be difficult to update in a meaningful way.</t>
  </si>
  <si>
    <t>There are some courses where this just works better and teachers should have the professional autonomy to make the choice.</t>
  </si>
  <si>
    <t>I like that this will be the responsibility of the student to take ownership of their learning in this area.</t>
  </si>
  <si>
    <t>This is a nice idea, but mechanisms need to be put in place to monitor and update the goals, rather than just making them.  This should be attached to a specific class to avoid it being a 'check off'</t>
  </si>
  <si>
    <t>I do not believe that students should ever be allowed to not fail.  Failure is a part of life and they will not be equipped to deal with the challenges if they are not given the experience to pick themselves back up and learn from their mistakes.</t>
  </si>
  <si>
    <t xml:space="preserve">If there are more reporting periods will that mean the teachers  will have to add more to their current work load? I think the government is failing children in education, classrooms are over run and teachers can't help them learn the same way!!! </t>
  </si>
  <si>
    <t>Self assessment are a waste of learning time!</t>
  </si>
  <si>
    <t xml:space="preserve">Why not add career classes instead! </t>
  </si>
  <si>
    <t>Keep the percentage. Don't change for the sake of change. We don't want this.</t>
  </si>
  <si>
    <t>Asking children for wisdom and to be reflective is not a meaningful adventure. They are called children for a reason.</t>
  </si>
  <si>
    <t>Don't single out one group vs others. Everyone should have the same standards. Anything less is racism by another name.</t>
  </si>
  <si>
    <t xml:space="preserve">Don't change the percentage system in the name of some educational fad. </t>
  </si>
  <si>
    <t>Would prefer 3 reporting events with more parent teacher conferences for more direct feedback to parents. It is unclear what a "learning update" is.  Furthermore, the third term report should have an individual grade, as well as a summative grade, rather that cumulative throughout year.</t>
  </si>
  <si>
    <t xml:space="preserve">These performance standards are confusing to both parents and children. Most parents would prefer a straight forward language of not yet meeting, meeting, exceeding. Could we meet somewhere in the middle? </t>
  </si>
  <si>
    <t>prepares them for post-secondary.</t>
  </si>
  <si>
    <t>Could the proficiency scale not be aligned to percentages to make this step a little clearer?</t>
  </si>
  <si>
    <t>scope and structure of the written reports</t>
  </si>
  <si>
    <t xml:space="preserve"> The language educators use are unclear to parents, and sometimes to students. Parents want to know if their child is not yet meeting, meeting, or exceeding expectations. Too much inconsistency in language across schools. There should be a bigger focus on "ways to support learning" as well.</t>
  </si>
  <si>
    <t xml:space="preserve">This is an unrealistic amount of work at secondary, when you might have 120+ students in a given semester, or perhaps 210+ students in a linear system, or WAY more in a distance learning environment.  Currently, I can choose the students that require descriptive feedback more urgently. </t>
  </si>
  <si>
    <t>This is effectively no change for K-5.  The main problem with the proficiency scale is that some parents only focus on "the top mark" but proficient is not really the second-best mark.  Most kids should be at proficient, but parents will complain that their kids aren't getting extending</t>
  </si>
  <si>
    <t>Obviously every system has its flaws, but maintaining the status quo for 10-12 is the right thing to do.  It allows for more discrimination in levels of quality of understanding/achievement.</t>
  </si>
  <si>
    <t>I don't mind it in theory, but I always had this professional discretion as a teacher.  This smacks of a Trojan horse strategy to "test it out" and then bring in the proficiency scale across K-12</t>
  </si>
  <si>
    <t>I am always encouraging self-reflection in my students as it is.  Requiring it to be included in formal reporting is less about whether that encouragement is happening and more about gathering and stockpiling evidence -- which in turn takes more time away from actual teaching.</t>
  </si>
  <si>
    <t>If possible, could schools report to parents 4 times per year instead of 5? If it remains at 5, preference would be to organize the 4 learning updates as follows: 1 learning update in writing and 3 learning updates in varied formats, eg conferences, portfolio posts.</t>
  </si>
  <si>
    <t>The proficiency scale will provide students and families with consistent language to describe learning progress. It is also flexible for supporting student's learning development and describing or summing up learning progress. I like that it is a continuum.</t>
  </si>
  <si>
    <t>It is possible to work with post-secondary institutions for them to understand how to interpret the proficiency scale for entrance. Conversations have already taken place since the early years of the graduation program's revision. There may need to be some other adjustments made within MyEd BC, etc.</t>
  </si>
  <si>
    <t>Would prefer to use proficiency scales for K-12.</t>
  </si>
  <si>
    <t>This is an important recognition of the curriculum being focused on the development of the Core Competencies. It would be preferable for the first two Core Competency communications to be in-process reflections and the year end Core Competency communication to be a self-assessment.</t>
  </si>
  <si>
    <t xml:space="preserve">Goal setting is connected to understanding personal Core Competency development. </t>
  </si>
  <si>
    <t>It is positive that the reporting policy is intended to be inclusive. There are many questions regarding the how to do this in a clear and informative manner.</t>
  </si>
  <si>
    <t>I'm neutral about it because it's what I have been doing. As an English teacher I provide copious feedback through the year.  It is sometimes seems redundant to write too much information on report cards.</t>
  </si>
  <si>
    <t>It is unbelievable vague. I didn't like it as a parent - it made very little sense to me.  As a teacher it is not very refined. I would rather be more specific.</t>
  </si>
  <si>
    <t>There is no reason to change this. It is fine, and the whole world seems to agree.</t>
  </si>
  <si>
    <t>Again, I don't see the reason for it. Percentages are much more precise and have meaning behind them.  The proficiency scales are vague and do not tell people very much.</t>
  </si>
  <si>
    <t xml:space="preserve">I use self-assessment in my classes, but students don't seem to take the provincial ones very seriously.  </t>
  </si>
  <si>
    <t>It's fine, however, students don't tend to take these things seriously.</t>
  </si>
  <si>
    <t>Reporting after 25% is too soon. English takes awhile to compile marks, so I prefer at least a third of the course to elapse before I feel confident that my marks reflect any significant progress.</t>
  </si>
  <si>
    <t>Please use letters. Prepares them for post secondary. This new nomenclature is really vague. Please don’t do it!</t>
  </si>
  <si>
    <t xml:space="preserve">See above. Please set our kids up for post secondary success! </t>
  </si>
  <si>
    <t>This would be acceptable for a linear system but not for semester. In a 5-month semester, 5 learning updates means report prep every month. This will put undue strain on teachers, especially because we do not choose these reporting periods or get in-service time to adapt to changes foisted on us.</t>
  </si>
  <si>
    <t>We already use the four-point scale in some grades. It's fine. It should definitely not be done for 11 or 12 because that would leave them unprepared for university grading.</t>
  </si>
  <si>
    <t>Students need to be able to prepare and apply for universities, and percentage/letter grades  in 11 and 12 facilitate that.</t>
  </si>
  <si>
    <t>Asking teachers to grade everything on two scales is nonsense. It just opens the door for confusion and frustration for the kids and a pointlessly increased workload on teachers.</t>
  </si>
  <si>
    <t>If the ministry chooses to require student self-reporting it should be outside of teacher responsibilities. I am not willing to track down 200 self-assessments every reporting period. Also it seems burdensome for high school students who have to do 6-8 self-assessments during busy times of year.</t>
  </si>
  <si>
    <t>If the ministry chooses this it should be outside of teacher responsibilities. We shoot ourselves in the foot if we ask students to self-regulate and set goals, but then expect teachers to use up their teaching time managing this activity.</t>
  </si>
  <si>
    <t>No teacher can « respond fully  to every individual need » with 25+ kids per class x 7 classes without vastly more time and support than they have. Without support for this (more prep time, training, SSWs, more robust documentation), this is an empty promise.</t>
  </si>
  <si>
    <t>Frequency of reporting and consistency. Reporting has changed every year I've been teaching, and has only become more and more demanding. You need to stop changing and increasing the requirements until you can provide us with the time and support to actually meet them.</t>
  </si>
  <si>
    <t>It would provide better feedback to the parents, however, it would be requiring more TIME to prepare up to 100 of these report cards per semester.
PLEASE ensure a proper and respectful amount of time is provided to prepare these detailed report cards.</t>
  </si>
  <si>
    <t>They give a pretty good accurate picture of progress</t>
  </si>
  <si>
    <t>post-secondary institutions use these percents....it just makes sense.</t>
  </si>
  <si>
    <t xml:space="preserve">It is really still necessary?  </t>
  </si>
  <si>
    <t xml:space="preserve">sometimes I question..HOw honest and truthful students are being when asked?  </t>
  </si>
  <si>
    <t xml:space="preserve">This would be completely unreasonable for a high school system especially when you have mixed grade classes. This would require an extra amount of time that isn't worth the effort. </t>
  </si>
  <si>
    <t xml:space="preserve">This is still the system that universities expect from high school grades and until that changes, I don't see a logical way to change the 10-12 system either. I feel like there could be flexibility in some courses to introduce a pass/fail system (ie Career Life Education, Career Life Connections). </t>
  </si>
  <si>
    <t xml:space="preserve">High school students and parents would not find this useful and it would require an unreasonable amount of time and effort on the part of teachers. Putting this amount of time into something a student/parent will barely glance at is a waste of time. </t>
  </si>
  <si>
    <t xml:space="preserve">While it could be useful in some courses, overall, I don't believe students will take this seriously despite our best efforts. </t>
  </si>
  <si>
    <t xml:space="preserve">Goal-setting can be a useful tool, but I often find that students are inauthentic with their goals because they are trying to satisfy what they think teachers or their parents want to see. It is hard to accomplish this in an authentic way that is meaningful. </t>
  </si>
  <si>
    <t xml:space="preserve">In a high school , where teachers will often have 100 plus students, it is not possible to write an authentic summary for each student. I would suggest that who ever has come up with this "Plan"  spend time shadowing a high school teacher during the semester  when  they do not have a prep. </t>
  </si>
  <si>
    <t xml:space="preserve">This will depend on the age of the student and maturity. Again, I am curious about when the last time the policy inventors have been in a high school or classroom for any length of time. 
</t>
  </si>
  <si>
    <t xml:space="preserve">My main concern is that there simply is not enough time to be doing the amount of reporting and the detailed summary for each student that is being proposed.      Again, I would highly suggest that the policy makers spend time in schools with teachers to get a sense of the reality.  </t>
  </si>
  <si>
    <t xml:space="preserve">I think we should be moving to grade less reporting </t>
  </si>
  <si>
    <t xml:space="preserve">I believe it is wonderful that we are moving to more equitable grading practices and I am in strong support of these changes. </t>
  </si>
  <si>
    <t xml:space="preserve">With COVID, sometimes you may not see a student for enough hours in month or months to make any progress or for things to have changed.  In the document it talks about 'significant growth' whereas in reality, there may not be growth of a 'significant' nature, but rather small steps.  </t>
  </si>
  <si>
    <t>I think for some students, particularly in the higher grades, grades are needed, as of grade 7, to prepare students for the real world.  We need to stop coddling middle-school aged children and they to take school more seriously.  Failing a student who does nothing should be possible in grades 7-9.</t>
  </si>
  <si>
    <t>YES!  Some students work hard for those grades, and it is an important part of being recognized for one's efforts.</t>
  </si>
  <si>
    <t>NO!  Real life is not like this.  If we don't provide solid grades and percentages, employers will take this on, and you will see failure occur (homelessness) on the streets, and there are no more safety nets provided.  Experiencing failure before being left on the streets, when safety nets exist.</t>
  </si>
  <si>
    <t xml:space="preserve">This can be very difficult for young children who don't have the vocabulary or maturity to understand their actions/work. </t>
  </si>
  <si>
    <t xml:space="preserve">Goals should be for intermediate students (grade 4 and up) as they have the maturity and vocabulary to deal with goal setting.  </t>
  </si>
  <si>
    <t xml:space="preserve">I don't understand this.  Are FSA's inclusive?  Are DWW and DART inclusive?  </t>
  </si>
  <si>
    <t xml:space="preserve">As already stated, young children can't set goals effectively due to maturity and vocabulary and would be best for intermediate students.  Also, middle-school aged students should receive letter grades and percentages to get them ready for high school, failure within a safety net. </t>
  </si>
  <si>
    <t xml:space="preserve">The type of information being shared now is vague and ambiguous. </t>
  </si>
  <si>
    <t xml:space="preserve">As a parent, I want to know if my child is at grade level and changing the language used doesn't make that much of a difference. </t>
  </si>
  <si>
    <t xml:space="preserve">This isn't new information for me as I have frequent conversations with my child about their thinking, etc.
The core competency reflections seem redundant and don't bring new information to me as a parent. </t>
  </si>
  <si>
    <t xml:space="preserve">While this is a nice sentiment, it has no real value unless the goal is reviewed and updated as needed and that doesn't seem to be happening. </t>
  </si>
  <si>
    <t>This is always a good thing to do for children.</t>
  </si>
  <si>
    <t xml:space="preserve">The type of information I'm getting just doesn't make it clear how my child is doing. There seems to be information missing and yet there's so much unnecessary information coming at me. </t>
  </si>
  <si>
    <t>My school district changed the balance between written reports and parent-teacher conferences. We now write a mid year report in January and a summative  report in June. In addition, we must have THREE meaningful parent-teacher conferences. Parents tell me they like the new system MUCH better.</t>
  </si>
  <si>
    <t>There should be some flexibility for students with significant learning and/or health challenges. Not everyone needs to be assessed by the same metrics. That is NOT personalized learning; in fact, it can be demeaning and humiliating to kids who struggle.</t>
  </si>
  <si>
    <t>The goal is fine but some of the language used in the Core Competencies is still too cumbersome.</t>
  </si>
  <si>
    <t>As above, there needs to be some flexibility.  Children who are working towards highly individualized goals should be celebrated for their efforts and progress. These days, kids who are struggling academically just end up with "marks" on the low end of the proficiency scale. How is that helpful????</t>
  </si>
  <si>
    <t>The summary report is final and too late to provide insightful information about how my child is doing</t>
  </si>
  <si>
    <t>Kids are in grade 11 &amp;12</t>
  </si>
  <si>
    <t>Entrance to university is crucial therefor percents are a must</t>
  </si>
  <si>
    <t>Percentages are all university cares about.  Very competitive to get in. Chem 12 and Calculus 12 teachers will not implement proficiency as they are too busy pounding through all the material that they believe universities require</t>
  </si>
  <si>
    <t>Needs to be approached with common sense. Only have students report out on self assessments in some high school classes not all of them. Some elective classes are 5 weeks long; don’t need to eat up time in such a short class</t>
  </si>
  <si>
    <t xml:space="preserve">Some students do not have the developmental capacity to come up with a goal. In grade 8 9 and 10 they might be placed in textiles as there is not another class and their only goal is to have better luck next year in getting into the actual courses they selected. </t>
  </si>
  <si>
    <t>Not sure what the current practice is??!</t>
  </si>
  <si>
    <t>Keep percentages in higher grades until universities change.  OR stream high school as Germany does</t>
  </si>
  <si>
    <t xml:space="preserve">It's very important to know how well our child is doing. If need be we can help him at home in the areas he struggles in . </t>
  </si>
  <si>
    <t xml:space="preserve">Five reporting periods in high school PER course is a lot and actually not necessary. We have increased the number of reporting periods without increasing teacher prep time. For teachers who are teaching without a prep in the semester schedule, this is contributing to significant stress. </t>
  </si>
  <si>
    <t>I have now taught Grade 10s who have had this system up until this year. This system (no marks) coupled with the pandemic has result in a serious and widespread loss of motivation, work habits and general work ethics one expects a student to develop. This system should stop at the end of GR. 8.</t>
  </si>
  <si>
    <t xml:space="preserve">Letter grades and percentages are precise indicators. I have combined letter grades and percentages WITH curricular and content competencies and this has been very effective for personal and academic growth for students. </t>
  </si>
  <si>
    <t xml:space="preserve">I have yet to see my admin, school and district come up with a way for students to do this that is a) effective b) reasonable c) organized d) efficient. </t>
  </si>
  <si>
    <t>Why haven't we already been doing this??</t>
  </si>
  <si>
    <t xml:space="preserve">What exactly would this mean? Don't we already do this with IEPs? What do you mean by "respond fully"? Is this another responsibility that will fall on the teacher in a bureaucratic system? Will students CONTINUE to fall through the cracks despite teachers advocating for them? How will YOU ensure </t>
  </si>
  <si>
    <t>letter grades &amp; percentages starting in Grade 9</t>
  </si>
  <si>
    <t>Have you asked teachers how students have been impacted by these changes to proficiency scales (and lack of grades?)? Where is the research proving it has been effective for OUR students. You're just enabling teens to be lazy &amp; unmotivated. I gave it a fair try and it's NOT working!</t>
  </si>
  <si>
    <t>The actual thorough writing of reports on MyEdBC is very time consuming and glitchy, and does not accept imported documents well, even when formatting is removed. I do lijj on e that I have lots of autonomy to write my comments in an accurate and respectful way with few limits.</t>
  </si>
  <si>
    <t>This sounds fine if it is easy to do. It might even help place the comments in context a little more, although the letter grades already do this at the moment. I’d almost prefer the performance statements to the letter grade. Reminds me of the primary report scale. Overall, I think I could line this</t>
  </si>
  <si>
    <t>They are needed for university so we should provide some continuity. Parents will probably want this, too.</t>
  </si>
  <si>
    <t xml:space="preserve">If it is easy to use and not too time consuming then I’m amenable to this. I already use some performance standards in any case, although I’ve been teaching so long a only look at them a few times a year. I like the idea referencing them as one teacher’s low B might be another teacher's C+ etc. </t>
  </si>
  <si>
    <t xml:space="preserve">If this could be done in a super student friendly way then I’m okay with bringing in student voices, however many Elementary children will need significant guidance with language and concepts. Also, some student self assessments may be inaccurate. Takes time to learn to be objective about yourself. </t>
  </si>
  <si>
    <t>This will be really tedious for many at the Elementary level where teachers will struggle to help students choose their goals. If they were goals set with the teacher then it could work. Giving teachers too much more to do will be the double given the exhaustion and time pressures we all face.</t>
  </si>
  <si>
    <t>Yes, personalize and adjust assessment and reporting as needed, but we already do in many ways.</t>
  </si>
  <si>
    <t>It will be very tedious as many young children will need major guidance from their teacher which is okay, but the pressure to formalize this on a report document will be awful. These sorts of things are a process and are meaningful, but complex and changeable.</t>
  </si>
  <si>
    <t>As a parent of school-aged children and a teacher I feel that formal written reports are the least effective means of communicating learning. Timely informal interim type reports and speaking with parents/teachers is more informative and allows for students to be supported in a timely manner.</t>
  </si>
  <si>
    <t>Again, as both a parent and teacher, I have participated in the pilot projects for proficiency scales. This is more informative than the old-style descriptive comments from the current reporting policy. Proficiency scales allow me to see where my kids are at and tell parents where their kids are at.</t>
  </si>
  <si>
    <t>Needed for post-secondary applications.</t>
  </si>
  <si>
    <t>It will allow for continuity from K-9 in understanding of a students proficiency level.</t>
  </si>
  <si>
    <t>I feel that self-reporting of core competencies would be sufficient if they went home twice a year. I do not feel as a parent or student this needs to be sent home 5 times a year.</t>
  </si>
  <si>
    <t>Absolutely, student goal setting is important, and I have done goal setting with students many times for personal and academic goal setting. To have students complete this for every subject 5 times a year is not reasonable. It is very time-consuming. There is only so much time in the day/week/year.</t>
  </si>
  <si>
    <t>More than one change</t>
  </si>
  <si>
    <t xml:space="preserve">Please ask those involved in the Proficiency Scale Pilot project for feedback. The new policy seems to have redundancy and will take a huge amount of student time. Sadly, I feel students will miss out on physical activity time, field trips, etc. to fit in formal goal setting for reporting periods.  </t>
  </si>
  <si>
    <t>I feel we receive enough updates during the year.</t>
  </si>
  <si>
    <t xml:space="preserve">I feel letter grades should return for all grades. </t>
  </si>
  <si>
    <t>This should be extended to lower grades as well.</t>
  </si>
  <si>
    <t>If used in conjunction fine, but the use of letter grades and percentage is a must.</t>
  </si>
  <si>
    <t>I feel this is a great opportunity for the student to input as well.</t>
  </si>
  <si>
    <t>This is done within work places through work plans.  It would be great for the students as well.  Then they can have key indicators as well through the year on how they are doing.</t>
  </si>
  <si>
    <t xml:space="preserve">It’s for everyone.  Include everyone. </t>
  </si>
  <si>
    <t>I feel the letter grade and percentage should be included in more of the lower grades.</t>
  </si>
  <si>
    <t>One report within the first 25% of the school year? If I had to be writing report cards right now, I wouldn't have sufficient information. I currently have not even started Career Ed, ADST. I could report on Math, LA &amp; Sc. In SS, I would be reporting on one completed worksheet. Why so early?</t>
  </si>
  <si>
    <t xml:space="preserve">Why redundancy in using the proficiency scale and descriptive feedback? I can understand descriptions of what a student needs to work on and ways the student will be supported at school and can be supported at home. </t>
  </si>
  <si>
    <t>Why does this have to be sent every reporting period? This can be shared informally with parents.</t>
  </si>
  <si>
    <t xml:space="preserve">While goals setting is extremely important to do this for every subject for 5 reporting periods per year, would most certainly take away from other important aspects of the school day such as physical movement, field trips etc. There is only so much time in the day, week, year. </t>
  </si>
  <si>
    <t>Although the frequency of 5 formal, written reports is a lot. Student-generated content is extremely time-consuming. We can't keep adding more into the day. It will be stressful for kids to be goal-setting for every course 5 times a year. It seems unrealistic.</t>
  </si>
  <si>
    <t xml:space="preserve">I think 5 is too many. 3 seems like enough if there is open communication  between home and school. </t>
  </si>
  <si>
    <t xml:space="preserve">Yes, although might make more sense up to grade 5or 6. Gr 6s and 7s would be good information for when they go to high-school. </t>
  </si>
  <si>
    <t xml:space="preserve">Are both really necessary? Pick one. </t>
  </si>
  <si>
    <t xml:space="preserve">I feel I do not have enough knowledge on these grade levels to feel strongly either way. </t>
  </si>
  <si>
    <t xml:space="preserve">Students in the younger grades are not always very self aware. And many are unknowingly picking a yes I can do that or no I can't. But perhaps the once or twice a year is good to get them thinking about themselves and their own goals. </t>
  </si>
  <si>
    <t xml:space="preserve">This depends on the age of the child and what is being done with the goals. The concept and lesson of setting goals seems like a good lesson, but having to track , store , and analyze these goals will become a teacher nightmare if it requires a paper trail. </t>
  </si>
  <si>
    <t>Yes, but I believe the idea of this is already there. In practice however, it may look different. Especially as many children are still being pushed through grades when they are unable to do the basics of reading and writing.</t>
  </si>
  <si>
    <t xml:space="preserve">I chose other because I feel like the more time we spend reporting and assessing students, the less time we have with them to teach and learn and PLAY. Children are being asked to read and write at an earlier age all the time now, school should be fun and focus on play and working as a team. </t>
  </si>
  <si>
    <t>The reports are far too wordy and don’t tell me the basics. I just want to know if they are meeting grade level requirements.</t>
  </si>
  <si>
    <t>This is clear information that can be used when applying to post-secondary.</t>
  </si>
  <si>
    <t>This is a pointless task. I really don’t need to know this information and wish teachers would focus on academics for reports.</t>
  </si>
  <si>
    <t>This makes sense for older grades but not kindergarten or grade one.</t>
  </si>
  <si>
    <t>I don’t know what this means?!?</t>
  </si>
  <si>
    <t xml:space="preserve">Core Competencies self assessment </t>
  </si>
  <si>
    <t xml:space="preserve">This is a pointless task. I don’t know any parents who actually go online to look at their kid’s work. The kids do not see any value to the tasks. Please focus on academics for the report cards and stop with these unnecessary time wasting tasks.  </t>
  </si>
  <si>
    <t>One formal reporting period per term is sufficient.</t>
  </si>
  <si>
    <t>Letter grades and/or percentages for grades 4-9 are far more informative than a 4 point performance scale.</t>
  </si>
  <si>
    <t>This marking system falls in line with post secondary grading and should be used throughout the high school system.</t>
  </si>
  <si>
    <t xml:space="preserve">Not necessary. Keep percentages/letter grades for grades 8-12. Too many grading schemes will be too cumbersome &amp; confusing. </t>
  </si>
  <si>
    <t>The student self assessment of core competencies is a waste of learning time as they find it a pointless task that doesn’t really add anything of value to their learning.</t>
  </si>
  <si>
    <t>Another make work task that lends little to student learning.</t>
  </si>
  <si>
    <t xml:space="preserve">This is excessive.  Parents should be able to see progress as it's made.  There should be no reporting because grades and progress are always available.  This would work if the MyEd portal actually worked out of we used simple grade book because it's better </t>
  </si>
  <si>
    <t>There are too few categories.  This does not allow for proper feedback "at a glance.". Why did we create new words for you beginning, approaching, meeting, and exceeding.  These are less technical words that parents would actually understand.</t>
  </si>
  <si>
    <t>Percentages are the only system that can be controlled and customized to truly reflect student progress.  Please get rid of letter grades.  All they do is stress students out.  Students will stress over 84 to 86 because of it reflecting an A... But yet no one cares about a change from 86 to 88.</t>
  </si>
  <si>
    <t>This is fine.  It's optional.  Teachers can choose what they're most comfortable with.</t>
  </si>
  <si>
    <t>This is a very good choice.  Students must be aware of how their progress with core competencies affects all aspects of their lives.</t>
  </si>
  <si>
    <t>This may work.  Some students will enjoy this.  Other students will completely disengage.  I have issues with changes being made that will be IMPOSSIBLE to get students to buy into.  Buy-in is everything!</t>
  </si>
  <si>
    <t>Of course we should do this.</t>
  </si>
  <si>
    <t>The proficiency scale is unnecessary.  I have mastered accurate reporting with percentages.  There's simply going to be too many students that are proficient, but not near the same ability.</t>
  </si>
  <si>
    <t xml:space="preserve">Parents don’t need this amount of reporting. If there is a problem tell us and mark the assignments in detail so the students know how they are doing. </t>
  </si>
  <si>
    <t xml:space="preserve">Give them marks so they can improve if they want or be satisfied with their effort. </t>
  </si>
  <si>
    <t>Yes, this is what they need!</t>
  </si>
  <si>
    <t>Honestly what is the purpose of this?</t>
  </si>
  <si>
    <t xml:space="preserve">Teach the curriculum, this is not Montessori </t>
  </si>
  <si>
    <t xml:space="preserve">MyEdBC is a terrible report card for early primary--It's not user friendly, it's glitchy, can't see the whole report as I write, it feels like a high school report card...it's awful.  It took me over 30 hours to write my reports last Jan. and then again in June.  Not interested in 3 times a year!   </t>
  </si>
  <si>
    <t xml:space="preserve">A four point scale is unrealistic at the Kindie level.  Many districts in the province use a 3 point scale for this grade.  Before being forced to use MyEd I used a 2 point scale.  Eg.  Can print name from memory--Meets Expectations at This Time or Needs More Practice.  These are 4 and 5 year olds! </t>
  </si>
  <si>
    <t xml:space="preserve">My focus is Kindergarten.  I would really like to see changes made around reporting at the K level.  Many of my parents didn't even read the reports last year.  Too much blah blah, (Big Ideas, proficiency scale for each learning outcome...)  No inservice for MyEd.  Admin guessing.                 </t>
  </si>
  <si>
    <t xml:space="preserve">Again, I'm so upset with being forced to use MyEd for Kindergarten.  It's not appropriate for that level.  I also don't feel we need to write descriptive feedback in every subject area.  It's too much!  MyEd is so broken up into subjects.  Early primary is about the whole child.  </t>
  </si>
  <si>
    <t>Where is a copy of a self-assessment?  Why is every school left to create their own?  I feel there should be an appropriate self-assessment provided for each grade.</t>
  </si>
  <si>
    <t>Can someone show me how to do this in Kindergarten?  Again...we're all left to create our own.  Please provide this for each grade level.</t>
  </si>
  <si>
    <t xml:space="preserve">Unrealistic!--Is the whole province moving toward using MyEd for reporting or are some districts just choosing to use it?  It's not Kindergarten friendly.  It's just a blank rectangle that we have to figure out how to fill in.  Every principal has their own interpretation and expectations.    </t>
  </si>
  <si>
    <t>I can't choose only one.</t>
  </si>
  <si>
    <t xml:space="preserve">I feel the whole reporting process needs to be revamped.  Who are we really writing the report cards for?  Is it for parents or is it to prove teachers are doing their job?  What information do we need to convey to families?  The current reporting takes hours to complete (weekends and evenings).    </t>
  </si>
  <si>
    <t xml:space="preserve">Grades 4-7 should have letter grades abs grade 8-9 should have letter grades &amp; percentages </t>
  </si>
  <si>
    <t>Valuable class time wasted on this task that few parents actually access.  Of little value.</t>
  </si>
  <si>
    <t>Good to have frequent written feedback.</t>
  </si>
  <si>
    <t>I found that my grade 8 and 9 student was not at all motivated by the proficiency scale. Teachers don’t know how to use it. The range in proficient is huge. Basically almost everyone gets proficient. Not at all informative.</t>
  </si>
  <si>
    <t>This is a terrible idea!! Please, please, please don’t do this!!! It was not successful at the 8/9 level, please don’t extend it to 10-12. University bound kids deserve better - especially if they are applying out of province!  There’s nothing wrong with the current system!</t>
  </si>
  <si>
    <t>Just stick with letter grades and percentages.</t>
  </si>
  <si>
    <t>This is a joke! None of my kids or their friends take the self assessment ps seriously! Total waste of time!</t>
  </si>
  <si>
    <t>It’s okay I guess but not necessary. My kids are self motivated so they do this anyways. Other kids just don’t care.</t>
  </si>
  <si>
    <t>Sure. Makes sense.</t>
  </si>
  <si>
    <t>It just doesn’t work. It’s so watered down. Teachers don’t like it or get it.  Totally uninformative.  Too much educational jargon. The parent is the end user of report cards. Parents should be able to know exactly how their kids are doing. Basically everyone is proficient &amp; gets a ribbon at the end</t>
  </si>
  <si>
    <t>I don't want to do this at school.  It is my private business.  
It's disrespectful to me as a student to have to share if I don't want to.  My teachers are great, but how can they do this on top of everything else they do?  It just takes away from the learning time.</t>
  </si>
  <si>
    <t xml:space="preserve">I don't want mhy parents to see this on my report card.  That is too much pressure.  PLEASE DON'T DO THIS TO US.  We want our goals to be private.  I know several kids who are really worried about this being part of the report card.  </t>
  </si>
  <si>
    <t>I don't want to have to do this in a room of my peers or with my teacher.  teachers are great but it's private.  I don't want my parents to see it either.  They pressure me so much. This will just make it much worse for me to handle at home.  Please don't make us do this.  It will effect me mentally</t>
  </si>
  <si>
    <t>Should be a sliding scale on the four point</t>
  </si>
  <si>
    <t>I think it should be Gr. 8-12</t>
  </si>
  <si>
    <t>Why?  Letter grades should stand alone</t>
  </si>
  <si>
    <t xml:space="preserve">Would rather this be grade 4-12. Any younger and it’s not really cognitively appropriate. </t>
  </si>
  <si>
    <t xml:space="preserve">Again, should be Gr. 4-12 where students can effectively self reflect </t>
  </si>
  <si>
    <t>Because it depends on how in depth the written reports need to be. 3 written reports a year, should they be in a similar format to the current ones, would add an additional 30ish hours of work outside of school. 90 - 100 hours on written reports is not manageable.</t>
  </si>
  <si>
    <t>I prefer a sliding scale over rating scale. It holds greater accuracy.</t>
  </si>
  <si>
    <t xml:space="preserve">This is a bigger picture question that would mean a greater overhaul of our system. </t>
  </si>
  <si>
    <t>Reflection is in our learning, so it makes sense to have student voice included both directly and indirectly in reporting.</t>
  </si>
  <si>
    <t xml:space="preserve">I think it shows a lack of understanding around development at the various stages of learning. </t>
  </si>
  <si>
    <t>We do that.</t>
  </si>
  <si>
    <t>Without clearly explaining expectations around the written reports, teacher workload could be severely impacted. Workload directly impacts what we can do for and with our kids each day. We need to make reporting simplified, ongoing, useful, and accessible.</t>
  </si>
  <si>
    <t>Serbian</t>
  </si>
  <si>
    <t>By using the world minimum districts who use written reporting and physical reporting are treated differently by their administrators. In an e-portfolio district teachers can be expected to report way more than 5 times. This is overwhelming to do for each and every student in their class.</t>
  </si>
  <si>
    <t xml:space="preserve">The descriptive feedback helps students understand where they are at. </t>
  </si>
  <si>
    <t>Letter grades make sense because of applying for post secondary. However if no letter grades are given for many students than universities will have to also change their application status.</t>
  </si>
  <si>
    <t>The problem here is that proficiency scale does not equate to a letter grade or a percentage, it is a scale which students move along. Extending work does not mean 100% it actually means that you have accomplished more and shown thinker that is deeper than what the teacher asked for.</t>
  </si>
  <si>
    <t xml:space="preserve">To show a growth mindset students should be setting a core competency goal and then showing how they work towards it. This can be showcased in a formal report card throughout the year. </t>
  </si>
  <si>
    <t xml:space="preserve">It can be very difficult for younger students who are 5-8 years old to make learning goals, as they are still learning how to behave and be at school. This is already already part of our Health and Career Education Curriculum and thus does not need to be reported on twice. </t>
  </si>
  <si>
    <t>Students diverse needs are not being met because classes sizes are large and teachers are not trained to meet all the need of their students.</t>
  </si>
  <si>
    <t xml:space="preserve">This is already a part of our Health and Career Education Curriculum, so there is no reason to need to report on it twice. </t>
  </si>
  <si>
    <t xml:space="preserve">It is enough reporting. My kids teachers keep us updated through FreshGrade, class dojo and google classrooms as well. </t>
  </si>
  <si>
    <t>I like having letter grades for my older kids. Maybe middle school and up if you want to have elementary be the same (scale for k-6 instead of primary scale and intermediate letter grade).</t>
  </si>
  <si>
    <t xml:space="preserve">I feel they are already doing this. We get student self assessments with their report cards. </t>
  </si>
  <si>
    <t xml:space="preserve">Maybe for intermediate or grade 3 and up. My grade 1 kid wouldn’t be able to make a realistic goal. </t>
  </si>
  <si>
    <t>I really like this idea. But it definitely needs to involve more support in class for teachers. Lots of kids with more needs than before and not all have support. My kids grade k class last year didn’t have an EA or teacher helper and now 3 of the kids have support because ASD assessments happened</t>
  </si>
  <si>
    <t xml:space="preserve">I like it but don’t think it is reasonable for teachers to be able to accomplish without extra support. </t>
  </si>
  <si>
    <t>Too much being asked of teachers right now. It's a pandemic. We are hanging by a thread. I give feedback to my students almost daily. Why do we need additional formal reports? Waste of time. Redundant. Parents that need to see them, won't see them anyways. Parents also need to take responsibility.</t>
  </si>
  <si>
    <t>If it's not broken, why fix it? We are in a pandemic. Stop dumping on us.</t>
  </si>
  <si>
    <t>Stop kidding yourself if you actually think the majority of our students are mindfully reflecting. Have you read their "reflections"? They know it's just another BS hoop for them to jump through. They are struggling. Anxiety and mental health issues all around. Stop. Just stop.</t>
  </si>
  <si>
    <t>Goals are good. Forward thinking.</t>
  </si>
  <si>
    <t>Anything to dilute the white-privilege prevalent in our society.</t>
  </si>
  <si>
    <t>Can't we do this after the pandemic? Don't you wonder why we are short of teachers? Your BS is scaring young people away and pushing teachers into early retirement.</t>
  </si>
  <si>
    <t xml:space="preserve">Prefer two written reports, including the summary.  The in-person/virtual conversations are more valuable for us. </t>
  </si>
  <si>
    <t xml:space="preserve">Our district uses this and it has been fine. </t>
  </si>
  <si>
    <t xml:space="preserve">What is currently included in our district (self-assessments at end of year) is sufficient. </t>
  </si>
  <si>
    <t xml:space="preserve">This is already done, but we prefer the in-person conversations around this D goals change and should be collaborative. </t>
  </si>
  <si>
    <t xml:space="preserve">Increasing frequency of written reports, including mandating goal-setting/ core competency self-reflections, creates more work for school staff and takes away from learning opportunities.  Face to face conversations are preferable. </t>
  </si>
  <si>
    <t xml:space="preserve">Teachers must be honest and thorough with the details they add into their reports.  This way, when the following teacher mentions something in their own report, it can be backed up with years and years of accumulated notes on the behaviour and the academic achievement of the student.  </t>
  </si>
  <si>
    <t xml:space="preserve">I want to give marks for my students so that parents can see where they are in their learning.  My own children, in high school want marks to see where they are at with their learning.  Seeing a comment and a mark or percent is valuable on a report. </t>
  </si>
  <si>
    <t>With the new curriculum changes, we as teachers need some stability. Some teachers have just learned the CSL/strength-based language. If it is not a drastic change, I highly suggest keeping it the same.</t>
  </si>
  <si>
    <t>My district does not use this language. It can be confusing when it doesn’t align with the province (SD39).</t>
  </si>
  <si>
    <t>Starting letter grades in grade 10 does not make sense if we are using strength-based language and moving away from letter grades in the system. The Universities should align with our education system.</t>
  </si>
  <si>
    <t>See above comment regarding strength based language.</t>
  </si>
  <si>
    <t>It should continue K-12- not just Elementary school.</t>
  </si>
  <si>
    <t>Aligns with the k-7 system and what teachers are already doing.</t>
  </si>
  <si>
    <t>We use digital portfolios and email daily. Parents know exactly what is going on in the classroom, kids’ learning and goals. Nobody has time to be reporting things in multiple, redundant ways</t>
  </si>
  <si>
    <t>Primary students need FULL teacher support to complete these self assessments on paper. Many, including kids with special needs, are not able to complete them in any meaningful way</t>
  </si>
  <si>
    <t xml:space="preserve">We do this already!!!! </t>
  </si>
  <si>
    <t xml:space="preserve">We do this already </t>
  </si>
  <si>
    <t xml:space="preserve">Too many 
</t>
  </si>
  <si>
    <t xml:space="preserve">5 reporting events throughout the year give the parents/guardians a good understanding of progress and achievements. </t>
  </si>
  <si>
    <t xml:space="preserve">Not all students fit easily into these four categories. The categories are too vague. </t>
  </si>
  <si>
    <t xml:space="preserve">This prepares students for post-secondary education. </t>
  </si>
  <si>
    <t xml:space="preserve">I don’t think it is necessary if you have a percentage. It is extra work for teachers. </t>
  </si>
  <si>
    <t xml:space="preserve">Goal setting is an important skill for all ages to learn. </t>
  </si>
  <si>
    <t xml:space="preserve">I have 175 students.  What goes into each of these reports is exponentially more work, so no I am not happy with the same number of reports.  The whole competency thing is extremely vague and does not work.  It seems that drastic yearly changes are the norm now.  Things were fine before all this. </t>
  </si>
  <si>
    <t xml:space="preserve">Letter grades are far more descriptive and varied.  Parents grew up with them and know them.  This is just a way to justify your pay check and make teachers lives harder for no reason. </t>
  </si>
  <si>
    <t>Wish this still applied to middle school</t>
  </si>
  <si>
    <t>dont teach it, dont care</t>
  </si>
  <si>
    <t>How does this work for middle school, which subject does it, I doubt they need 8 of these per kid per term, or maybe they do given the level of ministry reasonableness</t>
  </si>
  <si>
    <t>A third document, that is just great, can you make this any more difficult?</t>
  </si>
  <si>
    <t>How do we do that exactly?</t>
  </si>
  <si>
    <t>This whole idea is awful.  I don't know why I am bothering with this, you could care less what teachers think.</t>
  </si>
  <si>
    <t>The amount of reports is not nearly as important the length and amount of work needed for each report. Also, too many reports results increased summatve assessment as teachers are constantly have to collect marks, limiting time for formative assessment. Finally,  3 is too many . Information overload</t>
  </si>
  <si>
    <t xml:space="preserve">For those heading to post secondary, a system familiar to these institutions is important. </t>
  </si>
  <si>
    <t xml:space="preserve">Too much information. Keep it simple. </t>
  </si>
  <si>
    <t xml:space="preserve">This could become overwhelming. More assessment less learning. We only have so much time. </t>
  </si>
  <si>
    <t xml:space="preserve">The devil is on he detail and again overwhelming if teachers have source this. Again now time spent assessing less time to learn. </t>
  </si>
  <si>
    <t xml:space="preserve">We already try this. I do know if this always possible in today's classrooms with limited support. </t>
  </si>
  <si>
    <t xml:space="preserve">I do not feel I would get any support from the government and be left floundering. 
In sum, with the extra work required to create these reports teachers will need increased prep time. </t>
  </si>
  <si>
    <t xml:space="preserve">Please no more paperwork. </t>
  </si>
  <si>
    <t xml:space="preserve">We are just using different terminology to report the same thing. </t>
  </si>
  <si>
    <t xml:space="preserve">The students are already swamped with 'reflections'.   Let's stop them dwelling so much on thinking about themselves and think of others more. </t>
  </si>
  <si>
    <t xml:space="preserve">This just makes students think too much of themselves and not other. </t>
  </si>
  <si>
    <t xml:space="preserve">We already use IEPs. </t>
  </si>
  <si>
    <t xml:space="preserve">Students spend too much time 'reflecting'.  The pendulum has swung too far in this direction. </t>
  </si>
  <si>
    <t>The type of reports at the elementary school level is way too wordy for parents and contains too many sophisticated words.  We have a large portion of other languages at home and a simplified report would help all parents understand where their child is.  Check lists provide the best graphic</t>
  </si>
  <si>
    <t>No parent understands this wording.  Teachers can’t even agree on what this means.  Everyone explains it is “proficient” is a B, extending is an “A”.  This language is NOT helping our kids.  Students are becoming apathetic in their meaning with this language. Letter grades = increased student motiva</t>
  </si>
  <si>
    <t xml:space="preserve">Letter grades should start in grade 4. If grade 10 is the first time for this we are doing a disservice to education. It has become a joke. Kids need to understand a simple and concrete format.  </t>
  </si>
  <si>
    <t>The proficiency scale is a joke and means very little</t>
  </si>
  <si>
    <t xml:space="preserve">This is a make work project for teachers.  This is something that should be integrated in teaching already.  Making this a part of report cards is just a quick project we do to meet the requirements, it has very little value to students and parents.  </t>
  </si>
  <si>
    <t>Each repeating period my student groan when I tell them is it time to write their goals. They just write what they think teaches want to hear.  Most just want to get better at soccer during recess.  Again, another make work project for teacher and students.  PARENTS jUST WANT A SIMPLE REPORT CARD!</t>
  </si>
  <si>
    <t xml:space="preserve">Now that you have gotten rid of detailed IEPs we as teachers have nothing to support these students with their report cards. Letter grades use to be based on the goals in their IEP.  There are only two goals now and often social is in there.  Again a joke! </t>
  </si>
  <si>
    <t>None of these proposals are good.  It is like these ideas are not from teachers who are actually in the classrooms currently.  We are creating a society of learners who have no accountability,  no work ethic, and no consequences.  No wonder our work force is in such dire needs.</t>
  </si>
  <si>
    <t>Too many demands and pressures on classroom teachers, most engage in frequent informal reporting, four formal times a year is enough.</t>
  </si>
  <si>
    <t xml:space="preserve">Change from 2 written to 3 written reports, yet the demands of classroom teachers have never been higher. The government keeps asking for more and we have nothing left to give. Teachers are burning out. </t>
  </si>
  <si>
    <t xml:space="preserve">The only thing I don’t like is that the lowest a student can achieve is beginning or emerging. Students who don’t complete work need to receive an assessment that reflects the lack of completion. Like and “I” or similar. </t>
  </si>
  <si>
    <t xml:space="preserve">Feedback should come from highschool
Teachers and post secondary. </t>
  </si>
  <si>
    <t xml:space="preserve">Student should self report on their progress.  Not teachers. Students need to take more ownership over their learning. </t>
  </si>
  <si>
    <t xml:space="preserve">It’s already is and does. </t>
  </si>
  <si>
    <t xml:space="preserve">More report cards by teachers does not equal better learning. It never has and never will. Elementary teachers need an option to report on students who do not complete work vs. students who struggle. </t>
  </si>
  <si>
    <t>In my opinion, the is just reinventing the wheel……it is no different than a needs improvement, good, satisfactory, excellent, or on a scal basis 90-100%,75-90%, 65-75%, 50-65%, below 50%, or A, B, C, D, F
What’s the difference?</t>
  </si>
  <si>
    <t xml:space="preserve">Again…..why, when a letter grade clearly infers the same thing, as the words….emerging, meeting, exceeding…..it’s all the same thing, and in the end means the same </t>
  </si>
  <si>
    <t xml:space="preserve">I don’t understand this…..a student either meets or doesn’t meet certain expectations.  While I appreciate that some students have areas of weakness or disabilities in learning, I’m not sure that provincial standards should be watered down for accommodations. </t>
  </si>
  <si>
    <t>Not sure the current system is broken</t>
  </si>
  <si>
    <t>Not too different in frequency that current practice.</t>
  </si>
  <si>
    <t xml:space="preserve">More useful indicator in describing student progress along a continuum for competencies or content.  Letter grades just sort and rank and hinder growth mindset persistence and initiative.  </t>
  </si>
  <si>
    <t xml:space="preserve">Why change?  Universities need to change not the present process of grade inflation in universities.  Letter grades become meaningless after awhile.  If you want to rank and sort then stick with letter grades.  How will this help more students graduate and be engaged in the process of learning?  </t>
  </si>
  <si>
    <t xml:space="preserve">Proficiency scales provide a more informative perspective of student learning along a continuum of progress.  Having both will just complicate matters.  Go with the proficiency scales.  Letter grades are ranking and sorting holdouts when that was the purpose of schooling.  </t>
  </si>
  <si>
    <t xml:space="preserve">Critically important for a student in engaging in their learning through metacognition.  Important for the world of work as well.  Students should have a good sense of how they are doing in their analysis not relying upon dependence of others to sort out how they are doing.  </t>
  </si>
  <si>
    <t xml:space="preserve">Action without vision only passes time, vision without action is merely dreaming, but vision with action can change the world.  Joel Diamond.  Students setting measurable objectives for themselves is a powerful learning tool.  </t>
  </si>
  <si>
    <t xml:space="preserve">Diversity is a natural phenomenon in our world.  Our assessment practices should accommodate such diversity to respect such differences.  I remember a cartoon with the task to climb a tree as the grading practice.  Monkeys and birds were there but also snakes, rabbits, fish, deer and so on.  </t>
  </si>
  <si>
    <t xml:space="preserve">Letter grades are arbitrary made up numbers, highly subjective and susceptible to appeasement or social politics related to ranking and sorting.  How many real life skills do we later keep giving letter grades to?  It is a school phenomenon that just reinforces stereotypes and prejudices.  </t>
  </si>
  <si>
    <t>Assuming that a student led conference in Feb. counts as one of the five reporting oportunities, this is the same as previous Expectations.  However During present Covid restrictions ( not allowing parents to enter inside the school )  it will be difficult to arrange for each child to pesent virtual</t>
  </si>
  <si>
    <t xml:space="preserve">Third year of implementation of the proficiency scale. </t>
  </si>
  <si>
    <t>Not teaching these grades.</t>
  </si>
  <si>
    <t>Students require more time to settle back into routine before plementimg teaching to prepare dtudents to understand the process of goal setting and core self assessments in terms 1 and 2.</t>
  </si>
  <si>
    <t>Goal setting is important for students self assessment but lack of in service teacher preparation and hasty delivery of this draft puts undue stress/ lack of in school time to develop</t>
  </si>
  <si>
    <t xml:space="preserve">Late announcement of proposals / draft without consultation with teachers both at the BC level and at the district level. Very little mention of this topic from school based committees nor Admin as to what choices are for our school. </t>
  </si>
  <si>
    <t>Never known any other way, so I can't say what I would prefer.
I feel bad for teachers as it isn't very organic and a lot of work.</t>
  </si>
  <si>
    <t xml:space="preserve">I currently use a digital platform and I feel like we are already meeting these requirements.. I report on a subject as we finish up a concept. </t>
  </si>
  <si>
    <t xml:space="preserve">I already use this scale in my digital reporting </t>
  </si>
  <si>
    <t>I don't teach this grade</t>
  </si>
  <si>
    <t>We talk about this often in class and this has been a goal for me to do this .</t>
  </si>
  <si>
    <t>Although I know teachers try this .. it is harder to accomplish in a primary classroom and having it as a must have is not necessary</t>
  </si>
  <si>
    <t xml:space="preserve">To report on all subject areas 5 times a year really adds to the work load of a teacher. </t>
  </si>
  <si>
    <t xml:space="preserve">Two formal written reports are enough  </t>
  </si>
  <si>
    <t>I wish the scale had at least one more level, between the 2 and 3.
I also think this new way of reporting is leading to underperforming by many of our students.</t>
  </si>
  <si>
    <t>That sounds like a large extra burden on me. I teach grade 6, they've just entered middle school, they barely even know how to think yet, and now I have to teach how to self-assess on top of all the other requirements. It feels onerous.</t>
  </si>
  <si>
    <t>Perhaps this could apply to high school, but as a requirement for middle school it's onerous. We already do SOME of these things, but not all, and definitely not all of them in their first year of middle school.</t>
  </si>
  <si>
    <t>The wording worries me, makes me think that all the present comments I make (which are considerable, and individual) will be not enough.</t>
  </si>
  <si>
    <t>We are given very little help with our diverse kids. Very little support, resources, or time. And now you want much extra work from me in attending to their differentiation and reporting on it??</t>
  </si>
  <si>
    <t xml:space="preserve">Report cards are a lot of work to complete outside of the teaching day. Many of my parents never read the reports. I prefer conferencing with parents. I also prefer having a standardized scale. </t>
  </si>
  <si>
    <t xml:space="preserve">My students currently do this. I like that they are involved in the reporting process. </t>
  </si>
  <si>
    <t xml:space="preserve">It is very difficult and very confusing for parents of children with unique needs to understand their child’s assessment if they are assessed with the same scale based on their IEP. I had a parent tell me their child was “fixed” when he went to grade 8 because he got letter grades. </t>
  </si>
  <si>
    <t>It is so difficult assessing all students for the first term. There are so many diverse needs. I feel that teachers need more time to get to know their learners. I would hate to have to do an interim report on a child that I do not fully know.</t>
  </si>
  <si>
    <t>This is a huge amount of descriptive reporting to be added to teachers' already huge workloads.</t>
  </si>
  <si>
    <t>Most teachers already include self-assessment in their practice, but mandating it adds another level of stress to what teachers are already doing and having to do while teaching their subjects.</t>
  </si>
  <si>
    <t>Again, most teachers already do this, but including this in the reporting - especially when one has over a hundred secondary students - increases the workload to unmanageable levels. We already do this in our classrooms and this adds another level of stress and micromanaging to a stressful job.</t>
  </si>
  <si>
    <t>Adding more levels to reporting and then increasing the frequency is a recipe for burnout for good teachers. We already do these things in our classroom - mandating them will be unmanageable.</t>
  </si>
  <si>
    <t>I feel this would benefit students by giving them more opportunities for self-reflection and improvement.</t>
  </si>
  <si>
    <t>I believe a grade (percentage or letter) is sometimes necessary. Clear is kind. Introducing letter grades in grade 10 doesn’t allow enough time for all students to calibrate to this way of grading and may result in negative outcomes for some applying for post secondary education.</t>
  </si>
  <si>
    <t>Yes! This is a valuable and important part of education. It’s critical that time is allotted for student reflection on progress toward these goals as well as setting them.</t>
  </si>
  <si>
    <t xml:space="preserve">It’s not clear what this policy means. Are student’s scores adjusted based on differences? Will gifted students be held to a higher standard and students with challenges be given grace? </t>
  </si>
  <si>
    <t>We need schools to prepare students for the real world and accurately, honestly communicating progress is essential to this end. Clear is kind.</t>
  </si>
  <si>
    <t>Class sizes are too big!! I tried this type reporting for grade 9s last year in our quarter system and am trying to implement with grade 10s this year. This is asking way too much! We need AI help here!!! Kids go in and out of learning math, how can we pin point competencies for 130 kids??</t>
  </si>
  <si>
    <t>Doesn’t prepare students for academic rigour but it’s a way to pass kids along.</t>
  </si>
  <si>
    <t>Consistency</t>
  </si>
  <si>
    <t>In recovering from pandemic effects on numeracy and literacy, 4 point is good but we need fewer students!! Half way through the semester switch to percents to have consistency. I think it’s unfair to expect teachers to convert 4 point to a percent for myed!!</t>
  </si>
  <si>
    <t>It’s not important to students or parents. The want a mark on content knowledge. Give us a form that kids fill out. Don’t have each teacher develop their own!!</t>
  </si>
  <si>
    <t>The ministry should provide a consistent document for teachers to use! We shouldn’t be creating this in isolation.</t>
  </si>
  <si>
    <t>What about kids taking on more responsibility? We have tech. Let’s use it.</t>
  </si>
  <si>
    <t>Smaller class sizes</t>
  </si>
  <si>
    <t>Difficult to manage this with large class sizes</t>
  </si>
  <si>
    <t xml:space="preserve">Unrealistic for kindergarten </t>
  </si>
  <si>
    <t>Those terms are not clear for parents</t>
  </si>
  <si>
    <t>Using smiley faces for 5 year olds is not authentic. We have to start somewhere but this is very challenging and time consuming</t>
  </si>
  <si>
    <t>As a long service teacher, I believe that 5 reporting periods over the year is overkill. I really don't want to spend all of my time outside of school hours writing reports, when I am already marking and planning. Additional prep time needs to be added if an increase of written reports is required.</t>
  </si>
  <si>
    <t>I no longer have children of my own in school and teach elementary</t>
  </si>
  <si>
    <t>the language of the Core Competencies is not something that my students understand...  Every time I want to do a core competency self assessment, I have to start at the beginning to describe what it means...  what we are connecting to ...  what project work or assignments we have done that connect</t>
  </si>
  <si>
    <t>Although this is something we regularly talk about...  my students' goals are very simplistic... they don't understand the big picture of why we set goals</t>
  </si>
  <si>
    <t xml:space="preserve">  as classroom teachers with anywhere from 20-30 learners in a  classroom, this inclusive assessment and reporting requires that teachers with no experience in special ed are basically being asked to write 20-30 IEPs per year while keeping up with assessments</t>
  </si>
  <si>
    <t>there isn't enough time in a day, let alone a school year to write 5 reports on each student per year</t>
  </si>
  <si>
    <t>I dont care for the proficiency testing/grading and esp for ones like mine where testing screws with their understanding as they freeze on tests.  And written reports can be skewed in how a teacher feels towards the student not always accurate portrayal of a child's abilities.</t>
  </si>
  <si>
    <t xml:space="preserve">Again the proficiency testing and grading is not accurate example of how they are doing.  Grades are preferable along with the scale and description are much more helpful </t>
  </si>
  <si>
    <t>Percentages and Grades let parents know where their children are at and while it may not be that child's star subject it gives parents an idea of areas that need help and support for that child along with the teachers little write ups parents often can see where the struggle stems.</t>
  </si>
  <si>
    <t>In addition to grades and small write ups this helps us all understand where a child could use more help</t>
  </si>
  <si>
    <t>It's OK but still feel it could skew things where children are hard on themselves but it may show where parents and teachers need to encourage and boost confidence so it's a toss up on how it will help reporting.</t>
  </si>
  <si>
    <t>Goals are great.  Not sure if this is required in the report but it is another way to see how a child feels too.</t>
  </si>
  <si>
    <t>I am not sure how this is changing? Is this not always the policy?  And not sure how this affects grades and reports when all students have always been given reports.  Those reports should have always been based on that child's work without bias.</t>
  </si>
  <si>
    <t>I feel proficiency scales and testing do not give an accurate explanation of where a child is at in the subject/course and where there is more of a need for help.</t>
  </si>
  <si>
    <t>I am already speaking with parents on a regular basis</t>
  </si>
  <si>
    <t>I'm not sure - turning everything into a 4 point scale does not really explain children's ability or potential</t>
  </si>
  <si>
    <t>grades do not show the struggle a child is having or has overcome</t>
  </si>
  <si>
    <t>does not show a child's struggle or improvement</t>
  </si>
  <si>
    <t>it makes student's more accountable for their grades</t>
  </si>
  <si>
    <t>students often choose inappropriate goals or non-accessible goals
once students choose a goal they often forget about it and never talk about it again, never mind work on it</t>
  </si>
  <si>
    <t>this is difficult to assess and grade!</t>
  </si>
  <si>
    <t>most of this list</t>
  </si>
  <si>
    <t>grading self assessment and diversity are impossible, goals are often abandon as soon as they are made, turning everything into a scale does not give accurate evaluations on student engagement and interest</t>
  </si>
  <si>
    <t>Length of document (teacher workload)</t>
  </si>
  <si>
    <t>The report is too long. I question how much of the hard work I put in to reporting is actually being read by parents. I am also concerned that in my district the expectations for reporting are much higher (wordier) than in others (ex. checklists) there is no consistency and I want to know why.</t>
  </si>
  <si>
    <t xml:space="preserve">Regular written updates help parents stay connected to their child's learning. Parents don't give as much weight to the informal learning updates as they do to the written ones. It's also important for the PSR when students transition between schools and districts.
</t>
  </si>
  <si>
    <t>better represents the learning of students - a letter grade is incredibly subjective. What's the real difference between 84% and 87% in terms of learning - yet it's the difference between a B and an A.  Parents and student ignore descriptive feedback that will further the student's learning when a l</t>
  </si>
  <si>
    <t>Letter grades are still incredibly subjective. There's little difference between 85% and 86% in terms of actual learning, yet it's the difference between an A and a B.  Students and parents don't heed descriptive feedback for further learning when there's a letter grade/percentage.</t>
  </si>
  <si>
    <t>At least the proficiency scale is there. However, it has less meaning when the more summative letter grade and percentage are part of the process.  Allows teachers to continue to use outdated assessment practices when the use of a proficiency scale is optional.  Assessment practices drive instructio</t>
  </si>
  <si>
    <t>Aligns with curriculum.</t>
  </si>
  <si>
    <t>Promotes inclusive practices for all students at all levels of our system.</t>
  </si>
  <si>
    <t>Eliminate letter grades and percentages for 10-12. Use proficiency scales for K-12.  Universities and colleges will adapt - many already have.</t>
  </si>
  <si>
    <t>Ideal is two written reports, including the end of year summary of learning. In-person/face-to-face/portfolio meetings are just as, if not more, valuable than written reports, and are great for establishing a dialogue around what the next course of action can be in the students learning.</t>
  </si>
  <si>
    <t>The language is useful, and aligns well with the core competencies. One concern is the use of this language in the form of a scale. The scale inevitably gets compared to letter grades. The scale should be more explicitly linked and tied to tools such as Bloom's Taxonomy.</t>
  </si>
  <si>
    <t>The Ministry should consult with Provincial Post-Sec institutions to develop a system where the four-point scale could be used for applying to post-sec. In cases of students going outside the province, the scale could be "converted" to letter grades, caveat that the scale is not equivalent to grades</t>
  </si>
  <si>
    <t>Teacher assessments vary as is. Creating too much homogeneity and "continuity" would stifle ways of reporting that align better with what teachers are doing in their classes.</t>
  </si>
  <si>
    <t>This works if we will begin to steer away from reporting on subjects. In favour of this if it means we see communications of learning showing progress in the core competencies INSTEAD OF the traditional subject areas. Not both.</t>
  </si>
  <si>
    <t>If this means teachers are given additional supports to meet with students individually and establish goals repeatedly throughout the year.</t>
  </si>
  <si>
    <t>In theory yes, we already do this with IEPs and Resource Teachers among other things. But because of short-staffing and failures to-fill we can't implement this, as we have inconsistent support.</t>
  </si>
  <si>
    <t>Ratio and limitations of the style of reporting.</t>
  </si>
  <si>
    <t>Most of the things work in the "average" classroom, but the plan leaves little flexibility for teachers working on the ground who are experimenting with core competencies and the other aspects of the curriculum; and for adapting reporting to the needs and desires of the communities we teach in.</t>
  </si>
  <si>
    <t>Constant communication that can be counted on between families and schools</t>
  </si>
  <si>
    <t xml:space="preserve">It defeats the purpose.  Proficiency scale is to replace letter grades.  Doing both is repetitive and more work.  Proficiency scale was originally introduced to have students focus on what they need to work on and what their strengths are so grades were not discussed.  It makes no sense to do both. </t>
  </si>
  <si>
    <t>See answer above....  defeats initial purpose of proficency scale.</t>
  </si>
  <si>
    <t>It can be quite repetitive and then students do not take it seriously.  Once each semester would be best.</t>
  </si>
  <si>
    <t>The new reporting policy lends itself to ongoing communication with parents that prioritizes student learning and progress, not just a "one and done" grade.</t>
  </si>
  <si>
    <t>We need to support and equip teachers in how to assess the curricular competencies using the proficiency scale. Also, I have always been curious about the word proficient. Our three other points are all ending in "-ing" indicating a continuum. Proficient doesn't lend itself to that in the same way</t>
  </si>
  <si>
    <t>Percentages defeats the purpose of the proficiency scale (ie learning). We need to be working with parents and universities on this. They need to be bringing back entrance exams perhaps which are actually suitable parts of the application process according to many measurement researchers</t>
  </si>
  <si>
    <t>I love the proficiency scale.. But... how do you go from a 4-point scale to a 100-point one? Will guidance be given. Seems like some students are going to miss out on university opportunities based on how their teachers conversion.</t>
  </si>
  <si>
    <t>Love this, we just need to make sure this is organically and authentically integrated. Students can't only be familiar with the core competencies 3 times a year (or during reporting periods) but throughout the year as suggested.</t>
  </si>
  <si>
    <t xml:space="preserve">Despite what the well-intentioned people who made this scale think, the removal of consequence for a lack of effort and/or lack of learning makes school meaningless. Students can do absolutely nothing in a course and be passed along because they are still 'emerging'. It doesn't work. </t>
  </si>
  <si>
    <t xml:space="preserve">This is how it should be. Leave it alone. </t>
  </si>
  <si>
    <t xml:space="preserve">There is literally no point to doing this unless you wish to deincentivize learners. Learners- real ones- want minimal standards for passing, they want percentages and they find the idea of a Proficiency scale to be ridiculous. Students laugh at this idea. Get real! </t>
  </si>
  <si>
    <t>I already use Self-Assessment.</t>
  </si>
  <si>
    <t xml:space="preserve">This and self-assessment of the course competencies should perhaps be done as part of a separate course wherein students learn about their learning. </t>
  </si>
  <si>
    <t xml:space="preserve">Remove the "Proficiency Scale' for Grade 8 and 9. At the very least remove it for Grade 9. You are dumbing everyone down with it. </t>
  </si>
  <si>
    <t xml:space="preserve">The "Proficiency Scale" in Grades 8/9 has been a disincentive to students. Don't even think of adding to older grades who think it is a "joke." Universities and colleges don't like it. Most parents I have talked to don't like it either. Standards are important, let's have some in schools please! </t>
  </si>
  <si>
    <t>5 reports over 10 months, allows schools to report out approximately every 2 months.</t>
  </si>
  <si>
    <t xml:space="preserve">Teachers and Parents have commented that this is a bit vague. </t>
  </si>
  <si>
    <t>By doing this, it devalues the work that we are doing in K-9. Letter Grades for the sake of getting into post secondary should not be our priority (those institutions should be adjusting their expectations based on what we are doing)</t>
  </si>
  <si>
    <t>This is why we are here! If students are to take responsibility of their learning, then self-reflection is key.</t>
  </si>
  <si>
    <t>Student ownership!</t>
  </si>
  <si>
    <t xml:space="preserve">If these aren’t given at grade 8 &amp; 9 then high school reporting inconsistent </t>
  </si>
  <si>
    <t>Already doing more than that</t>
  </si>
  <si>
    <t>Descriptive Feedback on reports</t>
  </si>
  <si>
    <t xml:space="preserve">From Page 3 "...in relation to the Learning Standards ... and Descriptive Feedback" I feel this will create an incredible amount of work for high school teachers who often have in surplus of 100 students to report on each semester. </t>
  </si>
  <si>
    <t>We are piloting 2 written reports, a mid-year and a summative final, with 3 other presentations of learning to be completed in the year. The presentations of learning can be written, student lead conferences, presentations of learning, or other opportunities. This has been well received by parents.</t>
  </si>
  <si>
    <t>It shows a growth mindset and allows for development over time.</t>
  </si>
  <si>
    <t>It is the need of universities.</t>
  </si>
  <si>
    <t>This would depend on the reporting design of this. Is this easy to manage? Is it meaningful to the STUDENT or just a task?</t>
  </si>
  <si>
    <t>2 written with 3 other progress points in a form of teacher/school choice has worked well and been well recieved.</t>
  </si>
  <si>
    <t>I don't mind the reporting periods/format. I hate the proficiency scale. It tells me nothing about how my child is doing in school. The fact that only Unicorns get Extending is ridiculous. Why even have that category???  This system does not prepare our children for the real world.</t>
  </si>
  <si>
    <t>I hate the proficiency scale. It tells me nothing about how my child is doing in school. The fact that only Unicorns get Extending is ridiculous. Why even have that category???  This system does not prepare our children for the real world. Kids can't even fail? What they learn is they can do nothing</t>
  </si>
  <si>
    <t>This will prepare them for University where they will get letter grades. Students know exactly where they stand next to their peers.</t>
  </si>
  <si>
    <t>Why do both? That would just be confusing. Honestly they should have letter grades right from Grade 4 just like before. My daughter gets excited about her mark on her spelling test. It is human nature.</t>
  </si>
  <si>
    <t>I'm OK with self-assessment. I think most teachers do this anyway. It promotes life-long learning.</t>
  </si>
  <si>
    <t>I think setting goals is important but I find kids get bored of doing it over and over again and often just tune it out.</t>
  </si>
  <si>
    <t>Special needs students should always be supported but I have found that many students are moved off this list year after year to save money.</t>
  </si>
  <si>
    <t>I am not a big fan of the proficiency scale. I think it promotes laziness in students. I understand that letter grades often affect Special Needs students detrimentally, so then don't give that portion of the student population letter grades??</t>
  </si>
  <si>
    <t>I teach 10-12 so the Proficiency scale is optional.</t>
  </si>
  <si>
    <t>This is the same as currently.</t>
  </si>
  <si>
    <t>I think students should be encouraged but not required to self-assess. This is difficult for some students with varying abilities and could result in time away from learning.</t>
  </si>
  <si>
    <t>I think students should be encouraged but not required to set goals. This can be difficult for some students with varying abilities, again resulting in time away from learning.</t>
  </si>
  <si>
    <t>In theory, this sounds great. However, working with students who have varying abilities has shown that requiring them to self-assess and set goals can be negative experiences for them and some of them will “shut down” in their interactions with their teacher. Flexibility is key.</t>
  </si>
  <si>
    <t>Timelines and requirement of student-generated content</t>
  </si>
  <si>
    <t>Flexibility is key. Feedback is already provided to students. Parents who are actively involved in their child’s education know where they are and what they are working toward. This id a duplication of teacher work.</t>
  </si>
  <si>
    <t xml:space="preserve">I would prefer letter grades. Don't sugar coat it with vocabulary. What does "emerging" mean? Passing? Failing? </t>
  </si>
  <si>
    <t>Letter grades for 1-12</t>
  </si>
  <si>
    <t xml:space="preserve">Focus should be on teachers communicating in more ongoing and timely ways using informal methods and creating digital portfolios for all students INSTEAD of on formal written reports. </t>
  </si>
  <si>
    <t>YES!  All schools need to be consistent. As a parent it is frustrating and confusing that my kids are using multiple scales and scale descriptors within the same school!!!  Teachers need common language around a single scale</t>
  </si>
  <si>
    <t>don't do both.. pick letters/percentages or proficiency, not both... we would not want to see correlation between them!</t>
  </si>
  <si>
    <t xml:space="preserve">Digital portfolios need to be mandated!!!!! They level the playing field for UDL by helping make learning and assessment more inclusive and equitable. </t>
  </si>
  <si>
    <t xml:space="preserve">Frequency - only because I'd like to see no formal written reports (only the year-end summary) and more focus on ongoing reporting/assessment using digital portfolios.  This is the only reporting/assessment practice that aligns with our amazing BC curriculum. </t>
  </si>
  <si>
    <t xml:space="preserve">Although the proficiency scale communicates the student's performance in each subject area, it is highly subjective and challenging to gauge the student's performance in an objective manner. This type of reporting would be better suited if provided alongside objective reporting of student progress. </t>
  </si>
  <si>
    <t xml:space="preserve">The performance level scale is very broad and we don’t get very much clarity on how our children are actually performing academically. </t>
  </si>
  <si>
    <t xml:space="preserve">I feel letter grades should be all the way through high school and elementary schools </t>
  </si>
  <si>
    <t xml:space="preserve">Letter grades are important </t>
  </si>
  <si>
    <t xml:space="preserve">I don’t feel they accurately assess themselves. It’s most likely a joke in older grades </t>
  </si>
  <si>
    <t>It’s good to set goals</t>
  </si>
  <si>
    <t>Letter grades for all intermediate elementary and high school</t>
  </si>
  <si>
    <t>Workload for reporting with current reporting systems and expectations is already labour intensive, especially with the stipulations imposed with new protocols and policies.Interim reports are similar in work load to full report cards.Some informal mandatory reporting would much be preferred instead</t>
  </si>
  <si>
    <t xml:space="preserve">Mandatory reporting on all subject areas for all written reports is tedious and unnecessary more than 2-3 times per year.   Quality informal reporting would be more communicative and better received by parents. </t>
  </si>
  <si>
    <t>Worklload</t>
  </si>
  <si>
    <t>To much ambiguity about the reporting with .."two of which must be written"...
All should delivered to the caregiver/parent in writing!</t>
  </si>
  <si>
    <t xml:space="preserve">Ambiguity again...as the child progresses through the grade levels more detail should be provided in order to allow the child to find the weak spots that can be improved upon and to see where they may be heading in terms of their grade levels and educational understanding and comprehension.
 </t>
  </si>
  <si>
    <t>This should occur at earlier grade levels...at grade 7 so the student has the ability to understand that he/she has a level of commitment to achieve that is more clearly defined</t>
  </si>
  <si>
    <t>This should be communicated to the caregiver/parent verbally with the teacher instead of diluting the letter grade.</t>
  </si>
  <si>
    <t>at the end of the day...or school year the onus is on the student to grasp the lessons and process the information delivered this places the responsibility squarely on the students shoulders where it should be</t>
  </si>
  <si>
    <t>As long as there is some knowledgeable direction and "coaching" provided from the teachers first hand in class experience with the student so the student is able to provide suitable goal setting</t>
  </si>
  <si>
    <t>let the cream rise to the top!...otherwise we will end up with a society full of dim wits due to a 'no one fails' policy!</t>
  </si>
  <si>
    <t>The interim reporting seems to be in different platforms, depending on the teacher (sometimes fresh grade, sometimes google classroom). Or maybe I have missed the memo from the teacher about where to look.</t>
  </si>
  <si>
    <t>We are used to this now. I have been told by a teacher that they very rarely (only once) use exceeding. That does not seem like good use of the scale</t>
  </si>
  <si>
    <t>I know letter grades and can relate, and like something consistent between schools and with a wider scale (A-F)</t>
  </si>
  <si>
    <t>Always good to self reflect</t>
  </si>
  <si>
    <t xml:space="preserve">Awesome </t>
  </si>
  <si>
    <t xml:space="preserve">Twice or 3 times is plenty, but ideally with a notification sent home about where to find it! </t>
  </si>
  <si>
    <t>terrible scale...way too subjective
needs a fifth or sixth scale or also just give us the percentage our kids are getting (for grades 7 and up)!!!!!!!!!!!!!!!!!!!!!</t>
  </si>
  <si>
    <t>relevant for college and university...they don't seem to be using a proficiency scale</t>
  </si>
  <si>
    <t>too subjective...scale needs to out of 5 or 6</t>
  </si>
  <si>
    <t>not enough discussion from teachers about proper goal setting</t>
  </si>
  <si>
    <t>haven't ever seen this on his report cards</t>
  </si>
  <si>
    <t>proficiency scale sucks...after grade 3/4 they need a better scale!!!!!!!!!!!!!!!!!!!!!!!!!!!!!!!!!!!!
its ok until grade 3</t>
  </si>
  <si>
    <t>I think it is reasonable in terms of frequency but exceedingly unreasonable and a dramatic waste of time in terms of content required.</t>
  </si>
  <si>
    <t>Parents like to know where there kids are in relation to expectations.</t>
  </si>
  <si>
    <t xml:space="preserve">Our elementary and highschools have terribly low expectations and kids are arriving in university unprepared. It is unacceptable. </t>
  </si>
  <si>
    <t>Teachers don't need more work. Whoever dreams up these policies sits behind a desk no where near a classroom, or they have so much release time they have no clue how terribly time consuming reporting already is.</t>
  </si>
  <si>
    <t xml:space="preserve">This can be like pulling teeth to get out of students, especially if it is meaningful. I have done this a lot and it can really take away from teaching time. It is sad. </t>
  </si>
  <si>
    <t>Hey, who thought it would be fun to revamp the reporting while teachers are already under the stress of teaching through a pandemic. Can we fire that person.</t>
  </si>
  <si>
    <t>That is just good practise.</t>
  </si>
  <si>
    <t>So time consuming at the elementary level. It does not impact their learning as much as the missed instruction time could.</t>
  </si>
  <si>
    <t>I do not feel that a 4-point system provides appropriate identification of my students current level. Too much variance in a 4 point system.</t>
  </si>
  <si>
    <t>Marks and percentages more accurately reflect my students progress and academic level.</t>
  </si>
  <si>
    <t>Like maker % grades not a 4 point system</t>
  </si>
  <si>
    <t>Although self refection is a positive skill, Performance should be evaluated by the instructor and then a conversation had with the student and parents if deficits or issues.</t>
  </si>
  <si>
    <t>I would prefer letter grades</t>
  </si>
  <si>
    <t>I think this would be great starting in grade 6</t>
  </si>
  <si>
    <t>Too much. In our town, we've been receiving several reports through the year as my daughter finishes projects. And there's been only one main summary at the end. This has been good. If parents have to read three written reports PLUS all the regular reports the teachers give, it's too much!</t>
  </si>
  <si>
    <t xml:space="preserve">This makes more sense. </t>
  </si>
  <si>
    <t>Again, it makes sense for kids to transition for post-secondary.</t>
  </si>
  <si>
    <t>For the last couple years, my girl's teachers have been arranging these. I like.</t>
  </si>
  <si>
    <t>TOO MUCH. Too much for parents to read...probably too much for teachers to do. I'd rather they spend their time teaching our kid rather than writing about it.</t>
  </si>
  <si>
    <t>1 conference in October/November
2 some "TADA" in November/December Formative and Summative 
3 more "TADA" in January/February with a Mid-year written report, 
4 more "TADA" in March/May Formative and Summative
5 the written summary at the end of the year. I DO NOT WANT ANY MORE WORK.</t>
  </si>
  <si>
    <t>I teach Grade 1.</t>
  </si>
  <si>
    <t>The number of reporting periods (5) does not make sense in a semester school. (2.5 reporting periods per semestered course)</t>
  </si>
  <si>
    <t xml:space="preserve">Description for extending makes it hard for a traditional "A" student to achieve in some subjects. IE: one can easily demonstrate higher level writing but not topic knowledge at a higher level unless specifically assessed. </t>
  </si>
  <si>
    <t>For students considering post secondary, they need more feedback than possible on a 4 point scale to accurately self-evaluate their strengths and weaknesses to form realistic future goals.</t>
  </si>
  <si>
    <t xml:space="preserve">The spirit of the proficiency scale is diminished in tandem with a letter grade or percentage. </t>
  </si>
  <si>
    <t>It is an important exercise for students but additional burden falls on teachers to administer. Difficult in some courses that are already tight on time.</t>
  </si>
  <si>
    <t>Good practice but may require considerable additional burden of administration and moderation for all students</t>
  </si>
  <si>
    <t>Some students are marks driven and 4 point scale and therefore improving levels of effort does and progress will not necessarily be reported in a higher bracket of proficiency. This demotivates them from putting in greater efforts in the future, making the gr10 transition exceedingly difficult.</t>
  </si>
  <si>
    <t xml:space="preserve">We currently do 5 reports through the school year, so this is not new. What is new is how we are reporting the info to parents. This has me concerned. </t>
  </si>
  <si>
    <t>I find parents liked approaching or fully meeting expectations clearer language. They seemed to prefer this language.</t>
  </si>
  <si>
    <t>Very clear where students are, especially for awards, etc. If proficient is all students have to strive for, then that's all they would do. Letter grades have more meaning, numbers have more meaning than say, developing on a report card.</t>
  </si>
  <si>
    <t>I think a letter grade says it all, why do they need to say they are proficient too or emerging if they are failing...employers don't look at this anyway. They look at what a worker usually produces, and so they have to meet employer expectations... satisfactory or not satisfactory</t>
  </si>
  <si>
    <t xml:space="preserve">5 and 6 year often think they are doing well. I ask students everyday how they think they did on an assignment compared to the model I showed them. They often say great, even though it is crap. Then I say, take a closer look, what do you notice. Then they say I could have done a better job. </t>
  </si>
  <si>
    <t xml:space="preserve"> So you want me to give 22 students a choice on what life cycle they want to inquire about and then supervise their research and writing while supporting students with ADD, ADHD, sensory processing disorders and suspected ASD. What classroom do you teach in? EA????</t>
  </si>
  <si>
    <t xml:space="preserve">At the grade one level, it is counter productive. I communicate to parents all the time what their child needs to work on based on my assessment, not their child's. I tell the child what they need to work on based on targets. But some of the competencies are dumb, like showing wonder and curiosity </t>
  </si>
  <si>
    <t>Not sure I get why both are being used at this point. Grades and percentages for these grades is sufficient.</t>
  </si>
  <si>
    <t xml:space="preserve">I think it’s important to teach accountability and ownership. I love this. </t>
  </si>
  <si>
    <t xml:space="preserve">Goal setting will carry throughout the students life. </t>
  </si>
  <si>
    <t xml:space="preserve">I don’t have children with disabilities so can’t comment. </t>
  </si>
  <si>
    <t xml:space="preserve">Leave it as grades and percentages only. </t>
  </si>
  <si>
    <t xml:space="preserve">Overall I’m very satisfied with the changes. 
I’m especially happy about the reporting by educators required within the first 25% of instructional time. The earlier any learning issues are found the better. 
</t>
  </si>
  <si>
    <t>I’m satisfied with the reports.</t>
  </si>
  <si>
    <t>We like to know.</t>
  </si>
  <si>
    <t>Love all the information we can get.</t>
  </si>
  <si>
    <t xml:space="preserve">Very good for them to evaluate themselves and strive to do better. </t>
  </si>
  <si>
    <t xml:space="preserve">Again, it is good for them to do better. </t>
  </si>
  <si>
    <t>very good</t>
  </si>
  <si>
    <t>For Grades 9 - 12, I do not understand why there has to be a so many written reports.  Or is this supposed to mean comments (what we have been doing?)</t>
  </si>
  <si>
    <t>For Grades 8 &amp; 9, students still convert their proficiency to a grade and compare.  I understand the need for more competency based assessment but students and parents are not satisfied with this system. Also, this scale does not address those that are "submerging" - not meeting expectations.</t>
  </si>
  <si>
    <t>I don't think Universities are going to change their requirements so we need to have this type of assessment.  I feel it will be more accurate than using proficiency language.  What one school thinks of as proficient may be very different from another school.</t>
  </si>
  <si>
    <t>I think it may be useful especially for those not persuing post secondary education.  For higher levels, I think it is adding more work for the teacher.</t>
  </si>
  <si>
    <t>I think it is good for students to self reflect.</t>
  </si>
  <si>
    <t>This is important for students (personal responsibility).  More difficult at the younger levels.</t>
  </si>
  <si>
    <t>Teachers are already under a lot of stress.  Adding more reporting does not benefit teacher, student, or parent.  If teachers are doing their job, they are connecting with those parents who have children that are struggling.  We don't need more reporting to address progress.</t>
  </si>
  <si>
    <t xml:space="preserve">Feedback is giving continuously with apps and programs.  Formal reporting period of four times year year is adequate.
</t>
  </si>
  <si>
    <t>With the proficiency scale, it does not appear that there is an opportunity for a grade 9 student to be held back to cover material that they do not understand.  Without basic understanding at the grade 9 level, students are set up for failure in their grade 10, 11 and 12 years.</t>
  </si>
  <si>
    <t xml:space="preserve">When students are applying for universities and beyond, a method is required to determine the level of skill students have in particular fields.  A "proficient" doesn't carry enough detail.
</t>
  </si>
  <si>
    <t>It could be used in tandem with grades but not on its own.</t>
  </si>
  <si>
    <t>IE replacing I</t>
  </si>
  <si>
    <t xml:space="preserve">"When an IE is assigned, teachers will need to develop a plan to support students in meeting Learning Standards."
As a teacher, I have given numerous opportunities for students to meet the learning standards.  Now I have to make up more?  Doesn't seem fair or make sense.
</t>
  </si>
  <si>
    <t>At least for grades K-7 I believe they could use the proficiency scale. It's a lot less harsh for the younger kids</t>
  </si>
  <si>
    <t>Older students need letter grades and percentages to know what they're at. Once we go to college or university, we won't be getting proficiency scales to tell us we're emerging. You would just fail.</t>
  </si>
  <si>
    <t>As a grade 11 student, I would not like the proficiency scale. Once I go to college or university to become a doctor, they won't tell me I'm emerging, they'll tell me I can't be a doctor. The proficiency scale is a way of milking it. In the real world, you either do it or you fail</t>
  </si>
  <si>
    <t>As a student, I don't want to tell the teacher what grade I deserve. If they think I do the work well, then they'll give me good marks. Core competencies for grade 1-3 would be fine, but not in highschool</t>
  </si>
  <si>
    <t>I make goals, but I believe we shouldn't have to share them with other people.</t>
  </si>
  <si>
    <t xml:space="preserve">That's already occurring and encouraged from teachers </t>
  </si>
  <si>
    <t xml:space="preserve">Neutral </t>
  </si>
  <si>
    <t>I agree with using the proficiency scale for the younger grades such as K-7, but grade 8 and 9 should be able to see their exact grade so that they know how to improve better for grade 10+</t>
  </si>
  <si>
    <t xml:space="preserve">As the context says, letter grades and percentages are required for post-secondary institutions. </t>
  </si>
  <si>
    <t>As a student in grade 11, I know that letter grades and percentages are very useful. We have no need for the proficiency scale as it feels like we are being treated like babies and not like the young adults we are. Letter grades and percentages help us to see how we can grow. Not words.</t>
  </si>
  <si>
    <t xml:space="preserve">We know how we are doing in our classes and I feel it’s unnecessary to be graded on how we think about ourselves. </t>
  </si>
  <si>
    <t>I have had to share my goal setting in classes in the past and it honestly makes me uncomfortable. I have goals that I know and I don’t feel comfortable sharing them with my teachers as well as my class. People like to judge, so I’d rather keep my goals to myself.</t>
  </si>
  <si>
    <t>That’s already occurring at schools.</t>
  </si>
  <si>
    <t xml:space="preserve">Why?
Why would someone need more than one report?
If the parents want to know something, they can just as easily email the teacher for information. But for the parents and kids who don't need it, it's just a waste of time! </t>
  </si>
  <si>
    <t xml:space="preserve">Every kid learns differently. There is no one size fits all plan. But asking the kid to write their own report cards is the wrong way to go. Make it optional, at least! I don't want to argue with my math teacher about a 90 or a 91; I don't want to write a whole report on that! </t>
  </si>
  <si>
    <t>There's a reason universities look for letter grades and not your 'Emerging, Developing, Proficient, and Extending' scale. Take a hint, please!</t>
  </si>
  <si>
    <t>Honestly, I doubt any kid really cares about the 'Emerging, Developing, Proficient, and Extending' scale anyways. When they go home, their parents just go like 'Did you get an A' and the kid's like, 'no but I got extending', and the parent is like 'what the haeil you say? i said, did you get an A?!'</t>
  </si>
  <si>
    <t>DON'T SAY REQUIRE.
At times, the kid might want to speak up and say they want a better mark. They might want to prove themself capable. But other times, THEY SIMPLY WANT TO PASS THE COURSE! NO KINDERGARTENER WILL CARE IF THEY GET AN EXTENDING OR A PROFICIENT AND WANT TO WRITE A WHOLE ESSAY ON IT</t>
  </si>
  <si>
    <t xml:space="preserve">People who have goals will know how to set them, and people who don't have goals won't care about it. We're tired of being taught how to make SMART goals every year; its absolutely useless. </t>
  </si>
  <si>
    <t>We'll see how this goes.</t>
  </si>
  <si>
    <t>Actually, I would've selected all of them, except for the diversity and letter grades one. NO ONE WANTS A PROFICIENCY SCALE; NO ONE WANTS GOAL SETTING, AND VERY FEW PEOPLE WANT SELF ASSESSMENT!!!!!!!!!!!!!!!!!1</t>
  </si>
  <si>
    <t>It is ok for k-9 because grades are not greatly importsant</t>
  </si>
  <si>
    <t xml:space="preserve">Because I like to know exactly where I am rather than just a brief summary. </t>
  </si>
  <si>
    <t>It is not fair that I could work so much harder than a student and we both get proficient. I want to know exactly how I am doing in a class.</t>
  </si>
  <si>
    <t xml:space="preserve">it does not prepare us students at all for college or university, which is so important. the scale is basically used to soften the blow of a letter grade which is absolutely not what we need. we need constructive criticism and letter grades. something that will actually be useful to us in college. </t>
  </si>
  <si>
    <t>i think school is much less stressful when we have less tests and quizzes. majority of students have extra curriculars and work. our mental health is not being considered.</t>
  </si>
  <si>
    <t xml:space="preserve">the proficiency scale is stupid and gives back inaccurate grades </t>
  </si>
  <si>
    <t>there is absolutely no reason to use the scale if we are also getting percentages. it is just more unnecessary work for teachers.</t>
  </si>
  <si>
    <t>waste of time for teachers. none of the students want this. i am going to be going into grade 12 and this is not fair for any of us.</t>
  </si>
  <si>
    <t xml:space="preserve">why in the world should we have to take a personal test. this should be assessed throughout the year by your teacher. i think that is a waste of time. </t>
  </si>
  <si>
    <t xml:space="preserve">there is no need to change anything. people who have learning disabilities already get the extra help if they need it. </t>
  </si>
  <si>
    <t xml:space="preserve">KEEP THE PERCENTAGES AND LETTER GRADES ONLY. we have been doing just fine for years and years without this. i have not met a single soul who wants the proficiency scale. </t>
  </si>
  <si>
    <t>This scale does not provide adequate information to parents on their child's learning. It is very vague.</t>
  </si>
  <si>
    <t>It will be difficult for parents and students to transition from "anecdotal" to letter grade report cards. Where does "emerging" etc. fit within the letter grade system?</t>
  </si>
  <si>
    <t>I do not find the proficiency scale useful for students or parents. Not enough information is provided using this scale.</t>
  </si>
  <si>
    <t xml:space="preserve">This is an incredible increase in self-assessment for students. It is especially difficult to have students complete self-assessments in the early years. To self-assess at the beginning of the year is not helpful for students especially in areas where K-8 are in Core Classes and not semestered. </t>
  </si>
  <si>
    <t>Students in early primary grades require much support for self-assessments and goal setting. This places a huge burden on teachers who are trying to get to know students and target literacy and numeracy skills. Setting goals K-3 at the beginning of the year is not helpful to students/parents/teacher</t>
  </si>
  <si>
    <t xml:space="preserve">While some students on IEPs may be able to manage self-assessments and goal setting, there are others who cannot. Reporting on all areas for some students on IEPs could be a deterrent to learning when students/parents see what the child is not doing in class. Reporting on IEP goals is supportive  </t>
  </si>
  <si>
    <t>The proficiency scale doesn’t help me want to improve my grades at all, getting percentages helps me see where I at better and helps me understand the subject requirements.</t>
  </si>
  <si>
    <t xml:space="preserve">Letter grades are far more easier to
understand and work with then a scale. </t>
  </si>
  <si>
    <t xml:space="preserve">The proficiency scale doesn’t help me or my classmates understand our grade requirements. </t>
  </si>
  <si>
    <t xml:space="preserve">I don’t like grading myself. </t>
  </si>
  <si>
    <t xml:space="preserve">5 reporting periods a year provides sufficient time between reporting periods to collect evidence of student learning. Any more reporting periods would not allow students enought time to demonstrate growth as a learner. </t>
  </si>
  <si>
    <t xml:space="preserve">The descriptors/criteria for each point on the scale are not meaningful to parents. Also, descriptors are too broad to be meaningful and allow for a multiple understanding/interpretations between education professionals. Descriptors are not specific enough for each course/grade to provide guidance. </t>
  </si>
  <si>
    <t xml:space="preserve">Percentages and letter grades at all grade levels are a commonly understood by all those involved in supporting a student's education (parents, teachers, administrators, student support services, universities), including the student themselves. </t>
  </si>
  <si>
    <t xml:space="preserve">The 4 point scale is not useful. Teacher generated descriptive feedback better reflects each classroom's unique learning outcomes and focus. Teacher generated language is more student friendly and specific to each student. </t>
  </si>
  <si>
    <t xml:space="preserve">current student support services MUST remain in place - case workers to write IEPs, LA rooms, Alt Ed programs, SLR programs etc. All of these programs allow the public education system to recognize and respect individual students needs. Without them, students will be left behind. </t>
  </si>
  <si>
    <t>i think it’s a good amount</t>
  </si>
  <si>
    <t>it makes it hard to succeed and appeal to universities</t>
  </si>
  <si>
    <t>it makes hard work pay off</t>
  </si>
  <si>
    <t>it makes it so that it doesn’t matter how hard you try</t>
  </si>
  <si>
    <t>i think that we should have a mix of self marked and teacher marked work</t>
  </si>
  <si>
    <t>i think it’s okay</t>
  </si>
  <si>
    <t>could be better</t>
  </si>
  <si>
    <t>it’s better for grade 10-12 students</t>
  </si>
  <si>
    <t xml:space="preserve">Its a lot of extra work with no extra time to complete it.  </t>
  </si>
  <si>
    <t>This strategy is great!  The problem being that implementing it with older teachers is not easy to do and plus, no time to do it unless we do it on our own time.</t>
  </si>
  <si>
    <t>We need to implement all grades not just K-9 with the changes.</t>
  </si>
  <si>
    <t xml:space="preserve">If they happen at all grades then I'm ok to consider using the new scale
</t>
  </si>
  <si>
    <t>already do it</t>
  </si>
  <si>
    <t>No extra time to do this</t>
  </si>
  <si>
    <t>No Extra time to do this</t>
  </si>
  <si>
    <t>You continue to put work onto teacher's shoulders, resulting in burnout. The large amount of writing teachers need to do doesn't necessarily lead to parent understanding. The amount of time needed to write the report cards translates to roughly 60 minutes per student, and with a class of 29 students</t>
  </si>
  <si>
    <t>The proficiency index confuses parents who understand letter grades. There is also no place to evaluate effort since it was removed from current reporting. We should be more interested in students effort and engagement rather than overall ability</t>
  </si>
  <si>
    <t>Another activity where teachers are going to stress about those students who struggle with output. Students who struggle will not be able to complete this, requiring teachers to take valuable curricular time to help students write these</t>
  </si>
  <si>
    <t>I already do this with my students as a means of reflecting on the core competencies, but requiring a formal inclusion of this in reports just adds on to the teacher's workload.</t>
  </si>
  <si>
    <t>The expectations for reporting for elementary teachers is so much more than high school. I have to generate my own comments, unlike high school which can pull from a comment bank. We need to write 3 sets of reports for each student, generating all new comments each term. High school clicks and drops</t>
  </si>
  <si>
    <t>gives updates at good times</t>
  </si>
  <si>
    <t xml:space="preserve">does not give a specific point of where you are in the course in your understanding
</t>
  </si>
  <si>
    <t>lets you know exactly where you are</t>
  </si>
  <si>
    <t>extremely hard to judge if you are doing well and fully understanding something or not</t>
  </si>
  <si>
    <t xml:space="preserve">kids who need help should be able to achieve that while not feeling alienated </t>
  </si>
  <si>
    <t>i hate the proficiency scale</t>
  </si>
  <si>
    <t xml:space="preserve">5 report cards a year is a reasonable number, but changing their name seems pointless. Also, they should have a comment, but they shouldn't be entirely written reports. I'd like to see how well I'm doing in the class represented by a number, and then see a comment explaining why I got that number. </t>
  </si>
  <si>
    <t>This is idiocy. It is merely a 4-point scale, but A, B, C, and F are replaced by E, P, D, and also E? It does not tell you any more about how well you have done, and it is arguably even vaguer than the previous system.</t>
  </si>
  <si>
    <t>At least I'm safe.</t>
  </si>
  <si>
    <t>I do not believe that assessment continuity is important. I personally have had none of it over the past couple years, with pretty much every class having a different way of assessing me. The Provincial Proficiency Scale doesn't tell me anything I don't know from a letter grade.</t>
  </si>
  <si>
    <t xml:space="preserve">I don't care how well I think I did, and a student's self-evaluations never actually decide what mark they get. Self-evaluations are just a waste of time. </t>
  </si>
  <si>
    <t>I don't have a strong opinion on this one. Teachers should encourage students to set and work toward their goals.</t>
  </si>
  <si>
    <t>I fully support the ideas behind this, but I am unsure what the execution will look like due to how vague the statement is. In practice, bad results can stem from good ideas such as this - my district canceled the honors program in the name of inclusion.</t>
  </si>
  <si>
    <t>It was close, I also strongly dislike the Provincial Proficiency Scale as a requirement in Grades K-9 reporting.</t>
  </si>
  <si>
    <t>don’t test us unnecessarily!</t>
  </si>
  <si>
    <t>It feels a bit unfair getting tested like that and rated at a school. to see the teachers skills shouldn’t be made our issue.</t>
  </si>
  <si>
    <t>grades are normal. we can understand them</t>
  </si>
  <si>
    <t>That’s fine</t>
  </si>
  <si>
    <t>A good thing for us to practice and have as a skill in the future.</t>
  </si>
  <si>
    <t xml:space="preserve">important </t>
  </si>
  <si>
    <t>i dont really know what it is</t>
  </si>
  <si>
    <t xml:space="preserve">its very confusing </t>
  </si>
  <si>
    <t>it should be 8-12 that get percents and letter grades</t>
  </si>
  <si>
    <t xml:space="preserve">This is a lot more work added onto an already overpacked schedule which is unfair to us and the learning of students. Starting September, after Christmas, and spring break … I find I’m focusing on routines again. September is spent building relationships. Then learning occurs. 
</t>
  </si>
  <si>
    <t xml:space="preserve">Already done </t>
  </si>
  <si>
    <t xml:space="preserve">Already done, but in my own way of incorporating
</t>
  </si>
  <si>
    <t xml:space="preserve">Done already in my own way </t>
  </si>
  <si>
    <t xml:space="preserve">I feel the reporting is fine the way it is for K-5, please leave it. 
If you’re changing something, provide material that’s consistent </t>
  </si>
  <si>
    <t xml:space="preserve">What is the difference in this from what we have done in the past? If we are changing to meet the needs of today and the new bc curriculum then why have 3 set report cards and two informal reports, why is this not ongoing and timely? </t>
  </si>
  <si>
    <t>This is confusing and unclear for all!!! One teacher will use it one way and another will have a different view of the same scale. High school teachers treat it the same as the old A B C scale while others don't.  In elementary it is similar. Stick with 1234, abc.</t>
  </si>
  <si>
    <t>it is more consistent and students know they can fail!!!</t>
  </si>
  <si>
    <t>Again it is subjective!</t>
  </si>
  <si>
    <t xml:space="preserve">Student self-assessment is useless. Children don't care and it serves no purpose in the younger grades, they don't get it and don't have an understanding of the passage of time anyway. </t>
  </si>
  <si>
    <t xml:space="preserve">Waste of time. Children either do or don't, why use valuable learning to set long-term goals nobody cares about. </t>
  </si>
  <si>
    <t>I would choose most of the above.</t>
  </si>
  <si>
    <t>Teachers should be connecting with parents at the end of each quarter, however I only have my students for a semester. How can I write a summary of learning report that fully encompasses their learning and development of skills regarding the core competencies if they are no longer my student?</t>
  </si>
  <si>
    <t xml:space="preserve">It is important for students to know what they are doing well, where they can improve, and traditional letter grades and percentages do not do this. </t>
  </si>
  <si>
    <t>While I understand that this is to satisfy post secondary institutions, the transition to grades and percentages after grade 9 causes extreme anxiety for students. It also prevents meaningful learning and self-reflection of students because they are now defined by a number.</t>
  </si>
  <si>
    <t>While I am personally very satisfied, I already use standards-based marking and then convert their final mark into a letter grade/percentage in order to meet the current reporting requirements. Many of my colleagues will be unable to make this change effectively for their students without support.</t>
  </si>
  <si>
    <t>I already do this in my own teaching and if it is going to be a part of the curriculum, it should be present. I do worry that this is not the time to implement this as many students are still struggling with anxiety, etc. as a result of pandemic.</t>
  </si>
  <si>
    <t>How is this going to be monitored and what evidence will students need to provide? This cannot be yet another thing that gets passed along teachers. Those of us that believe in personalized learning are drowning in the amount of work and lack of prep time as it is.</t>
  </si>
  <si>
    <t>We already do this for students with disabilities and diverse needs and many of us have multiple methods of assessment (so daily "check-ins", projects, inquiry, quizzes, and tests to provide formal and informal assessment on a regular basis). How would the ministry define "inclusive"?</t>
  </si>
  <si>
    <t>The proposal includes the need to provide examples of student work. I can have up to 120 students in a semester, which makes this an impossible task for me to do effectively. Additionally, I already email multiple progress reports home in addition to end of quarter comments. I will maybe hear back from two or three parents in response to my communication about their students' progress. It should be a parent's responsibility to ask their child how they are doing and what they are doing in school and this move to provide discrete examples of work in addition to a comprehensive, detailed report will not support student learning or those parents that are unresponsive.</t>
  </si>
  <si>
    <t>I was unable to provide my full rationale, so please see my response in "other" above.</t>
  </si>
  <si>
    <t xml:space="preserve">Would like to add the option, instead of 2 ‘informal’ reporting events, that an ongoing digital portfolio of learning that is accessible to parents be acceptable. This option will promote the value if authentic ongoing sharing of learning with families. </t>
  </si>
  <si>
    <t xml:space="preserve">Wonderful!  Focus on learning and growth instead of grades. </t>
  </si>
  <si>
    <t>There must be consistency for students applying to universities in BC as well as other provinces and countries</t>
  </si>
  <si>
    <t xml:space="preserve">This will create inconsistencies across classes schools and districts. In grades where marks are used for university admission there has to be consistency in assessment and reporting practices across the province. </t>
  </si>
  <si>
    <t xml:space="preserve">With young students amd additional language learners  this work is mostly oral. It will take a lot of class time to produce a document to use for reporting. This work can make it o et done for students and be counter productive. It can be detrimental to the intended reflection. </t>
  </si>
  <si>
    <t>Developmentally this is a lot for younger students and those with diverse needs and alls. In primary it would seem more developmentally appropriate to have one learning or development goal and add in older grades</t>
  </si>
  <si>
    <t xml:space="preserve">I am confused by this. Diverse needs require diverse assessment practices. Responding to individual needs means differentiating assessment methods for individual students. </t>
  </si>
  <si>
    <t>I don’t feel the scope of this  is developmentally appropriate for primary grades</t>
  </si>
  <si>
    <t>i don’t think that the proficiency scale is a good idea for grades 9 and up</t>
  </si>
  <si>
    <t>Because i want to go to school in America and its gonna make things complicated to get in to a university.</t>
  </si>
  <si>
    <t>Gonna complicate things to get into universities that arnt framilar with this scale</t>
  </si>
  <si>
    <t>I don't need to asses myself if it doesn't affect my grade</t>
  </si>
  <si>
    <t xml:space="preserve">Just complicates things i come to school to get an education not waste my time setting goals that i make up </t>
  </si>
  <si>
    <t xml:space="preserve">I want letter grades and % </t>
  </si>
  <si>
    <t>we like letter grades and percentages</t>
  </si>
  <si>
    <t xml:space="preserve">we like grades and percentages </t>
  </si>
  <si>
    <t xml:space="preserve">we like letter grades and percentages </t>
  </si>
  <si>
    <t>Don’t want it</t>
  </si>
  <si>
    <t xml:space="preserve">We don’t want it because it’s inaccurate </t>
  </si>
  <si>
    <t>I like letter and number grades better than the proficiency scale it makes me work harder and better to get that grade</t>
  </si>
  <si>
    <t>The letter and number grades make me work harder</t>
  </si>
  <si>
    <t>bro i ain’t writing all that</t>
  </si>
  <si>
    <t xml:space="preserve">do normal grades like A, B, C, F </t>
  </si>
  <si>
    <t>good word i agree</t>
  </si>
  <si>
    <t>no scale just letter grade</t>
  </si>
  <si>
    <t>i suppose that can work</t>
  </si>
  <si>
    <t xml:space="preserve">no opinion </t>
  </si>
  <si>
    <t>letter grades all the way through school is too easy now adays</t>
  </si>
  <si>
    <t xml:space="preserve">A summary of learning for the year is redundant. Summaries of prior terms have already been reported. This minimizes the importance of the final term which is the culmination of the learning that has already been reported. </t>
  </si>
  <si>
    <t>Great!</t>
  </si>
  <si>
    <t>Assessment using scales and «binning » to convert to letter and % to report, is not equivalent to a mark using % for assessment. Eg proficient=B, extending=A vs 90% on test =A  even with proficient understanding. For university admissions we MUST have consistent assessment in these grades</t>
  </si>
  <si>
    <t>Goal setting is important in encouraging student ownership in learning. Including progress on these goals in reporting is counterproductive and discourages student ownership</t>
  </si>
  <si>
    <t xml:space="preserve">I sometimes need  to provide different assessment options for different students.  All my practices can not be the right for for all my learners. </t>
  </si>
  <si>
    <t xml:space="preserve">While we figure out what this looks like, real students will be having their chances of university acceptance jeopardized. The practice of “binning and converting”proficiency to a letter &amp;% for reporting purposes leads to different criteria.  There must be consistency in practices in these grades. </t>
  </si>
  <si>
    <t>Me and my children have discussed it and we find it a lot easier with the ABC system so they actually know where they’re sitting and if they have to redo the greater stay in the same grade type deal or work harder</t>
  </si>
  <si>
    <t>I think it gives the kids a chance to make goals and work harder instead of the teachers doing it themselves</t>
  </si>
  <si>
    <t xml:space="preserve">Grade 9 is high school. Students should not be getting two different reporting types at the high school level. </t>
  </si>
  <si>
    <t>Not enough time to do this in each individual course. Should be more cross curricular</t>
  </si>
  <si>
    <t>Already report on this and should have individual choice</t>
  </si>
  <si>
    <t>Grade 9 should be with grades 10-12 for consistency</t>
  </si>
  <si>
    <t>The number of reports is not an issue currently. I feel like there is a sufficient number of reports</t>
  </si>
  <si>
    <t xml:space="preserve">I don't particularly like to wording on the four point scale. It's not always clear to parents what emerging or extending means. </t>
  </si>
  <si>
    <t xml:space="preserve">Letter grades are important for university applications. </t>
  </si>
  <si>
    <t>I don't think it's needed, if the students are receiving their marks. Maybe the feedback could be improved, but not necessarily in proficiency scales.</t>
  </si>
  <si>
    <t>I'm a strong supporter of student self assessment being included in the reports, but find the core competencies not very accessible in terms of language and understanding. It is very difficult for students to accurately understand what they are assessing. More support materials, and samples needed.</t>
  </si>
  <si>
    <t xml:space="preserve">Very challenging to fit this into regular teaching time. I have tried to teach goal setting, and it's developmentally a difficult concept to grasp. </t>
  </si>
  <si>
    <t xml:space="preserve">I value accurate assessment that reflects individual learning styles. </t>
  </si>
  <si>
    <t xml:space="preserve">Goal setting in a classroom setting often seems unauthentic and is very challenging to teach and support. </t>
  </si>
  <si>
    <t xml:space="preserve">Reporting is non existent in the context of how my child is doing.  Pictures of my child running in the gym or pictures of his or her artwork does not tell me anything on how my child is doing as an assessment of where they should be in their grade level.  </t>
  </si>
  <si>
    <t>Proficiency scale is SOOOO watered down - it is meaningless</t>
  </si>
  <si>
    <t>It is good to get some context - and preps the kids for post secondary.</t>
  </si>
  <si>
    <t>The real world has us pitted against each other for jobs and entrance into post secondary.  The students need to learn how to do better compared to the norm.  Mark them more!!</t>
  </si>
  <si>
    <t>K-7 children are not going to know what goals to set - and how are parents supposed to know appropriate goals.  No repercussions if the teacher doesn't meet the goals.</t>
  </si>
  <si>
    <t>letter grades and % grade 6 and up</t>
  </si>
  <si>
    <t>What is the difference in reporting periods for linear and semester?  Are they the same or do school on semesters report double?  My major concern is the written reports.  When will that get done?  It is very time consuming with more and more demands placed on teachers.  Something has to give.</t>
  </si>
  <si>
    <t xml:space="preserve"> - The scale is too small.  Most people will see this scale as 25,50, 75, 100%  (It's still a number which is really not changing the current system at all.)  Just because you call it emerging, doesn't mean that everyone doesn't know it means you can't do it.  It's the same information as before.  </t>
  </si>
  <si>
    <t xml:space="preserve">I am extremely satisfied that letter grades are being kept in 10-12. however, what is the purpose of taking away 8-9.  Our school is 8-12.  Now you have 2 different reporting systems.  What is the point?  </t>
  </si>
  <si>
    <t>It's fine as long as it's optional, but it kind of takes away from the whole k-12 reporting system.  It's not the same, which I thought was one of the purposes of this idea.</t>
  </si>
  <si>
    <t xml:space="preserve">Although I like the concept in theory, older students do no buy in.  They do not see the purpose and because it doesn't count for marks, they do not put effort into it.  </t>
  </si>
  <si>
    <t>Again, in theory it's a good idea.  When you have a bunch of 13 year olds in front of you...try get them to take that seriously.  It's also very time consuming which takes away instructional time.</t>
  </si>
  <si>
    <t>This is pretty unclear what this will look like.  If support systems/programs are taken away from these students, it will be detrimental.  A teacher does not have the time to work one on one with any student for more than a few minutes in the classroom.  Will everyone graduate regular then?</t>
  </si>
  <si>
    <t>Reporting on a 1-4 scale gives less information to parents, not more.</t>
  </si>
  <si>
    <t>it is useless and a waste of time because my parents are illiterate and don't know how to read so I am the one who tells them my grades. it is also useless because it is a waste of the teachers time and effort.</t>
  </si>
  <si>
    <t>it is making the students believe they cannot fail and thus they are not putting any effort in their classes. the elementary school system is not tough for the intermediate grades and the proficiency scale is not accurate of the students learning. the grade 8's think that high school easy.</t>
  </si>
  <si>
    <t>I am happy with the letter grades; however, they should be used for all of high school. it is just a waste of time of doing both and it is gaslighting the students because if they got a 32% they could just tell their parents they got "emerging" because that is so much better for the student.</t>
  </si>
  <si>
    <t>it is a waste of the teachers time as stated before. also, what is the point of doing both. so i guess the government is just on a roll with myed and the proficiency scale being introduced to high school.</t>
  </si>
  <si>
    <t>i have never done and have no desire to do it. the student is most likely already aware of their strengths and weaknesses. once again, it is just a waste of time which could be used for useful assignments.</t>
  </si>
  <si>
    <t>no one likes goal setting. I thought i would only doing goal setting in career education because that would be the most logical thing to do. also these sentences are very brief because this application only lets me type a very low number of characters. thanks.</t>
  </si>
  <si>
    <t>we are not in a time period or environment where racisim and discriminatio is "normal". this education system has always been inclusive and helping towards others while I have been in it. I am also a person of color so I know first hand. my father experienced first hand racism while he was in school</t>
  </si>
  <si>
    <t>it is stupid</t>
  </si>
  <si>
    <t xml:space="preserve">no leverage in the categories makes it hard to understand where students can improve/how close they are to fitting the next category </t>
  </si>
  <si>
    <t>very easy to understand, standard grading system that gives enough wiggle room and knowledge for students to have about where they are sitting in the class.</t>
  </si>
  <si>
    <t>same as my other answer regarding proficiency scale</t>
  </si>
  <si>
    <t>diversity drives change, change drives progress</t>
  </si>
  <si>
    <t>Frequency might be adequate if the reports were adequate</t>
  </si>
  <si>
    <t>Mark as a percentage. Show GPA</t>
  </si>
  <si>
    <t>Useful, straight-forward. Reflects the real world.</t>
  </si>
  <si>
    <t>Reflection fosters growth</t>
  </si>
  <si>
    <t>Nothing is achieved without goals</t>
  </si>
  <si>
    <t>May not be possible to respond to all individual's needs specifically. My child has special needs and I want to know how he compares to those that don't.</t>
  </si>
  <si>
    <t xml:space="preserve">The number of reporting events doesn't matter if teachers are not given adequate time to write them.  Inadequate time for reports then leads to less informative, personalized and effective reporting, which then communicates very little to parents and students.  </t>
  </si>
  <si>
    <t>Again, unless there is time built into the teachers' workload to work on effective communication of student learning, it doesn't matter what scales/measures, rubrics students are being assessed through or against.  In fact, the definitions for each of the 4 scalepoints needs to be agreed upon and co</t>
  </si>
  <si>
    <t>What is the point of reporting with both letter grades/percentages and proficiency scales?  Students and parents will fall back on what is known and familiar to them which for most is percentages.  Doing both is redundant and just adds another task for teachers to complete.  Is MyEd even able to rep</t>
  </si>
  <si>
    <t>Again, need more time to develop materials and assessments for students of diverse abilities</t>
  </si>
  <si>
    <t>Meaningful communication of learning requires thoughtful and continuous reflection of student learning.  Teachers are constantly being asked to do more with inadequate time and funding. There is very little time for teachers to report as it, any prospective changes need to have an appropriate amount</t>
  </si>
  <si>
    <t xml:space="preserve">There seem to be enough to keep parents aware of how their children are doing without overwhelming
</t>
  </si>
  <si>
    <t>In my opinion, grade 10 is too late to realize, as a student, how you are doing in regards for what you need for university. By then the study habits or lack of study habits are entrenched and difficult to change.</t>
  </si>
  <si>
    <t>Please keep letter grades and percentages for the upper grades if not all the grades. I find it extremely difficult to understand how my children are doing under the current 4 point descriptive feedback scale.</t>
  </si>
  <si>
    <t>I think if we keep the grade scale for grades 8-12, we don't need the 4 point scale. I believe the grade scale is more clear.</t>
  </si>
  <si>
    <t>I don't find a lot comes from this self-reporting but maybe I need to take another look at it.</t>
  </si>
  <si>
    <t>Goals are always good as long as they are followed up on.</t>
  </si>
  <si>
    <t>Everything about Public schools should be inclusive, in my opinion.</t>
  </si>
  <si>
    <t>I prefer the clear outline of percentages and letter grades to the 4-point descriptive scale.</t>
  </si>
  <si>
    <t xml:space="preserve">I think it’s important for students to actually know what their grade is, not to just have terms that describe how they are doing </t>
  </si>
  <si>
    <t>Since it is required for post secondary, I believe it’s a great idea to have percentages and letter grades from grades 10-12</t>
  </si>
  <si>
    <t xml:space="preserve">Again, students, especially in grades 10-12 should be able to see how they are doing, with percentages and letter grades, not just terms that describe their efficiency </t>
  </si>
  <si>
    <t xml:space="preserve">Keep it the way it is. Testing is fine no “proficiency” tests. </t>
  </si>
  <si>
    <t xml:space="preserve">Using this scale can lead kids down a path of failure. In high school working for your grades is very important. If you just get pushed along in Math for example, come higher level maths kids will be discouraged and steer away from the harder courses because they haven’t been properly evaluated </t>
  </si>
  <si>
    <t xml:space="preserve">Letter grades and percentages are very important. This allows students to know where they are at in the course and what they need to improve on. Younger kids SHOULD USE THIS TOO!!! So they can see where they are and what they strive in! </t>
  </si>
  <si>
    <t xml:space="preserve">Just use letter grades. The “new” system is horrible. As someone who got 98% in precalculus and Calculus, to get a 2 on the math proficiency is a flat out joke. Horrible system. </t>
  </si>
  <si>
    <t xml:space="preserve">This is great! Allows kids to mindfully think of tasks they can be actively doing to further there education! </t>
  </si>
  <si>
    <t xml:space="preserve">Again Great! Another useful tool to help students visually see tasks! </t>
  </si>
  <si>
    <t xml:space="preserve">Different subjects could include different methods. This can be helpful in some subjects and hinder others. </t>
  </si>
  <si>
    <t xml:space="preserve">In Grade 4 we started to get letter grades. This was a big deal! To just push kids along and not show them areas they should ask for help in, is a horrible idea </t>
  </si>
  <si>
    <t>Czech</t>
  </si>
  <si>
    <t xml:space="preserve">I don't have an opinion. </t>
  </si>
  <si>
    <t>I didn't know if I'm on the lower half of the proficient or if I was a high proficient. It made me super stressed.</t>
  </si>
  <si>
    <t>I understood where I was in the class easily.</t>
  </si>
  <si>
    <t>If I had to deal with the proficiency scale for another two more years I'll drop out.</t>
  </si>
  <si>
    <t>It was annoying to fill out. It made me self conscious and I couldn't make up my mind on things.</t>
  </si>
  <si>
    <t>I don't have many goals in life. And whenever I told a teacher I didn't know what to write I would get a lecture about it.</t>
  </si>
  <si>
    <t xml:space="preserve">I have no opinion </t>
  </si>
  <si>
    <t>I hate the proficiency scale.</t>
  </si>
  <si>
    <t>I didn’t understand it</t>
  </si>
  <si>
    <t>Letter grades make way more sense and students can actually understand if they are passing or failing</t>
  </si>
  <si>
    <t>I’m not going onto post secondary so I couldn’t care if my grades went to them or not</t>
  </si>
  <si>
    <t xml:space="preserve">A,b,c and f is how I’ve always had it and now for my last year I want to change it so I don’t understand if I’m passing or failing. That is stupid no kid understands the stupid scale and the kids to come won’t either </t>
  </si>
  <si>
    <t xml:space="preserve">Kids can see the provokes by their C or B bumping up to a A, not when their dot gets moved a inch </t>
  </si>
  <si>
    <t xml:space="preserve">U shouldn’t have to write down where u are, you should just know that you’ve come along way from where u started </t>
  </si>
  <si>
    <t xml:space="preserve">A lot of kids can’t do the work the teacher hands out coz it’s not in there ability to do </t>
  </si>
  <si>
    <t xml:space="preserve">The letter grades are the way to go and the stupid weird scale should just disappear for
Good </t>
  </si>
  <si>
    <t>Many of the parents, at the high school level, do not read the comments.  We put all the work into writing strength based comments for what???</t>
  </si>
  <si>
    <t xml:space="preserve">Parents and students are calling this the "Airy Fairy" way of reporting.  Our Grade 10 students are extremely happy to reach Grade 10 so they can have letter grades and percentages.  </t>
  </si>
  <si>
    <t>Students want the letter grades and %'s.  Once students reach Gr. 10 they are excited to be "adults."  We talk about letting students make choices...let them have this voice and keep the letter grades and %'s.</t>
  </si>
  <si>
    <t>STOP watering down education!!!  It is OK for kids to fail, that is how they learn.  Giving them more ways to do a little as possible with the Proficiency Scale is NOT helping them create a healthy self esteem and feeling positive about themselves.</t>
  </si>
  <si>
    <t>Students write what they think their teachers/parents want them to write.  Most do not write anything meaningful to them and just complete the assignment to get the teacher off their back.</t>
  </si>
  <si>
    <t xml:space="preserve">Students write what they think their teachers/parents want them to write.  Most do not write anything meaningful to them and just do it to complete the assignment.  </t>
  </si>
  <si>
    <t>Wow, what an insulting statement to educators!  We know the gov't has little to no respect for educators, but this?  We already do this EVERY DAY in our classrooms.  To insinuate that this is something new and not already being done?  SHAME ON YOU!!!</t>
  </si>
  <si>
    <t>Let our young adults be young adults and be ready to face the "read world" with confidence and the self respect they deserve without watering down the education system even more than it is now.</t>
  </si>
  <si>
    <t>Teacher's seem to have an open door policy at all times. We need to support what they can handle and do.
Masks need to be mandatory and rapid testing needs to be accessible.</t>
  </si>
  <si>
    <t>We support teachers and what works best.
Masks need to be mandatory and rapid Covid testing.</t>
  </si>
  <si>
    <t>Again we support what teacher's propose. Listen to the teacher's. 
Make masks mandatory and rapid testing so they can do their job.</t>
  </si>
  <si>
    <t>How are kids supposed to access progress when it's a continuous worry regarding Covid. Let's ask them how the government is doing to protect them first?</t>
  </si>
  <si>
    <t>Again,How are kids supposed to access progress when it's a continuous worry regarding Covid. Let's ask them how the government is doing to protect them?</t>
  </si>
  <si>
    <t>How are kids supposed to access progress when it's a continuous worry regarding Covid. Let's ask them how the government is doing to protect them? No exceptions. Make masks mandatory.</t>
  </si>
  <si>
    <t xml:space="preserve">Masks need to be mandatory. No exceptionsHow are kids supposed to access progress when it's a continuous worry regarding Covid. Let's ask them how the government is doing to protect them? </t>
  </si>
  <si>
    <t>We can't even worry about this at the moment. All we care about is our kids safety and lives. You need to make masks mandatory. No exceptions. Rapid testing. I am more than happy to be a part of any questionaire once I can be sure the top priority is taken care of first. Safety first please</t>
  </si>
  <si>
    <t>The proficiency scale is stupid and you're supposed to be getting a letter grades by grade 5 not grade 10</t>
  </si>
  <si>
    <t>I like letter grades</t>
  </si>
  <si>
    <t>It doesn’t help to promote self-discipline and i feel has no real benefit when using proficiency scale</t>
  </si>
  <si>
    <t>For high school senior courses, it is a lot of work to provide 5 key Marking sessions per year. Yes, in the sciences and more test and mark oriented courses, one can do a summary of all student marks every 6 to 8 weeks but the Percentage then calculated may be "off" the Final Mark as...the Big proje</t>
  </si>
  <si>
    <t xml:space="preserve">A parent wants to know: Passing? Failing? Doing their best?
Marks become a "game" as parents don't like being told "unsatisfactory effort' by child. They want to blame the teacher for that so, perhaps the word Developing is sufficiently comforting that parents can accept that assessment. </t>
  </si>
  <si>
    <t xml:space="preserve">This information for the more mature student allows them to really know their strengths and weak areas and thus guide their career choices and help them seek remediation (ie study harder and longer with a tutor, perhaps) for courses they do wish to excel in. </t>
  </si>
  <si>
    <t xml:space="preserve">Some teachers, especially in the Arts or Sports, might prefer this type of assessment as it reflects more regarding a developing skill, rather than mastery of a body of knowledge that is not as important in such courses. </t>
  </si>
  <si>
    <t>This will probably take up classroom teaching time to enable students to do this. It would just be a snapshot for some students and too overwhelming for others. However, it could be useful to encourage the student to take more responsibility for how and what they are learning.</t>
  </si>
  <si>
    <t xml:space="preserve">I think the Parents and the Home should do this, not the classroom teacher. </t>
  </si>
  <si>
    <t xml:space="preserve">Student ability is not all equal therefore assessing a student's progress in a course cannot be just a "one size fits all". Effort should certainly be counted in terms of Pass/Fail/Incomplete but for higher marks, then higher, more uniform standards get introduced. </t>
  </si>
  <si>
    <t>I think 3 times @ year is enough. 
Also, some of the previous "reason' boxes should have more space for one to express one's opinion. I felt cut-off twice.</t>
  </si>
  <si>
    <t>I think this is too much. As a teacher, I find that many parents do not even read the reports that are available to them online. Teacher burn-out is high, and having 5 reporting events is too much.</t>
  </si>
  <si>
    <t>I prefer a proficiency scale to grades as I think it is more descriptive, and takes the pressure of students feeling like they need to get an 'A'. Consistency with this across the province is important.</t>
  </si>
  <si>
    <t>How many times a year would these reflections be? I think twice in a year would be plenty if we want it to be meaningful to the students.</t>
  </si>
  <si>
    <t xml:space="preserve">Difficult for teachers to report meaningfully on student-created goals. </t>
  </si>
  <si>
    <t xml:space="preserve">5 reporting periods is too many. It is causing burn-out for teachers, and often parents don't want that many reports. The parents of my students, and my friends who have school-aged children, tell me that they only want to know how their kid is doing in literacy, math, and student engagement. </t>
  </si>
  <si>
    <t>If the students are using the portfolio, parents would see the progression of learning throught the year and there is then no need of that many reports cards. I will just ass on the teacher shoulder.</t>
  </si>
  <si>
    <t>On doit développer les compétences dans toutes les différentes matières et donc, on a besoin de cette échelle de compétences au lieu de notes qui en veulent rien dire.</t>
  </si>
  <si>
    <t>Il faut qu'il y ait une vision commune entre les niveaux scolaires.</t>
  </si>
  <si>
    <t>Il faut que l'élève soit au coeur de ses apprentissages et donc, l'autoévaluation en fait partie. Il faut cependant supporter les enseignants.</t>
  </si>
  <si>
    <t>Encore une fois, puisqu'il reviendra à l'enseignant de le faire, il faut leur donner les ressources pour être capable de relever ce défi surtout avec les élèves plus jeunes.</t>
  </si>
  <si>
    <t>C'est énormément d'investissement de la part des enseignants et ajoute à leur tâche.  LE portfolio, s'il est bien fait, va fournir l'information aux parents tout au long de l'année et donc, il n'est pas utile d'avoir autant de bulletins.</t>
  </si>
  <si>
    <t>I am glad will have essentially the same number of reporting events per year as before, but fear that it will be much more labor intensive to generate the reports as they will include more than they used to and so are more complex.</t>
  </si>
  <si>
    <t>I definitely support the use of proficiency scales for grades K-9 but am not sure what that will look like at the high school level in terms of generating reports.</t>
  </si>
  <si>
    <t xml:space="preserve">Letter grades and percentages are required by post secondary institutions!  </t>
  </si>
  <si>
    <t>I feel like using the proficiency scales in addition to letter grades and percentages is information overload and becomes superfluous and redundant.</t>
  </si>
  <si>
    <t xml:space="preserve">While I agree that student reflection, taking ownership of learning and setting goals are very important elements of the learning process, I am not sure this can be done meaningfully several times a year without taking away from instructional time in the classroom.  </t>
  </si>
  <si>
    <t xml:space="preserve">Again I believe this are valuable to the learning process but am leery about how reporting on them would play out in a reporting framework.  When I had children in the school system, I did not like to read through a lot of print to find out how my kids were doing.  Also concerns re student buy in.  </t>
  </si>
  <si>
    <t xml:space="preserve">I feel that meaningful student self assessment will require one on one conferencing time with teachers, and I am not sure where that time will come from. </t>
  </si>
  <si>
    <t>The more communication, the better. As parents we aren't always aware of how our kids are doing in school. Knowing what their strengths and weaknesses are doesn't just provide reassurance, but it alerts parents to what areas their children may need some extra help and patience with.</t>
  </si>
  <si>
    <t xml:space="preserve">This feedback is very vague. Perhaps better suited for primary levels (K-3), but i believe grades are better suited for intermediate (4-7) and high school students.  At least high school (8-12), kids need time to get used to letter grades, not just 2 years in high school
</t>
  </si>
  <si>
    <t>Letter grades are essential for applying to post secondary, but I believe they should be extended throughout high school (8-12), not just the last 2 years of high school.</t>
  </si>
  <si>
    <t>I don't think both are necessary, grades suffice</t>
  </si>
  <si>
    <t>It's been great hearing and reading my child's own assessments</t>
  </si>
  <si>
    <t>It's been great reading my child's goals and helpful for her</t>
  </si>
  <si>
    <t>I don't find the proficiency scale very helpful. Teacher's comments and student assessments are great, but the scale is vague</t>
  </si>
  <si>
    <t xml:space="preserve">I don't really understand it </t>
  </si>
  <si>
    <t>In elementary I was so excited to get letter grades but I only got one year of them, then we went to emerging, profient stuff. It's so much more confusing than if we just had letter grades</t>
  </si>
  <si>
    <t>Not in grade 10+ but letter grades are so much easier to understand, all highschoolers should get them.</t>
  </si>
  <si>
    <t xml:space="preserve">Letter grades are enough, emerging, developing, proficient and whatever the last one was is just adding extra, unnecessary steps to us knowing our grade. I have no clue if I'm passing or failing because I have no clue what they mean. </t>
  </si>
  <si>
    <t>I see where the student self assessments come from but never have they actually meant something to me. I just write something that'll satisfy the teachers and go about my day.</t>
  </si>
  <si>
    <t>Once again, I see why and where it's coming from but I truely dont think anyone has ever put serious thought into those. I just write down 'Talk more, get better at math, and get more social'  It's not as important as it's made out to be.</t>
  </si>
  <si>
    <t>I don't have any disabilities but have preferred ways to do things. Those have never been properly met or filled out fully in the way that'll make me most comfortable. Helping Individual needs isn't just sitting down and talking it through, it's more than that and I wish more teachers knew that</t>
  </si>
  <si>
    <t>No proficiency scale, throw it away</t>
  </si>
  <si>
    <t xml:space="preserve">The proficiency scale is so weird and complicated. It honestly stressed me out </t>
  </si>
  <si>
    <t xml:space="preserve">Teachers work incredibly hard to provide students with a rich learning environment. Increasing teachers workload with reporting will force them to be more focused on assessment and less on making valuable connections with students.  </t>
  </si>
  <si>
    <t>I believe letter grades should start earlier. In grade 8.</t>
  </si>
  <si>
    <t xml:space="preserve">In the younger grades this is a waste of time. Often the students are too young to understand what self reflection is and this is another box teachers have to tick before the end of the year. </t>
  </si>
  <si>
    <t>This would be successful in older grades (3-12)</t>
  </si>
  <si>
    <t xml:space="preserve">This already occurs </t>
  </si>
  <si>
    <t>What is the difference between a written report and a summary of learning? I can see it becoming the same three written reports instead of moving toward ongoing communication of student learning in more timely and effective ways (my opinion) such as fresh grade.</t>
  </si>
  <si>
    <t xml:space="preserve">I believe the scale encompasses learning and keeps kids interested in progressing toward their goals, realizing that we move through all the stages of development in areas of our life, some more easily than others. It's not about an end point, as much as a progression. </t>
  </si>
  <si>
    <t>I think it's missing the point. Are we producing flexible learners in elementary and then putting them back to letter grades/percentages in the end anyway. Should universities be moving toward a different system too? Are we slowing down that progress? I don't know.</t>
  </si>
  <si>
    <t>My fear is that parents then just look at the proficiency scale as a letter grade at other grades which is not the point.</t>
  </si>
  <si>
    <t>Students are at the centre of their learning and if they are able to express their progress it gives them so much more opportunity to work toward their goals, celebrate their strengths and plan for areas they want to improve upon.</t>
  </si>
  <si>
    <t>I have done this, including their goals and comments on report cards, and it makes them meaningful and interesting to read. It's not about what I think as the teacher. It's about the child's perception and reflections that lead to further planning.</t>
  </si>
  <si>
    <t>Obviously it should include everyone. It's sad that it needs to be stated.</t>
  </si>
  <si>
    <t>I am continually posting student learning on FreshGrade. We have been writing three report cards in addition to this. It is redundant, and I don't feel like the policy fully moves toward the option of electronic portfolios for timely communication. I prefer 2 written reports, including the summary.</t>
  </si>
  <si>
    <t xml:space="preserve">I'm very involved in my kids grades - If they are posted on MyEd BC and kept current I can see the grades at anytime.  If they are getting low grades I can talk to my child, make arrangements to speak with the teachers.  I shouldn't have to wait until reports or "Learning Update" come out.  </t>
  </si>
  <si>
    <t>I like to know where they are at in the Proficiency level, at the top or just sliding by.  Have percentage tells you exactly where the students are.  Not a guessing game if they need extra help</t>
  </si>
  <si>
    <t xml:space="preserve">I like knowing exactly where they are at.  You have to have a percentage to get into some secondary schools.  I HATE the letter grade again a guessing game at where the student is </t>
  </si>
  <si>
    <t xml:space="preserve">Would this help them when picking classes, to make sure they take what is required or them going into secondary school. </t>
  </si>
  <si>
    <t>I think this amount of feedback is ideal/adequate</t>
  </si>
  <si>
    <t>this seems to be sufficient</t>
  </si>
  <si>
    <t>this seems fine</t>
  </si>
  <si>
    <t>I agree with the standards being used across BC to ensure consistency</t>
  </si>
  <si>
    <t>I personally find self-assessment to be less than effective but would support this if it helps students take ownership of their own progress</t>
  </si>
  <si>
    <t>This seems fine</t>
  </si>
  <si>
    <t>As above - a personal belief that self-assessment is not useful</t>
  </si>
  <si>
    <t xml:space="preserve">Too general, doesn’t address students who make no effort. </t>
  </si>
  <si>
    <t>When secondary school teachers have over 200 reports to deal with, doing both the proficiency scale and percentages is too much!</t>
  </si>
  <si>
    <t xml:space="preserve">Honestly the kids are just bluffing when they do this, they are not happy about it and I don’t think it is authentic </t>
  </si>
  <si>
    <t>The name "Learning Updates" sounds childish and ultimately means the same thing as "Progress Report", so why change the name?</t>
  </si>
  <si>
    <t>While the four point scale is a good assessment system for humanities classes, it is difficult to determine what "extending" means in a math or science class. In more objectively-graded classes, a letter grade gives a clearer answer to how a student is progressing.</t>
  </si>
  <si>
    <t>This is a good choice.</t>
  </si>
  <si>
    <t>Self-assessment is helpful, but it is tedious. However, ultimately it's a good idea.</t>
  </si>
  <si>
    <t>It is important to accommodate to all learners.</t>
  </si>
  <si>
    <t>Teaching 120 students per day, increasing the reports to longer written work puts an extra strain on teachers. There is nothing wrong with the way we currently report</t>
  </si>
  <si>
    <t>In grade 9 as they are in high schools it undermines and increases teachers workloads</t>
  </si>
  <si>
    <t>It’s changes nothing</t>
  </si>
  <si>
    <t>The 4 point scale is another example of dumbing down education.</t>
  </si>
  <si>
    <t xml:space="preserve">In what context can a student really improve critical thinking by self assessment, </t>
  </si>
  <si>
    <t>More dumbing down. We are making education a business of pass fail, rather then developing young minds. This approach will push Canada farther behind other nations in education. We should look at streaming</t>
  </si>
  <si>
    <t>Inclusion is important, but ineffective at current large class sizes</t>
  </si>
  <si>
    <t xml:space="preserve">It does not enhance learning, it does not create realistic meshing with further education and or the workplace. It makes student feel good, passes them along, but it will be a shock to them when they fail in university or are fired . </t>
  </si>
  <si>
    <t>I am satisfied at the frequency of this yearly plan, but not if these five reports are required PER SEMESTER. This would be far too much work for secondary teachers and the burden on teachers to provide written feedback for 120 students five times in a semester is ridiculous.</t>
  </si>
  <si>
    <t xml:space="preserve">The proficiency gives very limited information to students and parents. Students arrive to Grade 10 having being pushed along through many previous grades and are then not prepared for the level of work or expectations in Grades 10, 11 and 12. </t>
  </si>
  <si>
    <t>Only if they are used in addition to letter grades and percentages.</t>
  </si>
  <si>
    <t>Again, this is useful for students to do. However, perhaps as part of careers and not as part of every course multiple times throughout the semester.</t>
  </si>
  <si>
    <t>see previous comment</t>
  </si>
  <si>
    <t>maintain 5 reports throughout the year, not per semester</t>
  </si>
  <si>
    <t xml:space="preserve">Since the grading system changed the kids don’t even care what grade they get.  </t>
  </si>
  <si>
    <t>Since the grading system changed the kids don’t even care what grade they get.</t>
  </si>
  <si>
    <t xml:space="preserve">I thought I’d how it always was. The new system just makes everyone not care about their grade. </t>
  </si>
  <si>
    <t xml:space="preserve">The proficiency scale is horrible and a waste of all our time. The kids don’t know  how well they are doing and can’t hustle how much more effort they need to put in. </t>
  </si>
  <si>
    <t xml:space="preserve">The proficiency scale is bad. </t>
  </si>
  <si>
    <t xml:space="preserve">I think this would go along nicely with percentage based grading. </t>
  </si>
  <si>
    <t xml:space="preserve">Letter grades for everyone. </t>
  </si>
  <si>
    <t xml:space="preserve">I don't like doing them because they are exhausting and time-consuming, but I also understand their importance. </t>
  </si>
  <si>
    <t>I don't see the value in changing the terms again.</t>
  </si>
  <si>
    <t xml:space="preserve">I would prefer post-secondary schools to change their requirements of percentages, which encourage unhealthy perfectionism. </t>
  </si>
  <si>
    <t xml:space="preserve">Self-assessments are very difficult for kindergartens. It's a skill in itself and putting their self-assessment in an early report card is like including a formative assessment as a summative one. They are often inaccurate and therefore potentially confusing to parents. </t>
  </si>
  <si>
    <t xml:space="preserve">Students should be involved in their education. </t>
  </si>
  <si>
    <t>We need more high quality communication between teachers and parents. Its not enough to just have a "report" fall from the sky periodically. So far this year we have seen precisely zero effort on the part of the teachers to commutate course content, progress or expectations.</t>
  </si>
  <si>
    <t>A lot of nice words about collaboration between teachers, students and parents are used but this does not happen. Without proper ongoing feedback and communication with the family nothing will be achieved. Its all top down and there is no assessment of teacher performance.</t>
  </si>
  <si>
    <t xml:space="preserve">Grading system must be fair. The system is not fair. My kid has had many lazy and unqualified teachers. Yet these teachers are empowered to grade students. As said, without direct and constant feedback there is no chance that such a system can ever make sense. </t>
  </si>
  <si>
    <t>The teachers need to be assessed by the parents. This is all one sided and very biased.</t>
  </si>
  <si>
    <t>From what we have seen this is also a bit of a joke. A nice idea, sure, but cannot possibly be implemented properly when the very school system in which it takes place is not serious.</t>
  </si>
  <si>
    <t>Not seen this at all and most teachers cannot be trusted to do it properly. With 30 kids to a class and lazy stressed out teachers, nothing serious will be accomplished.</t>
  </si>
  <si>
    <t>The teachers will not be qualified to do this. It currently does not happen at all.</t>
  </si>
  <si>
    <t>Evaluate the teachers!</t>
  </si>
  <si>
    <t>The biggest problem with any grading system is that there are too many kids for any teacher to properly assess. Also, the teacher/administration never have to face grading from the students or families, they are unaccountable.</t>
  </si>
  <si>
    <t>I think this will allow for regular updates to and communication with parents.</t>
  </si>
  <si>
    <t>This is similar to the scale we are currently using (different words, same meaning) so would be an easy transition. I think it makes sense to have consistent wording throughout the province.</t>
  </si>
  <si>
    <t xml:space="preserve">In order for universities to assess applicants, this currently makes sense. </t>
  </si>
  <si>
    <t>Students are learning how to effectively assess their learning and understanding. They should be involved in assessing their own understanding.</t>
  </si>
  <si>
    <t>Good idea.</t>
  </si>
  <si>
    <t>Overall, I think this reporting order makes sense.</t>
  </si>
  <si>
    <t>I think it is a bit too much for the school year.</t>
  </si>
  <si>
    <t>I prefer the letter grade rather than the proficiency scale</t>
  </si>
  <si>
    <t>I find the letter grade system easier to understand</t>
  </si>
  <si>
    <t>Do not like the proficiency scale</t>
  </si>
  <si>
    <t xml:space="preserve">Not every student can set career- minded goals, or personal goals at this age. </t>
  </si>
  <si>
    <t>I am ok with either</t>
  </si>
  <si>
    <t xml:space="preserve">The proficiency scale does not encourage students like myself to exceed my grades. </t>
  </si>
  <si>
    <t>Percentage grades allow me to understand the level that I am on. It also helps me to improve the percentage to gain a better grade</t>
  </si>
  <si>
    <t>Our district has been piloting and recently implemented a revised reporting policy in which there are still 5 reports to parents, which include 2 formal written reports (January and June) and 3 informal reports (interims, conferences, interviews, student portfolios etc.). I really like this system.</t>
  </si>
  <si>
    <t>I  believe this could be improved by using a 5 point scale.</t>
  </si>
  <si>
    <t>Goal setting is and can be done in class and worked toward throughout the year. I do not believe these goals need to be included in the written report, adding to the length of reports which are already too long for parents.</t>
  </si>
  <si>
    <t>Already do this on a daily basis.</t>
  </si>
  <si>
    <t xml:space="preserve">It is unclear from the draft how the written learning updates would be different from a traditional report card. It is also unclear how a written learning update is meant to be different from the learning summary. In our district, this has meant completing 2-3 reports in addition to portfolios. </t>
  </si>
  <si>
    <t xml:space="preserve">This feels in practice like new names for letter grades. 
I would like to see more of a focus on educating parents and administration and teachers on how these are meant to be different. </t>
  </si>
  <si>
    <t>My understanding is that research has shown that students thrive in learning environments with formative assessment for learning.
I would like to see more progressive movement away from letter grades to truly support our learners (which in turn would force change by postsecondary institutions)</t>
  </si>
  <si>
    <t xml:space="preserve">This creates additional administrative work for teachers, and  takes away from our capacity to support student learning </t>
  </si>
  <si>
    <t xml:space="preserve">Developmentally this feels challenging for my primary year students. They can certainly learn to do it, but they need time and coaching over the year to be able to Set meaningful goals for themselves. It should not be a year long requirement in primary. </t>
  </si>
  <si>
    <t xml:space="preserve">I am in favour of this and It needs to come with sufficient support for teachers and students For it to be meaningfully implemented. </t>
  </si>
  <si>
    <t>Each semester I teach upwards of 120-150 students. I do my best to report the needed number of times during the school year, and communicate with parents about their child's progress as frequently as possible. This new reporting will require much more of my time. Time that is already in short supply</t>
  </si>
  <si>
    <t>For students who are not emerging or developing it is an easy scale to use and then I can spend more time with my emerging and developing students to work on plans and schedules to see those students find success.</t>
  </si>
  <si>
    <t>Most of the time if a student is receiving a passing grade parents wont bother to read many of the comments. I would rather provide short concise comments to parents regarding plans for their child. The more language in reports the less likely parents are to read them.</t>
  </si>
  <si>
    <t>While I believe self assessment can be an important tool in ones education, most students are not of a level to make it useful and often don't understand it to be a reflective exercise to help them, and instead they often just reply with ideas they think an educator wants to hear.</t>
  </si>
  <si>
    <t>Again, some students may find goal setting to be a productive activity in their learning, any goal setting and student set learning I have seen is very inconsistent. Most students won't go out of their way to set goals that would see them doing more work. Most students are looking to reduce work.</t>
  </si>
  <si>
    <t>To do a good job of proficiency based responses 4-5 times a year for students is exceedingly difficult given the magnitude of students teachers are responsible for in high school. I teach 9-12, and again just trying to assess and report 5 times a year is incredibly time consuming and arduous</t>
  </si>
  <si>
    <t xml:space="preserve">Proficiency scale is garbage </t>
  </si>
  <si>
    <t xml:space="preserve">Garbage plan </t>
  </si>
  <si>
    <t xml:space="preserve">Grades are good </t>
  </si>
  <si>
    <t xml:space="preserve">No </t>
  </si>
  <si>
    <t xml:space="preserve">Diversity is good </t>
  </si>
  <si>
    <t>As a parent, I want to know my child’s percent so I know what they can improve on, and they know what they can improve on</t>
  </si>
  <si>
    <t>If my child got a proficient, how am I supposed to know if they got a 60% or a 98%? Why should my child who studies hard to get an A be grouped in with kids who don’t try?</t>
  </si>
  <si>
    <t>Stupid. Teach kids the basic criteria for life. You can’t self assess in the real world</t>
  </si>
  <si>
    <t>Students don’t need goals. Students need to be taught the basics to thrive. They should be taught maths, science, and English</t>
  </si>
  <si>
    <t>Not concerned as it has no impact on current practice</t>
  </si>
  <si>
    <t>This fits in better with the new curriculum but why did it take so long and where are the details on the nuts and bolts of what exactly a report card will look like.</t>
  </si>
  <si>
    <t>Why does the use of proficiency scales become optional at the grade 10 level.  I see no educational reason to make it an option except to recognize that the use of the proficiency scale does not work with percentage and letter grades and to satisfy post secondary institutions.</t>
  </si>
  <si>
    <t xml:space="preserve">Ok they really don't go together show some courage and use the same model as K-9. I see not educational reason not to so explain why the change in grade 10.  </t>
  </si>
  <si>
    <t>How does this work in a high school?  Great you have a policy how about explaining to teachers what this looks like when implemented.</t>
  </si>
  <si>
    <t>So how does the use of letter grades in grade 10 - 12 respond fully to be inclusive  in the manner you describe.</t>
  </si>
  <si>
    <t>If you think the use of the proficiency scale is important from K- 9 then why make them optional and go to a system that is the complete opposite in grades 10 - 12.  Also the design of this survey is insulting.</t>
  </si>
  <si>
    <t xml:space="preserve">Two written reports in total is much more supportive of student learning. After the January mid-term progress report, I can continue to coach and model and provide authentic practice activities for further development. If we go back to three report cards, more time is spent assessing, not coaching. </t>
  </si>
  <si>
    <t xml:space="preserve">I would prefer the wording to remain the sane: beginning, developing, applying, extending. Otherwise, I support the use of the proficiency scale. </t>
  </si>
  <si>
    <t xml:space="preserve">Yes, criteria and standards for entrance into continuing education needs to remain clear, standard, and competitive. </t>
  </si>
  <si>
    <t xml:space="preserve">This is additional work for teachers. Descriptive comments should provide a clear picture of where the student is at. </t>
  </si>
  <si>
    <t xml:space="preserve">Formal self assessment in all three Core Competency areas throughout the year would take away valuable teaching time. Teachers are already integrating this naturally into learning activities. It doesn’t need to be formalized. Trust our professional practice. </t>
  </si>
  <si>
    <t xml:space="preserve">Teachers are already integrating goal-setting and self-assessment into student learning naturally. It doesn’t need to be formalized. Trust our professional practice. </t>
  </si>
  <si>
    <t xml:space="preserve">Yes, adaptations should be provided for all students, especially those with a designation, during all evaluations. </t>
  </si>
  <si>
    <t xml:space="preserve">Three written reports directly affects the quality of teaching and learning negatively. Teachers spend more time assessing to collect data, and writing reports, taking away from quality lessons and practice time for students to develop skills and improve in between only two reporting periods. </t>
  </si>
  <si>
    <t>The model of three written reports over the school year is not ideal for elementary. In this model, teachers need to start writing the first report by mid-to-late November. Given the nature of elementary schools, Sept-Nov is not long enough to gather meaningful evidence of student learning.</t>
  </si>
  <si>
    <t>This four point scale is effective, though I prefer the current language of “beginning,” as it is more accessible language for children and parents than “emerging.”</t>
  </si>
  <si>
    <t>Current core-competency self-reflections are often not authentic because they are completed at the end of the school year. Structures and support need to be in place in order to expect teachers to integrate core competency self-reflection into ongoing learning.</t>
  </si>
  <si>
    <t>This could be good, so long as there are clear guidelines and supports for teachers. Otherwise, it will be an inauthentic task that teachers need to add to their list of work when it comes to reporting.</t>
  </si>
  <si>
    <t>Obviously, inclusion of diverse learners is critical. This question does not state what policy will actually be put in place to ensure inclusion and so it doesn’t make sense to evaluate it without any details.</t>
  </si>
  <si>
    <t>Teachers need developmental benchmarks to facilitate effective use of the proficiency scales. Adequate professional development and training is essential.</t>
  </si>
  <si>
    <t>Post secondary institutions can do the work to figure out proficiency scales. We need to follow best practices K to 12. Switching to letter grades in grade 10 sends the wrong message to students and will cause discord amongst secondary teachers.</t>
  </si>
  <si>
    <t>They should be used in place of letter grades.</t>
  </si>
  <si>
    <t>This is a helpful framework for students to understand human development so that they can set and pursue meaningful goals for themselves.</t>
  </si>
  <si>
    <t>This idea needs further development. The core competencies provide a meaningful framework for goal. setting. Without extensive support, children struggle with this kind of educational and career-related goals.</t>
  </si>
  <si>
    <t>It is a noble goal. It needs to be backed up with intensive support and resources.</t>
  </si>
  <si>
    <t xml:space="preserve">I have taught for 25 years. I have participated in the SRPP and a subsequent district-based inquiry project that builds on it. It is much more work than traditional reporting but I believe it is better for students. The frequency of reporting suggested will increase the workload problem. </t>
  </si>
  <si>
    <t>Proficient can mean anything from a C to an A in the older system of grades. There should be five areas - the minimally is hardly used as is the extending.</t>
  </si>
  <si>
    <t>Too many times to report for elementary.</t>
  </si>
  <si>
    <t>Increased workload. Inefficient report card templates. Inconsistent reportcard templates. Final summary report - to summarize what was learned in first 2 terms is redundant. Currently, each written report takes me about 1 hour to write. Teachers need a practical format.</t>
  </si>
  <si>
    <t>I like the descriptors but we need updated performance based standards that are not task-specific. I used the ones for Reading, Writing and .Numeracy regularly. It doesnt seem practical for teachers all over the privince to be creating their own rubrics.</t>
  </si>
  <si>
    <t>I thought this was current policy.</t>
  </si>
  <si>
    <t>If they are using letter grades and percentages, wht woyld they also need to use the new proficiency scale? This seems redundant.</t>
  </si>
  <si>
    <t>It's not clear how these self-assessmwnts can be completed in meaningful ways, especially in the primart grades. How can this be included in the reports? What student self-assessment tools are beung made availlable to trachers?</t>
  </si>
  <si>
    <t>It's great for sudents.to reflect on their own progress. How will this be included in the report cards? Increased workload again on teachers - especially elementary.</t>
  </si>
  <si>
    <t>Often there is not enough day-to-day support for these students. So teachers would need release time.</t>
  </si>
  <si>
    <t>Lack of report card template. No updated performance based standards. Increased workload. Need self-assessment tos for core competencies and goal setting to include them in reports.</t>
  </si>
  <si>
    <t>it is a step in the right direction but still fails to recognize multiple intelligences or to value depth of learning</t>
  </si>
  <si>
    <t xml:space="preserve">these letter grades are based on tests and evaluations of learning that are biased towards one or two ways of learning and expressing understanding/learning. </t>
  </si>
  <si>
    <t>These activities and self assessment practices are valuable but, especially at older ages, would be more effective if they remained personal and private. not something to be read by others or included in evaluations.</t>
  </si>
  <si>
    <t>this is absurd for Kindergarten children.</t>
  </si>
  <si>
    <t>While I recognize the value and importance of formative feedback, especially written, there is no acknowledgement this would require significantly more time to complete for secondary school teachers than the current reporting style. It will become a 'copy/paste' exercise.....</t>
  </si>
  <si>
    <t>As grade 8 and 9 are not currently part of the graduation transcript, I think any mode of reporting is acceptable. I do have some concerns that moving to 'grades' in the same year as the graduation transcript begins may be onerous for students.</t>
  </si>
  <si>
    <t>This is what we do currently. I have no concerns.</t>
  </si>
  <si>
    <t>This seems odd given that we are maintaining grades for the purposes of post secondary, why do both?</t>
  </si>
  <si>
    <t>This is a make work exercise for students, they have enough on their plate. Many students already set formal or informal goals, this is not a required element of every students journey through high school.</t>
  </si>
  <si>
    <t xml:space="preserve">Writing all of these comments for 28 kids is a ridiculous amount of time. Do these all need to be written. You require them to all be individual </t>
  </si>
  <si>
    <t>K to 6 kids do not understand this process</t>
  </si>
  <si>
    <t>Inquiry is a scaffolded process in Elementary school if you think it is just go learn something or what do you want to learn you have never taught k to 7. This is a joke</t>
  </si>
  <si>
    <t>How?</t>
  </si>
  <si>
    <t>I want to choose more than one but you won't let me. Studnet self assessment is a joke. One petal on the flower two who knows. Kids do not understand this in k to 7</t>
  </si>
  <si>
    <t>I dislike the proficiency system.</t>
  </si>
  <si>
    <t>Letter grades should not be changed and stay as they are.</t>
  </si>
  <si>
    <t>The proficiency scale if simply unneeded if we have the letter grades. It will just be a confusing addition to take up more time.</t>
  </si>
  <si>
    <t>I dislike this because all the teachers I have had never explained it properly and it seems bothersome.</t>
  </si>
  <si>
    <t>This sounds like it would just stress out students who can get good grades all on their own without such a thing.</t>
  </si>
  <si>
    <t>With some teachers choosing the proficiency scale and some choosing to use letter grades it gets annoying and confusing. I would rather just be given my letter grades and percents so I can focus on learning more to improve.</t>
  </si>
  <si>
    <t>Often enough but not overly onerous on teachers</t>
  </si>
  <si>
    <t>The four point scale is far too broad.  It is not at all specific enough. What is the difference between proficient and extending?  If you are proficient is that mean you completely understand and are successful? Extending means you are beyond grade level?  Emerging and developing are synonymous.</t>
  </si>
  <si>
    <t>Easily understood by students and parents.  Allows for a rigorous and finely tuned assessment of work.</t>
  </si>
  <si>
    <t>Do NOT use proficiency scale in 10-12.  The words are essentially meaningless and simply increase the amount of work for teachers.</t>
  </si>
  <si>
    <t>This is well meaning but essentially assumes all students will take it seriously.  It is time consuming and frankly, parents are not really interested nor are the students.  It becomes one more thing we have to assign and chase students to complete.</t>
  </si>
  <si>
    <t>Agree that goal setting is important, but should not be an assessment requirement and certainly not in EVERY class and EVERY report card.</t>
  </si>
  <si>
    <t>Goes without saying</t>
  </si>
  <si>
    <t>Student assessment is not the purpose for reporting out to parents.  The proficiency scale Is fluffy words that are far too broad and do not allow teachers to assess with any destabilize.  As a parent I hated it because I would receive the report card and still wasn’t sure how my child was doing.</t>
  </si>
  <si>
    <t xml:space="preserve">A summary of learning is redundant. Is the ministry going to provide extra pay to generate such a lengthy request? It takes about 40 hours of personal time to generate existing report cards. Asking educators to re-examine the year when they’ve already reported on it is outrageous and disrespectful. </t>
  </si>
  <si>
    <t xml:space="preserve">Students are driven by letter grades. The proficiency scale is nonsense; it’s a mask. Even with written feedback kids want a marker. Kids still ask, “Is this a B or an A?” </t>
  </si>
  <si>
    <t xml:space="preserve">This isn’t real world reporting. </t>
  </si>
  <si>
    <t xml:space="preserve">The Proficiency Scale is not suitable for middle school learners. They need letter grades and have expressed excitement about receiving them in grade 9. </t>
  </si>
  <si>
    <t xml:space="preserve">It helps keep parents updated on what their child is learning through out the year </t>
  </si>
  <si>
    <t xml:space="preserve">I feel like it informs us where our child may need more work in certain subjects </t>
  </si>
  <si>
    <t xml:space="preserve">It helps motivate the child to possibly work harder if needed to </t>
  </si>
  <si>
    <t>The number of reports is adequate, it could be fewer but it certainly should not be more.</t>
  </si>
  <si>
    <t xml:space="preserve">The words are not well chosen, and having two begin with the same letter means they must be explained more often. While the previous usage of Beginning did not always match student levels, emerging is not an improvement. </t>
  </si>
  <si>
    <t xml:space="preserve">If universities require percentages, they should get them. </t>
  </si>
  <si>
    <t>Not useful or explanatory, one system should be enough along with comments for core competencies.</t>
  </si>
  <si>
    <t>We have already had student reflections on competencies for years, they’re not always very informative or accurate. However, some student awareness of where they are is useful for parents.</t>
  </si>
  <si>
    <t>Not a good use of time in elementary. Perhaps for secondary as students are more able to see the steps they need to take and follow them.</t>
  </si>
  <si>
    <t>This is super vague. What does it mean? We already cater to diverse learners and it is often a lot of work. Additional different reporting would greatly add to workload.</t>
  </si>
  <si>
    <t>Most of it is problematic, can’t choose just one.</t>
  </si>
  <si>
    <t>Teacher workload is already huge! Stop adding more to it! These changes will not improve what parents receive and will likely add complexity that makes reports confusing. Parents often don’t understand reports and certainly don’t want more complicated jargon  or additions making it worse.</t>
  </si>
  <si>
    <t>It is not efficient.  It takes a lot of time and enery for teachers to put out written reports.  The written reports are not clear for parents; particularly those ELL parents, parents unfamiliar/not understanding of the curriculum despite Teachers trying to write things that are clear</t>
  </si>
  <si>
    <t>It takes time for students to understand the langugae and concepts of the Core Comptencies, especially ELL and students with diverse learning needs</t>
  </si>
  <si>
    <t>The anecdotal written parts</t>
  </si>
  <si>
    <t>The amount of energy, time, thoughtfulness that goes into individualizing written reports is a lot.  This diminishes the teachers planning time, puts stress  on the teacher and as a result can effect the patience and time they need to present to their students on a daily basis.</t>
  </si>
  <si>
    <t xml:space="preserve">This increased workload on teachers would take a tremendous amount of their energy. This leaves them with less energy for meaningful in class engagement with students. </t>
  </si>
  <si>
    <t>Learning is not linear and this proficiency scale denotes a linear trajectory.</t>
  </si>
  <si>
    <t>Unavoidable until post secondary institutions change.</t>
  </si>
  <si>
    <t>Students this age understand that the proficiency scale and letter grades are essentially the same thing. Extending = an A etc</t>
  </si>
  <si>
    <t>No time</t>
  </si>
  <si>
    <t>While I agree with the justification for keeping five reporting events per year, I am concerned with the amount of extra work the future reporting policy seems to require. My class sizes continue to burst at the seams, and the demands of teaching are growing larger and more complex every year.</t>
  </si>
  <si>
    <t>I am already using this type of reporting for my 11s &amp; 12s.</t>
  </si>
  <si>
    <t xml:space="preserve">I am already using this with my 11s &amp; 12s. It works well. </t>
  </si>
  <si>
    <t xml:space="preserve">I have tried incorporating student self-assessment; it works well for the higher-achieving students, but not for the rest. It is a challenge to have students organize their time and submit their assignments, let alone putting this extra responsibility on them. </t>
  </si>
  <si>
    <t>The proposed "reporting event" is similar to what exists.  Expecting a formal assessment within 25 % of a year is unreasonable in Primary.  Expecting Intermediate Teacher to also set up Student Led Conferences for 30 families is also unreasonable.   (Students are also not all in single families.)</t>
  </si>
  <si>
    <t>Adding Proficiency Scales to areas such as Career Ed and Applied Design, Skills and Tech adds more pressure to teachers.  It will not improve student learning.</t>
  </si>
  <si>
    <t xml:space="preserve">With Covid, we are busy with rebuilding physical and emotional safety for children, families, and ourselves.  Adding further requirements for reporting of student self-assessment is too much too soon.   Again, pressure on teacher.  </t>
  </si>
  <si>
    <t xml:space="preserve">Too much too soon.  With Covid, some K and Gr 1 students have barely been in group activities before.  Expecting them to understand self reflection and goal setting at the beginning of the year is unreasonable.  Again, pressure on teacher.  </t>
  </si>
  <si>
    <t>Timeline</t>
  </si>
  <si>
    <t>This policy has been developing over the last 5 yrs.  Keeping the timeline disregards the challenges of a pandemic we are still in.  Much time is spent on safety.  Our youngest students have missed many preschool socialization opportunities.  We need more time NOT more to do.</t>
  </si>
  <si>
    <t>If the intent is to provide "..meaningful student reporting" then why is the province embarking on a reporting system that uses language that parents are unfamiliar with and potentially confusing when words such as "Emerging" and "Developing" are in fact synonyms?</t>
  </si>
  <si>
    <t>The ministry's own engagement survey report of Oct. 2017 mentioned parents desire for grades because for parents they are "...easily grasped" and for students they provide motivation and help them prepare for the real world.  I agree with all three statements.</t>
  </si>
  <si>
    <t>Ontario has played with proficiencies and constructivist learning theories like Inquiry &amp; PBL for over 15 years and saw steady decline student performance as was mentioned in a CD Howe Report titled "What to do with Canada's Declining Math Scores".  Why would BC follow suit?</t>
  </si>
  <si>
    <t>I question the relevancy of competency reflections for adolescent students who are not naturally intrinsically motivated to learn.  It becomes a hoop to jump through that has very little meaning to the vast majority of students and demonstrates how far the ministry is removed from the classroom.</t>
  </si>
  <si>
    <t xml:space="preserve">Goals are good, but most adolescents are not motivated by educational goals in every subject they take.  They may be motivated in one or two subjects, but it would be naïve to assume that a teen would seen goal setting in every subject as meaningful and intrinsically motivating.   </t>
  </si>
  <si>
    <t>It is not that I don't believe in inclusive learning, I just question the logistics of such a requirement when current funding models are inadequate to address the needs of identified and coded students that exist already and are unable to adequately address identifying those who are not.</t>
  </si>
  <si>
    <t>Letter grades should return to grade 6 and above.  Parents and students can understand them and they provide motivation.  Students are increasingly apathetic about school because everyone is "successful" which leads to less motivation to learn because there is no perceived "value" in report cards.</t>
  </si>
  <si>
    <t xml:space="preserve">This is way too much for teachers to do if they have 30 students per class. Most parents just want to see their child's grade very few actually read the written section. </t>
  </si>
  <si>
    <t>This is the worst and dumbest thing to come out of education for a long time. Using this scale actually promotes mediocrity because there is nothing less then emerging so they know they can do nothing. It is ridiculously bias because each teacher can decide what those words mean. Ridiculous!!</t>
  </si>
  <si>
    <t>Letter grades should actually go from grade 8-12. Why are we dumbing down education??? Why are we not wanting our students to find success in our Universities. Pushing everyone through to save money is not in the best interest of anyone but the government.</t>
  </si>
  <si>
    <t>I hope this isn't a move to go to just proficiency later on. I do think it is and I really hope the next government changes these policies.</t>
  </si>
  <si>
    <t>Most kids do not have enough brain development yet to reflect critically or at all. This is such a waste of time and kids are confused what they are suppose to do parents are not sure why they are reading their reflects. Teachers are overworked already so why are we adding more things to their plate</t>
  </si>
  <si>
    <t>How about the goal is to pass the class?? These are really things parents should be doing at home. I feel like parents are dumping all leaning on teachers instead of doing their job.</t>
  </si>
  <si>
    <t>There is no way to teach 30 different plans in one class. The only way is to put everyone on a computer and find them their own program. Also, sometimes the best place for students is in special ed classrooms. This is another way to save money. I am disgusted where Canada is going with these ideas.</t>
  </si>
  <si>
    <t xml:space="preserve">Because pushing kids through without knowing anything under the guise of emerging is actually going to lead to fewer successful adults. Also, allowing everyone to do whatever they want and calling it an individual learning plan is not modeling the real world and building no residency. </t>
  </si>
  <si>
    <t>We are already strapped for time within the timetable for these sorts of endeavours. It is no longer acceptable for teachers to be putting their work/life balance in jeopardy, squeezing in yet another comprehensive task whilst not raising pay up to standard + not allowing for time within time table.</t>
  </si>
  <si>
    <t>Cohesiveness is key.</t>
  </si>
  <si>
    <t>I find it ironic, and frankly off-putting that I don't have adequate space to give you fulfilling feedback within these forms...</t>
  </si>
  <si>
    <t xml:space="preserve">NOT ENOUGH TIME. WE ARE TEACHER&lt; PARENT&lt; COUNSELLOR&lt; CARING EAR&lt;MENTOR&lt;CUSTODIAN&lt;ASSESSOR AND EVEN BABYSITTER IN SOME UNFORTUNATE SYSTEMIC FAILURE-BASED CASES... stop overwhelming us. </t>
  </si>
  <si>
    <t xml:space="preserve">At a high school level a teacher could easily have 120 students for every reporting period.  To expand and do as proposed simply does not offer enough time to the teacher to do.  Elementary teachers comment how much time it takes them for 20-24 students.  multiplying that number by 5 without giving </t>
  </si>
  <si>
    <t>I like the involvement of the learner in their learning process which helps them gain an understanding of where they are at.  I do not like the movement away from some sort of standard system using letter grades or percentages as students get a false sense of success when criteria is not met</t>
  </si>
  <si>
    <t>More real life experience.  Students need to/must understand that when criteria is not met that success or completion of course curriculum will not be awarded</t>
  </si>
  <si>
    <t>As a part of the process of assessment along with letter grades or percentages this model could benefit students but will be difficult for teachers of high school to manage due to numbers of students taught and the time required to do properly</t>
  </si>
  <si>
    <t>In conversations with high school students many or most do not like this model and are resistant</t>
  </si>
  <si>
    <t xml:space="preserve">Good teachers already do this for all students but at same time there needs to a common standard kept that all students need to meet.  Diminishing that devalues the learning for all.  Standards should be kept high and encouraged to be met rather than lowering the expectations </t>
  </si>
  <si>
    <t>While it may be the same “number” of reports required, it is not the same “type” of reporting, nor is it the sought-after information for the general populace. Tradition—unilaterally in European, North, Central, and South American culture—has ingrained with the pre-adult “school culture”...</t>
  </si>
  <si>
    <t>... a sense of earning numerical marks/grades (easily understood by all), while comments were supplementary if needed. Take a look at a current report card from the majority of these countries in these regions and you will see numbers, not a plethora of words. By removing numbers we lose a...</t>
  </si>
  <si>
    <t xml:space="preserve">... recognizable standard of achievement for students, parents, and universities—and as a result, we lose motivation to achieve/improve. Imagine competing in the Olympics, but without a goal to achieve. No judges’ score broadcast and understood on an international level. No gold, silver,            </t>
  </si>
  <si>
    <t>... or bronze medal to earn for your own sense of pride and for country. Finish your event, and receive a paragraph about your performance written in a language that most people don’t understand. Where is your motivation? Or simply compete on the local level. Try getting a high school football...</t>
  </si>
  <si>
    <t>... team out to practice when at every game no one keeps score. What frustration! How will they know if they’ve improved as a team if they simply get passed on to the next game? No more championship matches. No need to press forward and encourage each other toward a visible end. Now apply that to a</t>
  </si>
  <si>
    <t>a class with no incentive to improve. It’s true: academic assessment, on a personal level, is not about public competition with others. For this reason, we no longer post grades with names and numbers for all to see. No one wants Johnny feeling bad in front of peers. But it is about giving a ...</t>
  </si>
  <si>
    <t xml:space="preserve"> a reflection that allows Johnny to achieve beyond his previous performance, and to that end we should assess in a way that Johnny will initially understand, and then ask for clarification for himself. As an educator and a parent, I’ve had to interpret the edu-babble paragraphs of my young...</t>
  </si>
  <si>
    <t>children’s report cards for them. That shouldn’t be necessary. Kids understand number and letter grades more readily than “is minimally meeting the requirement in the ability to distinguish between indirect and direct object pronouns along with their placement when used in present progressive tenses</t>
  </si>
  <si>
    <t xml:space="preserve">Written formal report in Jan  gave me and students time to honestly monitor progress over time. Formal report in Dec. isn't enough time-- district assessments and FSA take up time. Doing a written interim in Dec provides feedback, and then a formal report end of Jan. is perfect followup. </t>
  </si>
  <si>
    <t>The developing range is much too large.
The extending range does not seem achievable and too many different interpretations around what it means--more inservice needed to ensure a standard across the board</t>
  </si>
  <si>
    <t xml:space="preserve">Most have been doing this all along. More explanations needed, however, as to how it  should be indicated on the report that progress is based on inclusive supports. This would provide a more clear picture to parents and next teacher (allow continuity over grades). </t>
  </si>
  <si>
    <t xml:space="preserve">Flipping Dec and Feb reports is a better option. Dec should be a learning update (varied format) followed by a written learning update in Feb. Much more time to allow for progress over time, and to have kids set and monitor goals. Not enough time to do it all by Dec. </t>
  </si>
  <si>
    <t>I have children in Grade 9 &amp; Grade 12.  I would prefer teachers spent their time educating.  I believe at the high school level if the teachers used the online reporting system on a  weekly basis my child and I could login and see their up to date standings.  Then I can contact the teacher as needed</t>
  </si>
  <si>
    <t xml:space="preserve">It's a wordy and vague scale for young children and it is not used in the real world or post secondary.  </t>
  </si>
  <si>
    <t>Clarity, used in post secondary,  understandable and objective.</t>
  </si>
  <si>
    <t>Unnecessary.</t>
  </si>
  <si>
    <t>High School</t>
  </si>
  <si>
    <t>Middle and High School.  Elementary NO.</t>
  </si>
  <si>
    <t>Depends on support available.</t>
  </si>
  <si>
    <t xml:space="preserve">Time is best spent teaching! Not assessing for multiple reports.  Covid has placed a strain on every worldwide system and has a negative impact on my child's experience.  Teachers need to work with students not  on extra reporting. </t>
  </si>
  <si>
    <t xml:space="preserve">Teachers don't necessarily cover every subject every term. We may focus on certain subects each term. Teacher autonomy. 
</t>
  </si>
  <si>
    <t>Low incidence learners have modified programs. How can they be evaluated like the other students when many are not speaking, reading or writing? We report based on individual needs/abilities.</t>
  </si>
  <si>
    <t xml:space="preserve">K-7 teachers talk to many parents every day already. Concerns are brought up regularly, so why do we need so many written reports? TEACHING not ASSESSING. Our caseloads are increasily challenging with less and less support! We are burning out. I spend weeks of my time coaching too! Priorities?! </t>
  </si>
  <si>
    <t>5 reports are too many and require too much time to create.  I would prefer a regular feedback such as access to marks on a weekly basis where my child and II could just view current marks and ask for teacher support as needed</t>
  </si>
  <si>
    <t>The words are confusing for kids and parents.</t>
  </si>
  <si>
    <t>Grades are linked to percentages and they make sense</t>
  </si>
  <si>
    <t>I feel it is not necessary as there are already grade and percentages</t>
  </si>
  <si>
    <t>Reflecting on learning is important especially in the higher grades such as middle and high school. Lower grades are more effective with short term goals such as today I will get ready on time instead of a term or year long goal.</t>
  </si>
  <si>
    <t>Goal setting is key for older students linked to actions not young students  It would be key for middle to high school students to build understanding of goals and how to set plans to reach them</t>
  </si>
  <si>
    <t>If this means using visuals and adult support to ensure they receive the support then yes.  If it requires the teacher meet with each student and the rest are idle then I would say no.  All students need support but we also need a big infusion of funding to see this happen it cannot work as is</t>
  </si>
  <si>
    <t>I think students have been put in a difficult situation with extra stress and expectations and no more support or learning time.  We need to support, educate and foster learning not increase reporting and assessments.</t>
  </si>
  <si>
    <t xml:space="preserve">Parental communication is important, and given that this is the same number of reports currently required, it won't add to teacher workload. </t>
  </si>
  <si>
    <t xml:space="preserve">We are already assessing based on the proficiency scale, it makes sense to use it for reporting procedures as well. </t>
  </si>
  <si>
    <t xml:space="preserve">This makes sense given that many post-secondary institutions require letter grades and/or percentages. </t>
  </si>
  <si>
    <t xml:space="preserve">This provides more options for teachers and provides assessment continuity. However, realistically most teachers will continue using percentages and grades-based reporting for grades 10-12. </t>
  </si>
  <si>
    <t xml:space="preserve">Self-assessment is a big part of the new curriculum, and it makes sense to have it be a priority. However, I am concerned about how teachers will find the time to conference with each student, given the needs of other students in the class and no access to resource teachers in rural locations. </t>
  </si>
  <si>
    <t xml:space="preserve">Same concerns as above. </t>
  </si>
  <si>
    <t xml:space="preserve">I wouldn't change anything, I'm just concerned about how this might impact teacher workload, particularly in areas with fewer access to resources.  </t>
  </si>
  <si>
    <t xml:space="preserve">I am appreciative on getting feedback before grades because it helps me improve before I get a stain on my report history. The issue is many teachers give only a 'good' work habit mark , and it is very disheartening to put lots of work and dedication into class and not receive an excellent. </t>
  </si>
  <si>
    <t>The idea of a proficiency scale is good, however the system currently shields students from seeing 'bad' grades. I've never heard a teacher give out an Emerging, regardless of how much a student deserved it. I also found it annoying to get the same extending mark as less hardworking students.</t>
  </si>
  <si>
    <t>I believe that letter grades are suitable for every class except physical education.</t>
  </si>
  <si>
    <t xml:space="preserve">I think that this is a decent idea (as I have been graded unfairly in PE due to my low muscle tone condition before) however if this in some way supports removing more gifted programs/honours classes/ap classes then I change my vote to not at all satisfied. </t>
  </si>
  <si>
    <t>Making sure teachers actually think about what work habits mark to give instead of giving everyone good when they deserve more/less.</t>
  </si>
  <si>
    <t>I feel that 5 is too many formal repots.  The first report should come sooner than March.  For example, sending  parents a formal report  in December would be more effective then following it in January with goal setting once they have a clear idea of the strengths and stretches.</t>
  </si>
  <si>
    <t>These words are confusing the students and parents.  Many confuse emerging and extending.  It does not communicate clearly to our lower literacy parents and young children.</t>
  </si>
  <si>
    <t>The seems objective and clear to students at this level</t>
  </si>
  <si>
    <t>It is redundant in my opinion</t>
  </si>
  <si>
    <t>Self assessment is valuable however I do not think it needs to be in a formal report.  It needs to be taught as continual growth.</t>
  </si>
  <si>
    <t xml:space="preserve">Goal setting in primary an elementary needs to be immediate not for a term or year.
They need to set goal such as- I will put my books on my desk before the bell then see how they do that day.
Older students should learn to set goals and reflect and adjust as needed aligning them with life </t>
  </si>
  <si>
    <t>This sounds nice but would need support with $ as far as CEAs and teachers time</t>
  </si>
  <si>
    <t>This is too many reports. I feel we would be better off doing a formal report first term, meeting with parents and formal last term.  If there are needs communicating those as needed to provide the most education, learning and support.  Reporting needs to be clear and assessment time provided.</t>
  </si>
  <si>
    <t>Many of my students do not attend school regularly and being given the responsibility of doing a separate write up for each student who is not meeting expectations is very time consuming and pointless.  The parents just don't care unless there is a possibility for their child to fail.</t>
  </si>
  <si>
    <t>While self refection can be useful, it is not all that relevant for many of the students in the margins who cannot be convinced that their education is important.</t>
  </si>
  <si>
    <t xml:space="preserve">Great idea for those who value education.  </t>
  </si>
  <si>
    <t>I am very interested in what kinds of supports will be available for those needing diversity and inclusion.  In districts where up to 30% are designated or should be, the teachers are already overworked trying to meet the student's various needs.</t>
  </si>
  <si>
    <t>supports for the teachers</t>
  </si>
  <si>
    <t>Many students who are not successful for a variety of reasons from historical trauma, alcoholism, neglect, financial constraints, addictions to technology etc. I have no reason to assume that there will be any meaningful supports to assist these students with the new evaluation system from the gov.</t>
  </si>
  <si>
    <t>I like to be kept informed</t>
  </si>
  <si>
    <t>It is too vague</t>
  </si>
  <si>
    <t xml:space="preserve">Sets a better scale to fully understand learning proficiency </t>
  </si>
  <si>
    <t>I recommend instead to bring letter grades back to k-9</t>
  </si>
  <si>
    <t>Students need to be engaged in their learning and have ownership of their progression</t>
  </si>
  <si>
    <t>Reasonable SMART goals</t>
  </si>
  <si>
    <t xml:space="preserve">Better scale transparency </t>
  </si>
  <si>
    <t>The 4 words we once had always get changed, this is terrible for students. They get used to acquired and then it changes. We don't need different buzz words or more work of adding a comment to explain things, we need consistent language and less work, not more.</t>
  </si>
  <si>
    <t>Why can't teachers have students send this student assessment home on paper so students can write it down on their own and take it home to show their families? By adding it to their report cards how does it get onto them? A cut and paste for teachers? Way too much work</t>
  </si>
  <si>
    <t>Teachers do goal setting all the time with their students, this does not need to be on a report card for accountability. More added work.</t>
  </si>
  <si>
    <t>most of them</t>
  </si>
  <si>
    <t xml:space="preserve">These changes put far work work on the teacher and parents barely read report cards, they look for the descriptor and are done. We know this because they ask us questions we've already written in the report card. Adding more information to the report is a complete waste of time. </t>
  </si>
  <si>
    <t xml:space="preserve">A four point scale to replace a four point scale is just the ABCD grade in a different format. Why not give a "meets expectations" if they are grade level or higher or "working towards" if they aren't there yet. Specific report comments will then elaborate so parents understand the meaning. </t>
  </si>
  <si>
    <t xml:space="preserve">It is a complete waste of time. My child reflects every day on their learning when talking about their day. I don't need a picture attached to tell me this. What a waste of time for the kids and teachers. </t>
  </si>
  <si>
    <t xml:space="preserve">Goals that are made each term are, again, a time waste. Goals should not be to fulfill a requirement of a report card. It should be an ongoing process in the classroom that students receive regular feedback on. Not once every four months. </t>
  </si>
  <si>
    <t xml:space="preserve">It just seems like a waste. </t>
  </si>
  <si>
    <t xml:space="preserve">Most years, my elementary students are working on learning routines/expectations in Sept/Oct. The expectation that we can teach and provide updates/reports for ALL subject areas within the first 25% of the school year is unreasonable and would be extremely challenging for both students and teachers
</t>
  </si>
  <si>
    <t xml:space="preserve">My students' parents/guardians' value descriptive feedback. They often do not understand the proficiency scale levels and benefit from the opportunity to have conversations with the teacher about their child's learning. </t>
  </si>
  <si>
    <t>Having to include self-assessments across the school year makes me feel like we are not trusted. As with all learning, teachers should have the autonomy to do self-assessments with their students when they feel it will be most beneficial to their learning.</t>
  </si>
  <si>
    <t>Many of our elementary aged students do not have the background knowledge to know what they are interested in learning about. We need to have the flexibility to set inquiry goals with our students at times that work for our students and not dictated by policy</t>
  </si>
  <si>
    <t>See answer to question above</t>
  </si>
  <si>
    <t>This reporting system isn't useful for parents to see how their child is ACTUALLY doing with school.  It seems like the teachers copy and paste answers from other kids report cards (they've even had "she" on the report card for my male children, this is not a pronoun they go by!).   It isn't clear!</t>
  </si>
  <si>
    <t>The letter grades and number percentage grades give a MUCH clearer picture for the kids and parents as to how they are doing.  The current system has taken away ambition for my children, as they feel they don't have to try as hard to because these "grades" don't really matter!!  That's discouraging!</t>
  </si>
  <si>
    <t xml:space="preserve">Please don't continue on with this joke of a reporting system (the provincial proficiency scale), it's useless and DOES NOT prepare these kids for University!
</t>
  </si>
  <si>
    <t>As stated above, this reporting system has taken away motivation for my children to try hard at school.  It is discouraging as a parent to see that they aren't being challenged to their ability, because they know this reporting system means nothing.  It doesn't set these kids up properly for Univers</t>
  </si>
  <si>
    <t>I am satisfied with the number of reporting events. I like how these events do not all have to be written, so that reporting events can include other mediums (portfolios, conferencing, etc.).</t>
  </si>
  <si>
    <t>I am pleased to see that letter grades are no longer required for Grades 6-9.</t>
  </si>
  <si>
    <t xml:space="preserve">I am pleased to see the the Ministry of Education is encouraging the Provincial Proficiency Scale for Grades 10-12, but I believe that letter grades and percentages should only be required for summative reporting events. </t>
  </si>
  <si>
    <t>I am pleased to see that student self-assessment of the Core Competencies will be integrated for learners at all grade levels.</t>
  </si>
  <si>
    <t>I fully agree with this policy statement.</t>
  </si>
  <si>
    <t xml:space="preserve">I would like to see more reporting tools to support teachers in their reporting for learners with exceptionalities. </t>
  </si>
  <si>
    <t>I think this is the right direction, and I am happy to see these changes in the K-12 Reporting Policy. Although, is it necessary to include letter grades and percentages for every 10-12 reporting event?</t>
  </si>
  <si>
    <t>For older grades, we have the internet. Formative and summative feedback can be shared shared through the whole year. Parents can look at anytime to see their childs progress so far on any assigment that has been "marked"</t>
  </si>
  <si>
    <t>Love that the emphasis is moving away from percentages</t>
  </si>
  <si>
    <t>Scale will then just be a conversion scale and each proficiency level would have an associated grade. Maybe encourage schools to use the proficiency vocab in their RC comments. Also IB schools, we already have to give an IB score, a percentage, a self-management mark and a lengthy comment.</t>
  </si>
  <si>
    <t>We already do this at my school. Just wouldn't want it to turn into a standardized hoop to jump through versus the authentic process we currently use that is tailored to our students.</t>
  </si>
  <si>
    <t>Not exactly sure what that looks like in practice.</t>
  </si>
  <si>
    <t xml:space="preserve">Too many formal written reports, which creates extra work for already overburden teachers. </t>
  </si>
  <si>
    <t xml:space="preserve">Already using the proficiency scale and feedback so this isn’t much of a change. </t>
  </si>
  <si>
    <t>In a full year course this makes sense, but in a semester system this is a lot of reporting.</t>
  </si>
  <si>
    <t>I like the proficiency scale and think its more useful and accurate than percentage grades.</t>
  </si>
  <si>
    <t xml:space="preserve">I would like the option to use just letter grades and not percentages for grade 10-12 because percentages are inaccurate across teachers and subject areas and give a false sense of precision. Students worry about a or 2% lost or gained instead of their growth. </t>
  </si>
  <si>
    <t>I wish I didn't have to give a percentage</t>
  </si>
  <si>
    <t>I'd like more details in how this is going to be implemented. Teachers at our school are not really discussing the core competencies explicitly with their students</t>
  </si>
  <si>
    <t>I think these are valuable skills to teach students</t>
  </si>
  <si>
    <t>I'd like more explicit details about how this is to be done</t>
  </si>
  <si>
    <t>I think removing percentages would address many of the other areas (like inclusion, goal setting and self-assessment because it will make those things easier)</t>
  </si>
  <si>
    <t>It is too many written reports. For the amount of time teachers put into the reports, parents do not really spend that much time reading them OR learning from them. The BEST feedback is during 3-way conferences - which should count towards a written one. There should only be two written ones.</t>
  </si>
  <si>
    <t>Proficiency scales should be used 10-12 as well. Similar to the International Baccalaureate 1-7 scale. Universities accept this so there should be no problem switching.</t>
  </si>
  <si>
    <t>This should only be done once per year - not every reporting period. Students, by the end of the year, are numb to the process and just "follow along".</t>
  </si>
  <si>
    <t>This should only be done twice per year (start and end)- not every reporting period. Students, by the end of the year, are numb to the process and just "follow along".</t>
  </si>
  <si>
    <t>Some students CAN NOT learn at the same rate of their peers because of their disabilities. It is irresponsible of us to gauge the learning of a student with a learning disability with their peers who do not. Teachers and administrator should have the authority to adapt the curriculum to the student</t>
  </si>
  <si>
    <t xml:space="preserve">See answers - Only two written and one 3 way conference is sufficient. </t>
  </si>
  <si>
    <t>It is ok to do five reports for primary,but not fair for high school.One teacher has to deal with 150 students</t>
  </si>
  <si>
    <t>Scales are acceptable</t>
  </si>
  <si>
    <t>Letter grades are needed to get admission in university</t>
  </si>
  <si>
    <t>Primary students don't get it and write what teachers tell them to write.</t>
  </si>
  <si>
    <t>Many students are writing unrealistic goal and not achievable.</t>
  </si>
  <si>
    <t>Two reports are manageable.It take too much time to documenting everything for three reports.We need teaching time as well.</t>
  </si>
  <si>
    <t>The frequency of the reporting is what we currently use and I find it adequate.  I would not be able to do more.</t>
  </si>
  <si>
    <t>I prefer this scale to letter grades because I think that at my grade level the students do not necessarily have the learning skills to achieve an A or B, but can learn to get there.  Also, there is a finality to letter grades, but learning never stops.</t>
  </si>
  <si>
    <t xml:space="preserve">At the grade 4 level, it requires a lot of teaching to get students to understand what achievement in these areas looks like, and there is not enough time to teach everything that we are supposed to teach.  The students are not always thoughtful when self-assessing.  </t>
  </si>
  <si>
    <t xml:space="preserve">too much in T1 (commun building, routines, FSAs, beg. assess, others), esp in Fr. Im.
Getting enough info for T1 reports is already stressful
Class comp. can make working 1 on 1 difficult
gr 4 struggle to set approp. goals - need 1 on 1 conference
</t>
  </si>
  <si>
    <t xml:space="preserve">Goals are important.  Reporting = formalizing = a lot of teaching early in the year. 30 Gr4s with gr. 1-6 ability and poor self-regulation with little support = still learning routines. No way I'd be able to have each student set goals in each area and report on progess in the next 4 weeks.  </t>
  </si>
  <si>
    <t xml:space="preserve">It’s not too arduous and seems fair enough. </t>
  </si>
  <si>
    <t xml:space="preserve">That’s what I use already.  It’s easy to explain but not every teacher understands it the same. There should be exemplars made. </t>
  </si>
  <si>
    <t xml:space="preserve">I teach lower grade.  </t>
  </si>
  <si>
    <t xml:space="preserve">I don’t teach that grade. </t>
  </si>
  <si>
    <t xml:space="preserve">I do this already. </t>
  </si>
  <si>
    <t xml:space="preserve">It’s a good idea to teach goal setting. </t>
  </si>
  <si>
    <t xml:space="preserve">Reporting is challenging but the current setup isn’t too ornery. </t>
  </si>
  <si>
    <t>It is the same as the existing policy.</t>
  </si>
  <si>
    <t>This scale is more equitable and helpful than traditional grades.</t>
  </si>
  <si>
    <t xml:space="preserve">It seems unfair to switch students from proficiency scale to letter grades so suddenly and so late in their careers. It would be best to keep using the same system they are used to, and perhaps the universities can adjust their admission policies. </t>
  </si>
  <si>
    <t>This would be best and give consistency to students and teachers.</t>
  </si>
  <si>
    <t xml:space="preserve">This makes sense and indicates that the core competencies actually matter to our students! </t>
  </si>
  <si>
    <t>Two reports are sufficient.</t>
  </si>
  <si>
    <t>Letter grades are more clear and concise and help students more than elementary standards of grading. More advanced grading methods should be used ofr more advanced work done in school. This is logical.</t>
  </si>
  <si>
    <t>Would provide a clear overview of the students progress and understanding of the subject he/she took.</t>
  </si>
  <si>
    <t>This would result in a mix-and-match of grading systems. Create problems for Universities and employers as to which to accept. Therefore, it is easier to accept the letter grades as they are clearer and easier to understand by everyone.</t>
  </si>
  <si>
    <t>They should try to achieve goals.</t>
  </si>
  <si>
    <t>There should be a complete ban on all LGBTQ students in schools as they are forcing teachers (already low paid) to divert attention from the class towards them as they are 'special' instead the students should be sent to a mental health facility or detention centre for attempting to change standards</t>
  </si>
  <si>
    <t>What the government thinks is "diversity" is bringing in more money-launderers and gay people who are doing nothing but ruining our country with ill ideas and propaganda from abroad.</t>
  </si>
  <si>
    <t>This is an okay to provide feedback to parents for children in primary grades, but it doesn't offer great feedback as a child moves to higher grades nor is it helpful I  a real world setting.</t>
  </si>
  <si>
    <t xml:space="preserve">I would like to see letter grades introduced earlier. A growth mindset can still be instilled by how the grade is framed and the teachers overall approach to feedback. </t>
  </si>
  <si>
    <t>We have been using the scale for 4 years. The visual aspect of the scale as well as he possibility to place the slider in between two is more representative of student growth than letter grades or numbers.</t>
  </si>
  <si>
    <t>How about attaching the pourcentages to the 4 slider words as well. Pourcentages are gréât for older students to see small changes in progress.</t>
  </si>
  <si>
    <t>See above comment</t>
  </si>
  <si>
    <t>Teachers do this already</t>
  </si>
  <si>
    <t>The formal written reports in elementary take inordinate amounts of time to prepare: about 3 weeks of evenings and weekends for each report. I have less time for planning and family. Twice is sufficient when combines with OCSLs</t>
  </si>
  <si>
    <t>What is a written summary at the end? Currently there are two written reports that go home in our district. One in Jan and one in June with two conferences and one informal. 3 written reports seems like more work and tedious for teachers and not necessary to inform parents of child’s learning.</t>
  </si>
  <si>
    <t>The four point scale is too subjective, especially for high school students who want letter grades and need aim to do better when they have a percent and a letter attached to their learning. It also better prepares them for university. I have two students in the system and they hate the scale system</t>
  </si>
  <si>
    <t>Letter grade and percentages motivate students. They work harder, see more value in them and it prepares them for future careers and universities better.</t>
  </si>
  <si>
    <t>It’s too fluffy, parents don’t understand the scale or the language, and it’s very teacher subjective.</t>
  </si>
  <si>
    <t>Parents don’t care about it or cause it. Creates more work for the educators and ultimately gets thrown in the garbage by parents each year end report.</t>
  </si>
  <si>
    <t>Teachers already do goal settting, doesn’t need to be formalized. Creates more work.</t>
  </si>
  <si>
    <t>Students value letter grades and parents don’t like sliding scale or new reporting language. It is more teacher subjective and less consistent from grade to grade, teacher to teacher.</t>
  </si>
  <si>
    <t>When our school first started the pilot, we were told that the summative report was the final assessment, so that we were doing formal written reports in January and June with the June report having a term and a final assessment. I loved this system but last year, we were told we needed 3 reports-</t>
  </si>
  <si>
    <t xml:space="preserve">I like this system, but I feel like there needs to be a minimally proficient and fully proficient ( a five point scale) and an alternative for students who are not completing their work </t>
  </si>
  <si>
    <t>Core competencies are important and need to be discussed throughout the year, but the curriculum keeps getting larger and teaching time does not (addition of ADST etc) Not all time problems can be solved by combined units especially in split grades</t>
  </si>
  <si>
    <t>Time constraints as above.  You cannot keep adding without taking something away.</t>
  </si>
  <si>
    <t xml:space="preserve">Increased time and stress gathering assessment. This is taking away from teaching time. The teaching pedagogy does not align with the assessment style. Increased stress load for teachers, as they are constantly thinking about forms of assessment and not teaching or engaging with the students. </t>
  </si>
  <si>
    <t>It is too abstract for students. What is wrong with teaching students skills and materials, all the while encouraging curiosity? Why is it necessary to always self assess? Just let them be kids and be curious and learn.</t>
  </si>
  <si>
    <t xml:space="preserve">I think goal setting is important, but should be more community based in the classroom and not reported on. If a parent wants to know their child's goal they should look in their agenda, where it is written, or book a time to speak to their child's teacher. </t>
  </si>
  <si>
    <t>There needs to be a level of standards in reporting. All students need to be met where they are in their learning, but assessment needs standards. Standards allow goals for be set.</t>
  </si>
  <si>
    <t>We are already sending work home with feedback. Teachers are already goal setting and displaying goals in the classroom for students to reference. Teachers are already doing self-assessment, but it's in a sharing circle and not on paper sent home. Spend some time in a classroom and you will see!</t>
  </si>
  <si>
    <t xml:space="preserve">The teacher work load is getting to be a wee bit ridiculous.   </t>
  </si>
  <si>
    <t>Emails from the school district are frequent enough</t>
  </si>
  <si>
    <t xml:space="preserve">More differentiated performance and criteria (similar to current state) should continue. Having only four levels of performance does not lead to students driving for higher marks and higher performance (I want my children to strive for A-grades). I believe this will lead to mediocrity. </t>
  </si>
  <si>
    <t xml:space="preserve">Students will know exactly how they are doing and I agree with this </t>
  </si>
  <si>
    <t xml:space="preserve">Neutral as long as there are also grades and percentages </t>
  </si>
  <si>
    <t xml:space="preserve">I think it's important for students to critically analyze their learning and contributions </t>
  </si>
  <si>
    <t xml:space="preserve">Goal setting is important and I believe it should be encouraged at an early age </t>
  </si>
  <si>
    <t xml:space="preserve">makes sense </t>
  </si>
  <si>
    <t xml:space="preserve">I don't believe that removing letter grades for grades 4-9 should occur </t>
  </si>
  <si>
    <t>It's important for parents to know exactly how their child is preforming at school so that the parent can make adjustments as needed to support their child.</t>
  </si>
  <si>
    <t>While this system is ok for younger children  I strongly feel there is too much grey area as they get older.  Percentage grades are much more effective for seeing what level a child is at and is easier for them to set goals themselves to strive to do better.</t>
  </si>
  <si>
    <t>This should be the standard long before high school</t>
  </si>
  <si>
    <t xml:space="preserve">Why waste time doing an additional scale? You get a percentage grade, comments on other important factors and be done.  </t>
  </si>
  <si>
    <t>This will be good for preparing students for real life careers where self assessment is a part of many companies yearly reviews.  It also encourages children to set goals to do better.</t>
  </si>
  <si>
    <t>Already addressed in previous comments.</t>
  </si>
  <si>
    <t>While I agree that diversity and inclusion is critical, it's important that we celebrate and encourage the individuals talents and achievements.  It seems like we are moving into a time where you cannot excel at something because it might offend someone who has different strengths.</t>
  </si>
  <si>
    <t xml:space="preserve">Scales are a waste of time and leave too much to the imagination.  Give a percentage grade to be clear where a child stands.  </t>
  </si>
  <si>
    <t>Reports are too wordy and include too much jargon. Elementary should just be checklists.</t>
  </si>
  <si>
    <t>All elementary aged students are still developing their skills, none are really proficient</t>
  </si>
  <si>
    <t>Students at the elementary level are not ready to meaningfully reflect on these abstract competencies. The language needs to be far more kid/ parent friendly</t>
  </si>
  <si>
    <t>Not relevant for elementary aged children. High school yes, learning to set goals needs to be the focus in elementary school. This preparing g them to participate in a meaningful way in high school</t>
  </si>
  <si>
    <t>More informal reporting and a greater focus on work habits at elementary school</t>
  </si>
  <si>
    <t>Very young students have difficulty with this… especially early in the year.  It is unrealistic.</t>
  </si>
  <si>
    <t>Very young students have difficulty with this… especially early in the year</t>
  </si>
  <si>
    <t>I was only allowed to choose one thing I would change but there are many.  You have really increased teacher workload, especially in the younger grades.  Young Students are not good at accurately setting goals, self assessing.   Teachers in elementary will be respirating on every subject in a formal</t>
  </si>
  <si>
    <t>It is the definition of written report that I object to.Digital portfolios which include descriptive feedback, ways to support student, proficiency scale information for all areas of learning, student self-assessments and goal setting should be considered a "written report." Transformative learning!</t>
  </si>
  <si>
    <t>Digital portfolios can include these scales and should be an acceptable form of "written" report and not relegated to the "other" category of learning update. This updated policy should include updated methods of reporting matching the redesigned curriculum.</t>
  </si>
  <si>
    <t>No changes here to reflect the redesigned curriculum. One more reason for the high schools to have no incentive to change their practices to include more transformative learning.</t>
  </si>
  <si>
    <t>Letter grades, percentages, and proficiency scale is just more with no extra clarity. This is not an updated reporting policy for 10-12 as no real changes are being made at this level.</t>
  </si>
  <si>
    <t>This is a valuable self-assessment to be included in the reporting process. The fact though that the digital portfolios are not considered a "written" report detracts from this updated policy reflecting the redesigned curriculum and the transformative learning we have been moving ahead with.</t>
  </si>
  <si>
    <t>I believe student goal setting is an import. process, but my views are consist. coloured by the fact that digital portfolios are not considered a "written" report. Portf. include descriptive feedback, ways to support, proficiency scale,  self-assess, and goal setting.This is transformative reporting</t>
  </si>
  <si>
    <t>I do not have any issue with this portion of the proposed new policy except that excluding digital portfolios from the "written" report section does a disservice to parents by reducing their child to words. Seeing the photos and videos of their child will help demonstrate their child's learning</t>
  </si>
  <si>
    <t>the role of digital portfolios</t>
  </si>
  <si>
    <t xml:space="preserve">This policy does NOT reflect transform.learning and the fact that Dportfolios are relegated to only one of types of learning updates demonstrates that.These should definitely be included in "written" reports as they are timely (all year) and very descriptive! This policy is dissapointingly the same </t>
  </si>
  <si>
    <t>It keeps a high bar and expectation for ensuring parents are informed.</t>
  </si>
  <si>
    <t>Letter grades are limiting and parents (and teachers) can get hung up on the letter grade, rather than the learning behaviours and what the student is able to demonstrate independently and with support.</t>
  </si>
  <si>
    <t>I am not involved in the Grade 10-12 system so I don't have an opinion on this.</t>
  </si>
  <si>
    <t>No opinion, based on no involvement in the 10-12 system.</t>
  </si>
  <si>
    <t>Student voice and active participation is important.</t>
  </si>
  <si>
    <t>Curious to what this will look like, but it is very important.</t>
  </si>
  <si>
    <t>Normalizes the proficiency scale as important and valid. Will force Universities and Colleges to rethink their assessment practices.</t>
  </si>
  <si>
    <t>Not particularly useful with younger, primary students</t>
  </si>
  <si>
    <t xml:space="preserve">The language is unnecessarily complicated and not easily interpreted by parents.  It puts an extra burden on high school teachers who need to report on up to 200 students at a time.
It encourages mediocrity in high school (have seen 1st hand evidence).
</t>
  </si>
  <si>
    <t>I feel that grades don't give enough feedback on how my child is doing.  I prefer the proficiency scale.</t>
  </si>
  <si>
    <t xml:space="preserve">I feel that using one scale (descriptive, proficiency scale) throughout a students education and then switching in grade 10 to a different system that uses grades as indicators of level of performance is very confusing. </t>
  </si>
  <si>
    <t>Many secondary schools in our province are semestered, and this reporting order acts as if they don’t exist</t>
  </si>
  <si>
    <t>It needs to be clear to both teachers and students and parents that the definition of emerging means minimally meeting course requirements in order to be able to access the next year’s courses.</t>
  </si>
  <si>
    <t>Pick one system…keep the proficiency levels all the way up, otherwise grades below will just overlay the grading system onto the proficiency scales.</t>
  </si>
  <si>
    <t>Get rid of the letter grades…pick one system and stick to it. Don’t make proficiency scales a poor substitute for letter grades</t>
  </si>
  <si>
    <t>The idea is good, but this needs time and support to be thoughtfully implemented. The ministry is e petting a great deal of change with minimal input of support</t>
  </si>
  <si>
    <t>See previous comment about this good idea needing time and support to be authentic and meaningful.</t>
  </si>
  <si>
    <t>Again…what support is the Ministry going to give the system to make this happen? Shelley moore videos are not enough</t>
  </si>
  <si>
    <t>Lack of resources to implement change</t>
  </si>
  <si>
    <t>I have worked towards and embrace assessment reform…you need to go all in with the change to proficiency scales. Teachers in HS will have to use two systems, so change will not occur</t>
  </si>
  <si>
    <t xml:space="preserve"> I find it grossly unfair that elementary school teachers must do so much more than high school teachers.  We teach more subjects at a time, we are counsellors, investigators, and teach all subjects at once.  Our reports are not chose comment #5 and #72.  </t>
  </si>
  <si>
    <t>There was a previous scale where the wording was emerging, approaching, applying, and proficient.  They make more sense.  An extending on any project or assignment can be noted in the report comments.</t>
  </si>
  <si>
    <t>I don't teach this grade.</t>
  </si>
  <si>
    <t>I am fine with the concept.  I find the idea that they have to have 7 goals at a time in mind preposterous.  Having three only, chosing among the subcatagories would be very helpful.</t>
  </si>
  <si>
    <t xml:space="preserve">I sure hope there is time given in the plan, for each designated student, for teachers to conduct this more personal indepth reporting on students.  </t>
  </si>
  <si>
    <t>All teachers in the province should be doing two formal and two informal reports.  Not a far greater work load for those with higher personal responsibility for students, less prep time, and more subjects to deal with in elementary schools.</t>
  </si>
  <si>
    <t>As a teacher and a parent, I see how children do not take the proficiency scale seriously.  Those that do care, ask for how it compares to grades.  Without letter grades, kids aren’t putting effort into their education and by the time they do get letter grades, it’s too late.</t>
  </si>
  <si>
    <t>This needs to be expected from grades 8-12</t>
  </si>
  <si>
    <t>No point in it</t>
  </si>
  <si>
    <t>Students don’t take this seriously.</t>
  </si>
  <si>
    <t xml:space="preserve">A student on a modified program needs to be reported differently </t>
  </si>
  <si>
    <t>8-12 letter grades</t>
  </si>
  <si>
    <t>Although fewer would be less work for a teacher, the current frequency allows support to be offered at home and at school as needed.</t>
  </si>
  <si>
    <t>There is no consistency in the application of the language.  Current curricular competencies need elaboration and progression scales. I have up to 210 students at a time and am finding the application of this to be an unreasonable workload.</t>
  </si>
  <si>
    <t>Culturally, parents, students and teachers have a comfort and confidence with this approach.</t>
  </si>
  <si>
    <t>Again, vague, overly time consuming, and inconsistent application between teachers</t>
  </si>
  <si>
    <t xml:space="preserve">Curricular competencies are the core ones in context. That’s where the focus needs to be. </t>
  </si>
  <si>
    <t>I struggle with this as my experience with inclusion has generally taken supports and challenges  away from top end students who are no longer being pushed in their growth.</t>
  </si>
  <si>
    <t>I prefer formal report cards midway though a course and at the end of a course.</t>
  </si>
  <si>
    <t>Bring back grades. The scale is meaningless to me and doesn’t give a clear indication on how my kid is doing.</t>
  </si>
  <si>
    <t>This is good; it helps indicate how the kids are doing and helps to prepare them for post secondary.</t>
  </si>
  <si>
    <t>Meaningless and way too general to use as reporting means at higher grades.</t>
  </si>
  <si>
    <t>Awful idea.</t>
  </si>
  <si>
    <t>Do not get rid of percentages and grades. This is creating a snowflake society.</t>
  </si>
  <si>
    <t>Resources need to be allocated for developing a common set of proficiency continuum’s that are not deficit based and align with UDL component of increasing complexity</t>
  </si>
  <si>
    <t xml:space="preserve">Technically all of the indicators are different complexity levels of proficiency. The indicator “proficient” should read confident </t>
  </si>
  <si>
    <t>There is no research to support that letter grades and percentages support learning. Be a leader and find another way to work with post secondary institutions. It would create positive waves around the world</t>
  </si>
  <si>
    <t>Proficiency continuums, not scales. There is such misunderstandings around what these are. They are not rubrics but people use them that way</t>
  </si>
  <si>
    <t xml:space="preserve">The core competencies are amazing but secondary teachers need pro d about how to use them with students. </t>
  </si>
  <si>
    <t>These are the skills all students need beyond post secondary</t>
  </si>
  <si>
    <t>If students with disabilities are not included as a part of the classroom curricular and assessment plan with their peers from the start… they aren’t being included</t>
  </si>
  <si>
    <t>Assessment is so exclusive. The purpose of all point labour is to increase success and equity. If the above actions put into place do not consider inclusion equity, they haven’t done their job</t>
  </si>
  <si>
    <t>I think the teacher already has a lot to do in the reports. 2 written and 3 informals is all that is needed. The informals should be student run so that the child is responsible for their own learning. It is unfair to the teacher to constantly chase students who refuse to do their work.</t>
  </si>
  <si>
    <t>I feel grades are a stigma for some parents who push their children to do more and base their lives on grades. I heard that some parents do not let their children have lives outside grades. For us, our child has low self esteem from low grades but she is great at what she does.</t>
  </si>
  <si>
    <t>Grades for the last 3 years are needed for college/universities admissions. Also provincial tests should be done with practice testing as a school in the lower grades. PE is not important.</t>
  </si>
  <si>
    <t>I find it does not make the child cognicient of what is really important. There is too much for the teacher to do in conjunction with the regular school day work. It is not fair for our daughter and others to wait for the other kids to catch up when they do not want to self assess.</t>
  </si>
  <si>
    <t>Not really appkicable to the real world and again too much being put onto the classroom teacher to do inan already busy day.</t>
  </si>
  <si>
    <t>Release more money for an Educational Assistant to be placed in the classroom. In talking to my child's classroom teacher, there are 4 designated students and 4 waitin to be tested. Release the money and hire more EAs!</t>
  </si>
  <si>
    <t>We do not need so many teacher based reports. The teacher is not working for some big international conglomerate business. They are educators and should be respected as such! Make our children accountable with student led-conferences.</t>
  </si>
  <si>
    <t xml:space="preserve">not applicable for my teaching </t>
  </si>
  <si>
    <t xml:space="preserve">This is critical, especially for learners who remain in emerging levels </t>
  </si>
  <si>
    <t xml:space="preserve">Staff need time to do this effectively </t>
  </si>
  <si>
    <t>Inclusion is important - However at the secondary level, many staff require a lot of professional development still in order to do this effectively.</t>
  </si>
  <si>
    <t xml:space="preserve">As a teacher, I am spending far too much time reporting information that is not read by parents. I work in an area where half the parents I communicate with ARE NOT FLUENT IN ENGLISH. A simple checklist in all subject areas and a paragraph about social/emotional adjustment is all that is needed. </t>
  </si>
  <si>
    <t xml:space="preserve">Descriptive feedback is not necessary. It is rarely read by parents. </t>
  </si>
  <si>
    <t xml:space="preserve">I used to think the competencies were useful, but they are very difficult for early learners to grasp. Every time I try to talk about competencies, my students eyes glaze over. I feel like I am sucking the fun out of their school experience. Reflections and assessment often consist of "I like it." </t>
  </si>
  <si>
    <t>Again, with early learners this is very limited. I often feel like I am coaching them to say something relevant. These ideas are great for students Grade 4 and up.</t>
  </si>
  <si>
    <t>Haven't we always done this?</t>
  </si>
  <si>
    <t>Commenting on each subject area is redundant and ridiculous  for primary students. The proficiency scale is enough!!!!!</t>
  </si>
  <si>
    <t>Report cards/portfolios/competencies have become a juggernaut for teachers to contend with. Primary teachers should have more simplified reports. Students are not developmentally ready to meaningfully assess themselves. As far as a 6 year old is concerned, everything is great (even when it is not).</t>
  </si>
  <si>
    <t>This sounds similar to what is required now and it is sufficient for most students.</t>
  </si>
  <si>
    <t xml:space="preserve">- it is appropriate for students already on IEP
- it does not differentiate between those who failed because they did not attend, and those who did not understand what they were learning. 
- if 50% of learning occurred is a measure of emerging that is not truthful; many students are grades below
</t>
  </si>
  <si>
    <t>This is what colleges and universities require.
I'd like to see descriptive feedback in skills based courses,  perhaps as a checkbox to recognize the high number of students high school teachers teach.</t>
  </si>
  <si>
    <t xml:space="preserve"> </t>
  </si>
  <si>
    <t>They need to be involved in their learning.</t>
  </si>
  <si>
    <t xml:space="preserve">It is idealistic and inappropriate for ALL these areas. I've done this for years in IEPS. 
 It too early to make career goals, and their metacognitive skills are delayed - and they don't self reflect well until high-school,
Their goals are mostly "be a youtuber"  or if pushed: "get better grades."  </t>
  </si>
  <si>
    <t xml:space="preserve"> We already address this for students with exceptional learning needs. 
One should not provide that many individual assessment and evaluation processes unless that assessment is used to inform practise.  One teacher cannot provide individual programming for 30 students.  
</t>
  </si>
  <si>
    <t>Do not push an agenda that shifts the RT workload to the classroom teachers in the name of diversity and inclusion.
Good teachers adjust learning and include all students as best they can.  
The Resource Teacher can support and write a LSP that specifically indicates their level of functioning .</t>
  </si>
  <si>
    <t xml:space="preserve">Written is not the most effective, Student -led conferences or on going portfolios are better. </t>
  </si>
  <si>
    <t xml:space="preserve">It seems fine </t>
  </si>
  <si>
    <t>Unrealistic when you have a lot of IEPs</t>
  </si>
  <si>
    <t>I do not feel that the Proficiency Scale should be used for reporting past grade 8.  I think that that transition to high school should also include the transition to letter grades and percents.</t>
  </si>
  <si>
    <t>I feel that there is a lack of consistency in terms of how teachers use the proficiency scale, so it should not be used for assessment or reporting in high school.  It can be a useful tool for formative feedback, though.</t>
  </si>
  <si>
    <t>I don't yet know what exactly this will look like at the high school leve.</t>
  </si>
  <si>
    <t>Students in grade 9 should receive letter grades, and should be able to "fail" of skills aren't demonstrated in a particular course.</t>
  </si>
  <si>
    <t>It’s not always clear to parents what the scale means especially if they are recent immigrants or their first language is not English.</t>
  </si>
  <si>
    <t>Clarity for students, parents, and post secondary institutions.</t>
  </si>
  <si>
    <t>Will create a lack of clarity.</t>
  </si>
  <si>
    <t>Students already self assess.  Is it authentic to ask them to formally self assess in their reporting or is it authentic to teach them how to self assess on an ongoing basis for their own growth?</t>
  </si>
  <si>
    <t>Again it is not authentic especially for younger students.  Students set goals everyday and assess their progress and try again which is authentic learning.  Formalizing the process has no benefit to the student but is just a process for the teacher.</t>
  </si>
  <si>
    <t>Again, there needs to be a baseline and students and parents need to know.  How is formalizing self assessment and goal setting meeting diverse reporting requirements?</t>
  </si>
  <si>
    <t>Parents want to know how their child is doing.  If reporting does not clearly communicate this information to a diverse range of parents then it is merely an exercise for the adults and loses sight of the child.</t>
  </si>
  <si>
    <t xml:space="preserve">Doesn’t letter grade already reflect a percentage?
</t>
  </si>
  <si>
    <t>Young children are not realistically able to assess their progress</t>
  </si>
  <si>
    <t>What about FSA?</t>
  </si>
  <si>
    <t xml:space="preserve">The four point scale is not specific enough. My children get proficient for all their subjects! They have strengths in some subjects over the other so this scale doesn't tell me where they fall. A letter grade or a percentage tells me clearly where they are and what to focus on at home. </t>
  </si>
  <si>
    <t>It's an accurate way of knowing how are child is doing in their subjects.</t>
  </si>
  <si>
    <t>The proficiency scale tells a parent very little about how they're child is actually doing in school.</t>
  </si>
  <si>
    <t>I think it's cool to talk to the kids about making goals and even have it as an assignment but doing it for every report card takes up time in the class. Kids in the younger grades really don't get it and it's a waste of time for the teachers.</t>
  </si>
  <si>
    <t>I think this should only be for Grade 4 and up.</t>
  </si>
  <si>
    <t xml:space="preserve">Removing letter grades at the elementary level is an important piece that needs changing to reflect the various student levels in a differentiated classroom.  </t>
  </si>
  <si>
    <t>I think we should be writing shorter, more parent friendly report cards. Presently, my district's three written report cards are time consuming to write and  long and confusing for parents to read. I think we should move away from these formal reporting periods in elementary. shorter more frequent r</t>
  </si>
  <si>
    <t>This new format actually directs an additional written report. I feel that the points of progress are much more flexible so more relevant and timely for families and students.</t>
  </si>
  <si>
    <t>I feel like the points of progress are more tied to actual performance then letter grades.</t>
  </si>
  <si>
    <t>While I agree Core competencies is something students should be thinking about in their learning, I believe that self reflection on this for every report will  make it more rote than reflective.</t>
  </si>
  <si>
    <t>Students of an elementary age from K to 9 have difficulty seeing the bigger picture to set these goals in a meaningful way.</t>
  </si>
  <si>
    <t>This language while attempting to appear universal is in fact assuming a one size fits all mentality in assessment.</t>
  </si>
  <si>
    <t>This question is frustrating because there are elements wrong with many aspects of the new reporting proposal. The greater question that needs to be considered is how to frame reporting in a way that is meaningful for student learners.</t>
  </si>
  <si>
    <t>I’d like them to go back to grades and percentages. Easy for the kids to figure out where they land.</t>
  </si>
  <si>
    <t>This is a great idea.As a high school teacher, I have seen that there needs to be some direction as to when the students are engaging in that self-reflection, and who is responsible for  monitoring it.Student self-assessment, lacking teacher or parent oversight or conversation, is not as effective.</t>
  </si>
  <si>
    <t xml:space="preserve">Awesome idea, in theory.  Make sure it comes with funding allocations to hire the support staff to make it happen.   Fully responding to individual needs takes small class sizes, prep time, EAs, LST teachers, SLPs, Youth Care Workers and paid release time for school based team meetings.  </t>
  </si>
  <si>
    <t>More resources and funding for public education so that every child has the best learning experience possible, and teachers don't burn out and leave the profession</t>
  </si>
  <si>
    <t>It gives clarity to the students and parents in terms of communication with the teacher.</t>
  </si>
  <si>
    <t>Allows students to grow without worrying about percentage and letter grades.</t>
  </si>
  <si>
    <t>This will give graduating students the measure of their success in a healthy competitive environment to prepare for higher education.</t>
  </si>
  <si>
    <t>This will allow them to measure their learning by adopting the same terminology as in K-9 years.</t>
  </si>
  <si>
    <t>Self Assessment is important for students to set their learning goals.</t>
  </si>
  <si>
    <t>Learning will be more meaningful to them by setting their goals.</t>
  </si>
  <si>
    <t>Diverse learners may find it challenging to set their goals on their own.</t>
  </si>
  <si>
    <t>I think as a parent teachers should not be doing 5+1 =6 reports. 2 formal and 3 student-led conferences is enough. Teachers have way too much to do. Get rid of the FSA's as they only support a segregated system.</t>
  </si>
  <si>
    <t>Parents focus on grade and not all kids can write tests. Kids need to be kids. Hire more Educational Assistants per classtoom to support the integrated students and teachers.</t>
  </si>
  <si>
    <t>You need numbers for college/university admissions. PE is a useless space for grade 11/12 and not necessary for admissions. Focus on education at that point.</t>
  </si>
  <si>
    <t>Grade 10 to 12 leads to real life abd real life is full of failures and successes. Proficiency scale does not relect that. Why give extra unnecessary work to teachers without time to do it or without support.</t>
  </si>
  <si>
    <t>If kids have not learnt how to self-reflect by this point, they are not going to start. Self-aSelf-assessment and kindness needs to be taught in primary or elementary school.</t>
  </si>
  <si>
    <t>You cannot force kids to do goal setting. Takes away teaching time.</t>
  </si>
  <si>
    <t>You want inclusiveness, hire an Educational Assistant (or even 2) per classroom in BC! You cannot stack classes with many special needs and expect the teacher to get to everyone. Smaller class sizes.</t>
  </si>
  <si>
    <t>You expect teacher to get to every student. Classrooms are stacked with special needs and behaviour needs, add in a dash of mental illness that needs medications and more. Then you expect teachers to spend time writing detailed report with inserts to be sent out. Make 3 student-led conferences!</t>
  </si>
  <si>
    <t xml:space="preserve">I can access my children's marks at anytime on MyED. I would rather the teachers have more time to work with my children then spend that time reporting to me. Less reporting unless a student is not being successful. </t>
  </si>
  <si>
    <t>stick to percentages for grades 10-12</t>
  </si>
  <si>
    <t xml:space="preserve">Its hard to make kids take these self assessments seriously. I think that they should show them to their parents. However, they don't need to be on a formal report card.
</t>
  </si>
  <si>
    <t xml:space="preserve">I would rather the teachers spend the time working with my children then reporting 5 times a year. Less reporting requirements unless a student is not being successful. </t>
  </si>
  <si>
    <t>I liked the old system better with 3 full reports.  I think it have parents more info</t>
  </si>
  <si>
    <t>If you report on 4 outcomes and 2 are meeting and 2 are developing, it is hard to give a final grade in the third term.</t>
  </si>
  <si>
    <t>Younger students don’t understand self assessments.  They are just done to check a box saying we did it.  They don’t hold any real value.</t>
  </si>
  <si>
    <t xml:space="preserve">Really hard for young students.  Doesn’t make sense to have them do this.  </t>
  </si>
  <si>
    <t>Any assessment or reporting tool should have this</t>
  </si>
  <si>
    <t>I would also change self assessment and get rid of proficiency acale</t>
  </si>
  <si>
    <t xml:space="preserve">That feels to be the same as it is now. </t>
  </si>
  <si>
    <t>I would like to see more concrete reporting. Parents don’t understand or care about these terms from my experience. Parents want letter grades. Parents want to know how their kids are actually doing. Not some fluff words, plus as a teacher working with students it has taken away the drive to do well</t>
  </si>
  <si>
    <t xml:space="preserve">Yes! Letter grades need to be used. If we take them away what drive is there for many students to do well. </t>
  </si>
  <si>
    <t xml:space="preserve">What is the point of that honesty. Just more work for something Parents won’t understand </t>
  </si>
  <si>
    <t xml:space="preserve">Again, from my experience most students are not able to assess their own growth of work. They just mark themselves as the best one because everyone wants to feel good about themselves </t>
  </si>
  <si>
    <t xml:space="preserve">Goals are great for students. It gives them something to work towards. With the goals that’s something they would be able to self assess on their progress. The core competencies are well above most students levels of understanding </t>
  </si>
  <si>
    <t xml:space="preserve">Inclusive is great, but only when it helps everyone. When we are taking away from the majority to appease the minority and make them feel ok that’s not ok with me. </t>
  </si>
  <si>
    <t xml:space="preserve">Because that is the only one that will work fully in the real world. </t>
  </si>
  <si>
    <t>The reports are way shorter now and less information.  Reporting in the competencies tells me nothing about how my child is doing with the curriculum which is what I want to know.  The competencies are not helpful to me as a parent or teacher.</t>
  </si>
  <si>
    <t>It allows teachers to give a mark based on individual items instead of one overall mark for language arts.  I can see where my child struggled and where he did well.</t>
  </si>
  <si>
    <t>Need letter grades to apply for college</t>
  </si>
  <si>
    <t>Gives me a way to see the exact concept
My child either struggled with or did well with</t>
  </si>
  <si>
    <t>I think self-assessments are not genuine and I don’t really care about them</t>
  </si>
  <si>
    <t>Goal setting in the upper grades might be okay but I do know my kids hate this so I am fine without it</t>
  </si>
  <si>
    <t>this how many reports are required for secondary school in a semester system? this is very vague, does  “5” total mean 5 per semester?</t>
  </si>
  <si>
    <t xml:space="preserve">Teachers need to be given paid time for planning and modifying current assessment and training to adopt this née language. Expecting them to do an assessment overall requires more assistance and paid planning time </t>
  </si>
  <si>
    <t>Why overhaul K-9 and not get 10-12 as well? if the proposed system changes are that valuable they should extend to all grade levels and university/ post secondary institutions will be forced to follow suite!</t>
  </si>
  <si>
    <t xml:space="preserve">Why only encourage it! Make it happen across all grade levels to show the value of the Standards Based Grading System as a Whole! </t>
  </si>
  <si>
    <t xml:space="preserve">Is this across all subject areas? </t>
  </si>
  <si>
    <t xml:space="preserve">What supports are provided to teachers to provide support to students? </t>
  </si>
  <si>
    <t xml:space="preserve">To show there is Value in the new system,  implement it across all grades! </t>
  </si>
  <si>
    <t>Five reporting events per year is concerning. Two written reports- one mid point, and one year end, with one student led conference in the first 25% of the year, with interims for those students teachers are most concerned about seems more reasonable.</t>
  </si>
  <si>
    <t xml:space="preserve">The words you have chosen as descriptors are aimed at an educated audience with English as a first language. What about those parents learning English? Those parents who have their own struggles with literacy? </t>
  </si>
  <si>
    <t>Percentages and letter grades tend to be used without a lot of personal comments in the upper grades. As a parent, one doesn't get a full picture of their child's learning abilities.</t>
  </si>
  <si>
    <t>I have yet to come across a core competency self assessment that elementary children can fully understand in order to self-assess. Too many concepts are written above their level of understanding and difficult to explain. Too many points/ideas in the core competencies, period.</t>
  </si>
  <si>
    <t xml:space="preserve">How are teachers meant to manage this, especially in elementary aged children? One more thing we have to worry about making sure we are doing? Can this be something parents are encouraged to do with their children? </t>
  </si>
  <si>
    <t>I think this is a no-brainer, but maybe it is good for teachers to see it in writing</t>
  </si>
  <si>
    <t>Teachers keep getting things added into their wheelhouse and nothing is ever taken away. 5 times a year for reporting is time consuming and I don't think parents are calling for this. I also think goal setting needs to be taken out of this policy, at least at the elementary level.</t>
  </si>
  <si>
    <t>Proficiency scale K-12 would be most desirable if post secondary institutions could be convinced to accept it.</t>
  </si>
  <si>
    <t xml:space="preserve">Two reporting periods, plus other ongoing communication of student learning is adequate. Requiring 3 written reports is asking too much and typically there aren't many meaningful updates to provide between the first 2 reports. IF 3 written reports are necessary it shouldn't be in all subject areas. </t>
  </si>
  <si>
    <t>I think that beginning is a clearer term than "emerging"</t>
  </si>
  <si>
    <t>In theory, this is great though in reality, this is  placing more work on staff and often these assessments are not super meaningful for students. I would like to see more clear guidance and models of how to integrate goal setting/self-assessments into entire school year and reporting</t>
  </si>
  <si>
    <t xml:space="preserve">I think 5 learning updates is good, but only 2 should be written. I would also like more information about the final "summary" and how this is different than other learning updates. </t>
  </si>
  <si>
    <t xml:space="preserve">It's very very confusing. Please go back to the letter system. </t>
  </si>
  <si>
    <t>It's clear and precise. No complaints.</t>
  </si>
  <si>
    <t>Please don't do that. That's what report cards are for and parent teacher interviews.</t>
  </si>
  <si>
    <t>Kids that have intellectual delays will not be able to do this. Please don't do this.</t>
  </si>
  <si>
    <t>No. That's the teachers job.</t>
  </si>
  <si>
    <t>Students with delays need more time at p/t interviews.</t>
  </si>
  <si>
    <t xml:space="preserve">It isn't the number of reports we should be addressing, but the length of the written reports - they are currently far too lengthy. A high percentage of parents are not reading them. </t>
  </si>
  <si>
    <t xml:space="preserve">Provincial Proficiency Scale should be up to grade 8.  Grade 9 and up should be letter grades. </t>
  </si>
  <si>
    <t>Letter grades and percentages should be offered to grade 9-12 students.</t>
  </si>
  <si>
    <t>Letter grades and percentages are sufficient.</t>
  </si>
  <si>
    <t xml:space="preserve">For the primary students, one formal year end student self assessment is all that is needed. This process takes a long time and takes away from valuable teaching time that is already stretched by an ever growing curriculum and set of ministry expectations. </t>
  </si>
  <si>
    <t>More and more expectations keep being added to a school day that is already bursting at the seams. What are you prepared to eliminate to see this process move forward?</t>
  </si>
  <si>
    <t>Some students today don't even have the assistance they require from a specially trained practitioner on a day to day basis, let alone a specialist to properly assess and evaluate their individual progress. Our system needs more funding!</t>
  </si>
  <si>
    <t>Length of the report is too lengthy</t>
  </si>
  <si>
    <t xml:space="preserve">The Report Document is already TOO LONG and is NOT BEING READ by a high percentage of parents. We need to have a short, clear, concise report card to be read and understood by parents. </t>
  </si>
  <si>
    <t>I have felt like the frequency of reporting we have now is reasonable.</t>
  </si>
  <si>
    <t>The scale allows for more descriptive language to communicate learning and gives educators some flexibility in assessment that percentages did not allow.</t>
  </si>
  <si>
    <t xml:space="preserve">It would make more sense for reporting to be the same across the board.  Keeping percentages in some grades takes away from the progress we are trying to acquire with the proficiency scale. However, until post-secondary institutions support the change, it’s understandable that we keep percentages. </t>
  </si>
  <si>
    <t>Either we do one (percentages) or the other (proficiency scale). Keeping both adds additional work to teachers and prep time for extra reporting is not being offered.  Also, the scale and percentages do not align so we will see inconsistencies in how using both is interpreted.</t>
  </si>
  <si>
    <t xml:space="preserve">Reading 120 student reflections on top of doing report cards is an unreasonable request. We cannot send home official reports signed if we have not read the documents in detail.  This is a lot of extra work for teachers in an already stressful time (reporting periods).  </t>
  </si>
  <si>
    <t xml:space="preserve">Again, if teachers are expected to read these in addition to core competency reflections and completing report cards as usual, this is an unreasonable request.  </t>
  </si>
  <si>
    <t>Reporting needs to reflect the unique learning needs of our students.</t>
  </si>
  <si>
    <t>I do not think that adding more requirements for teacher reporting is a reasonable request.  Our classes are bursting at the seams in numbers and properly incorporating these student reflections/goals will take time that we do not have.</t>
  </si>
  <si>
    <t xml:space="preserve">I am very concerned about what these proposed reports (especially the end of year learning report) will look like. I feel as though we are already very over loaded and I would hate to see more work be placed upon an already burnt out profession. </t>
  </si>
  <si>
    <t xml:space="preserve">While I appreciate the students doing this, it is quite challenging for teachers to teach this skill and upload learning/responses. </t>
  </si>
  <si>
    <t xml:space="preserve">Not clear for parents or students. </t>
  </si>
  <si>
    <t xml:space="preserve">Clear and understandable. </t>
  </si>
  <si>
    <t xml:space="preserve">The proficiency scale is not clearly understood by all stake holders. </t>
  </si>
  <si>
    <t xml:space="preserve">It is important to have practice reflecting on what you have accomplished.  What was done well and what could have been done better. </t>
  </si>
  <si>
    <t xml:space="preserve">It works for students that take it seriously. </t>
  </si>
  <si>
    <t xml:space="preserve">The descriptors need to be more clear. </t>
  </si>
  <si>
    <t xml:space="preserve">Very wide categories, not a lot of nuance, leaves it up to teachers to provide (or not) descriptive assessment of progress </t>
  </si>
  <si>
    <t>If this is done in a way where students are also coached in how to assess themselves from early grades then great, but without students learning how to assess themselves it isn’t too meaningful in lower elementary grades</t>
  </si>
  <si>
    <t>If younger students also learn HOW to do this, then would be good</t>
  </si>
  <si>
    <t>Have bi-weekly communication with parents already. They know how their child is doing.</t>
  </si>
  <si>
    <t>Too much anecdotal.</t>
  </si>
  <si>
    <t xml:space="preserve">It works in a linear system but in a semestered system it’s really tough to do time wise. In a semestered it should be one interim (if necessary) like it was in linear and then one midterm and final. Parent conferences are fine too as an informal assessment. </t>
  </si>
  <si>
    <t xml:space="preserve">It works for me as I have figured out how to change my marking but for many teachers who don’t change their marking due to various reasons it has been a difficult transition and I understand the frustration. 
There is always a huge lack of support from the districts and it is not enough. </t>
  </si>
  <si>
    <t xml:space="preserve">If post secondary institutions are requiring them secondary schools need to comply or there is a huge discrepancy. The four point scale is not accurate enough for university entrance. </t>
  </si>
  <si>
    <t>Why would teachers need to do more work? They can just use the percentage which they are used to. There is no benefit for parents or students or teachers to do a proficiency scale on top of marks</t>
  </si>
  <si>
    <t xml:space="preserve">It should be a choice not a requirement for students and teachers. Not mandatory </t>
  </si>
  <si>
    <t xml:space="preserve">Again this should not be mandatory but optional for teachers and students </t>
  </si>
  <si>
    <t xml:space="preserve">Difficult to quantify the above when reporting </t>
  </si>
  <si>
    <t xml:space="preserve">The amount of extra work this will be. 
Another HUGE reason is parents are not engaged in the reporting. Meaning- they do not read the report cards. They don't even read the emails with reminders I send out. We need to make things way more simple for parents. </t>
  </si>
  <si>
    <t xml:space="preserve">Kindergarten should NOT have extending. Parents focus too much on this and do not understand the indicators. Every year parents are upset that their child did not get extending. It is not realistic in Kindergarten. (Maybe third term but definitely not first or second term). </t>
  </si>
  <si>
    <t xml:space="preserve">Having to write three report cards is not the best way to show students learning. They take up way too much of a teacher's time and parents are not reading them! One in February and one in June is satisfactory. </t>
  </si>
  <si>
    <t>There is no clear guideline for reporting for secondary in a semester system. Are the five reporting events for EACH class (meaning 5 reports per class per semester) or are the five reporting events per year for the full year (e.g., two reports first semester and three reports second semester)?</t>
  </si>
  <si>
    <t>I haven't yet taught this level</t>
  </si>
  <si>
    <t>It's what I have been trained on, however, this type of reporting feels very counter productive in the implementation of the new curriculum. It gets in the way of meaningful conversations and productive learning. I see the need to keep it for reporting to post-secondary.</t>
  </si>
  <si>
    <t>This is another thing that a teacher must do in addition to what we already do. We are spread far too thin and asking us to report in two different ways is absolutely out of the question. Pick one.</t>
  </si>
  <si>
    <t>I wish there was more guidelines for this from the provincial level. So far, no one teacher or admin is responsible for making this self-assessment, so it's being laid by the wayside.</t>
  </si>
  <si>
    <t>Again, who is doing this? Is this required by every teacher for every class, or is this a general goal for student engagement and participation?</t>
  </si>
  <si>
    <t>This is a step in the right direction.</t>
  </si>
  <si>
    <t>Please consider taking something off our plates, before asking us to do more. For example, secondary teachers NEED a prep in both semesters in order to do their jobs effectively. A full semester with full classes and two types of reporting is too much.</t>
  </si>
  <si>
    <t>I think the scale lines up for effectively with modern teaching practices in elementary schools than grades/letters.</t>
  </si>
  <si>
    <t xml:space="preserve">We might want to think about beginning letter grades in grade 10, so students have a bit more time to get used to letter grades and percentages before they are directly required for entry to post-secondary. </t>
  </si>
  <si>
    <t>I think grade 10-12 should still be using the proficiency scale as continuity alongside grades/percentages.</t>
  </si>
  <si>
    <t>I love the idea of goal-setting and self-regulated learning, but goal setting can be difficult for students. If this is to be implemented, it needs to be similar to the self-assessment of the core competencies where it is student driven, and there is a learning period allotted for teachers.</t>
  </si>
  <si>
    <t>Great reproting and evidence from elementary teachers (K-9), but severely lackingminimal feedback from early high school teachers (Gr 8 &amp; 9)</t>
  </si>
  <si>
    <t>Seems that early high school teachers are not using the scale effectively.</t>
  </si>
  <si>
    <t>Not all teachers are showing students how to self-assess and report accurately/effectively.</t>
  </si>
  <si>
    <t>As above - more education on goal-setting needs to be done fopr both teachers &amp; students.</t>
  </si>
  <si>
    <t>Education (as above)</t>
  </si>
  <si>
    <t>As above - more time and education on these policies to be incorporated; great potential here, but work needs to be done.</t>
  </si>
  <si>
    <t>I haven't experienced it yet</t>
  </si>
  <si>
    <t>Use clearer terms.</t>
  </si>
  <si>
    <t xml:space="preserve">Everyone should have percentages in high-school. You are not preparing kids for post secondary. </t>
  </si>
  <si>
    <t>Pick one don't make it harder.</t>
  </si>
  <si>
    <t xml:space="preserve">First assessments are too early and not helpful unless a student is struggling. </t>
  </si>
  <si>
    <t xml:space="preserve">It's better than percentages for sure. </t>
  </si>
  <si>
    <t xml:space="preserve">This has been shown to be completely useless, and in fact harmful to learning,  in pretty much every study that has been done on assessment.  I think the question of why we feel like we need to bend to the administrative needs of universities should be seriously considered. </t>
  </si>
  <si>
    <t xml:space="preserve">One is obviously contingent upon the other and as such it is essentially a ridiculous system. </t>
  </si>
  <si>
    <t xml:space="preserve">Whatever. </t>
  </si>
  <si>
    <t xml:space="preserve">This would be good if it was the basis for how we teach but given the current system of grading and subject separation it is pretty much a feel-good exercise for politicians and parents. </t>
  </si>
  <si>
    <t xml:space="preserve">This is obvious. </t>
  </si>
  <si>
    <t xml:space="preserve">Percentage and letter grades are a harmful farce and we've known this for at least twenty years. Let the universities do their own assessment as to who they want to let in. </t>
  </si>
  <si>
    <t>I don't believe in the grading system at all for any grade level, and I think this system of evaluation is more constructive and useful.</t>
  </si>
  <si>
    <t>I appreciate the concern for transferring on to college or university, but wish letter grades were not necessary</t>
  </si>
  <si>
    <t>My concern is that the newer language used will come to be seen and used exactly like letter grades, so no actual different or progress will be made</t>
  </si>
  <si>
    <t>I'm unsure how to answer this...but I feel we all need to do A LOT more to work towards meaningful diversity and inclusion.</t>
  </si>
  <si>
    <t>It's helpful to have frequent reporting. I appreciate qualitative feedback more often than fewer times per year with less feedback.</t>
  </si>
  <si>
    <t>The move away from letter grades is very welcome. This helps students, parents and teachers to focus on learning, rather than grades. However, people still look for the letter grade equivalent because we are so used to grades. It will take systemic change through to post-secondary.</t>
  </si>
  <si>
    <t>I understand the need for these for applying to post-secondary, but wish there was systemic change at the post-secondary level as well. Even letter grades without percentages would be better. The difference between 83% and 81% can be rather arbitrary.</t>
  </si>
  <si>
    <t>Since people already look for the equivalent proficiency scale/letter grade, I wonder if having both would make a difference (as opposed to moving to letter grades in Grade 10).</t>
  </si>
  <si>
    <t>I think self-assessment is very important. It teaches students to be reflective and self-aware, which are invaluable skills in all spheres of life.</t>
  </si>
  <si>
    <t>As with self-assessment, setting all these goals teaches students to be reflective and self-aware, which are invaluable skills in all spheres of life.</t>
  </si>
  <si>
    <t>Inclusive pedagogies and assessment are very important. Students should be able to express their learning in diverse ways. It is also a matter of equity and diversity.</t>
  </si>
  <si>
    <t>Letter grades foster a culture of competition and instrumental reasons for learning, rather than focusing on learning itself and encouraging lifelong learning.</t>
  </si>
  <si>
    <t>The use of the word minimum implies that the ministry can change this at any time. 5 reports is a lot of work already for teachers especially since it takes an average of 5 extra hours of work on top of all of our other commitments, per reporting period. This does not include, P&amp;T conferences.</t>
  </si>
  <si>
    <t>Students participating in self assessments across the school year and included in each report, although good data, is extra time taken from our instruction and extra hours on top of each report.</t>
  </si>
  <si>
    <t>every year the ministry is asking more and the government is not inclined to pay us for that time. the teachers are working and volunteering more than every before and our mental and physical health is not being considered and the salary is not reflective of our time.</t>
  </si>
  <si>
    <t>More clarification on year long courses versus semesters. We need to consider schools that encounter elementary, middle and high school reporting.</t>
  </si>
  <si>
    <t>A request for a sliding scale at the grade 8-9. Or at least the option to be able to put emerging/developing. Can there be specific rubrics or performance standard types ( subject specific)and created at a Ministry level that reflect the proficiency scales? Doing so allows for continuity.</t>
  </si>
  <si>
    <t>The University and college sytem should not be the driver for our education system. They need to adjust to our system. Going back to letter grades in grades 10-12 undermines the whole K-9 reporting system and adds another transition period into the grad program where courses count towards graduation</t>
  </si>
  <si>
    <t xml:space="preserve">Percentages and letter grades do not reflect the current assessment practices and now you are having teachers at the high school level try to match percentages ranges to a  proficiency scale. This is not meaningful at all! </t>
  </si>
  <si>
    <t>How is this attainable at the high school level where teachers may see up to 120 students. This is possible in the elementary system. Why are we not looking at these differences and making adjustments?</t>
  </si>
  <si>
    <t xml:space="preserve">Satisfied with the K-7 but this does not work for students who are in a semester system as the number of student to teacher ratio is way to high to monitor. It works if you are linear and have one teacher. Are students in 4 classes a day doing 4X4 reflections or 16 goals? </t>
  </si>
  <si>
    <t>It is written in a way that everyone can access curriculum and be assessed.</t>
  </si>
  <si>
    <t>Best practices in assessment and reporting. Having the education system drive the post secondary system who need to re-evaluate their entry requirements based on our reporting.</t>
  </si>
  <si>
    <t xml:space="preserve">More clarification regarding year-long courses versus semester courses. 
The differences between Learning Updates and Summary of Learning are not clear. </t>
  </si>
  <si>
    <t xml:space="preserve">We require a sliding scale for Grade 8-9 on MyEd like we have in SSDAS for K-7, or option to put a slash - Emerging/Developing.
Provincial Proficiency Scales with detailed subject-specific rubrics reflecting the curricular competencies.  (Like we had with the previous curriculum.)
</t>
  </si>
  <si>
    <t xml:space="preserve">Universities should not be driving our reporting policies. We have spent all this time and energy to implement the proficiency scale. Switching to letter grades or percentages at Grade 10 both undermines all this work, and also will be challenging for students to transition to. </t>
  </si>
  <si>
    <t>Percent and letter grades do not reflect the assessment practices we're using, nor does it reflect the research and purpose behind the switch to the proficiency scale. Wasn't the point of proficiency scales to not use percentages, yet now Gr10-12 teachers have to convert the proficiency scale into %</t>
  </si>
  <si>
    <t xml:space="preserve">This doesn't make sense for high school. Are students in four classes a day, doing 4 classes x 4 Learning Updates = 16 goals/reflections on Core Competencies (4 for each class)? (And then double this for the second semester?) Liking the student reflection and goal setting, but this is a lot. </t>
  </si>
  <si>
    <t>Doable for all students, with support from Resource Teachers.</t>
  </si>
  <si>
    <t>Continuity across grades and schools. Best practices for assessing and reporting.</t>
  </si>
  <si>
    <t xml:space="preserve">While the number of reports is the same, what is being asked of in those reports has increased significantly.  Teachers already have an unsustainable workload, and this is one more thing being added to their plates, without having anything removed or reduced. </t>
  </si>
  <si>
    <t xml:space="preserve">If using a proficiency scale is best practice for k-9, then why switch to letter grades for grade 10-12? Shouldn't post-secondary institutions be reforming their practices as well? </t>
  </si>
  <si>
    <t xml:space="preserve">This is more work for teachers. Why would you need two different assessment methods? How can you ensure they are going to align? Why pander to post-secondary institutions? </t>
  </si>
  <si>
    <t>Students struggle with the Core Competencies and assuming that they can self-assess without intense and repeated guidance from teachers is unrealistic. Again, more work for teachers. And how is this going to be reported?  How are you tracking that this is actually happening now?</t>
  </si>
  <si>
    <t>In high school, what course would cover this? Or are all the teachers supposed to do this with the students, so 8 times a year with 8 different teachers? Or is this supposed to occur outside of class?</t>
  </si>
  <si>
    <t>What does this even mean?  What will this look like? How will it be put into practice? How does this align with the curricular competencies and content knowledge that is required in a course?</t>
  </si>
  <si>
    <t>I would have chosen all of them if I could. This plan is flawed. More information is needed into how this will actually be executed.</t>
  </si>
  <si>
    <t>keep it simple</t>
  </si>
  <si>
    <t>I do not believe the four point proficiency scale is an accurate enough descriptor for Grade 9 curriculum.  Students are constantly asking for a letter grade equivalent to the proficiency scale.  Teachers will require more time to report in this manner.Red</t>
  </si>
  <si>
    <t>Communication + percentages give a clear picture of a student's achievement in a class.  The proficiency scale would be redundant.</t>
  </si>
  <si>
    <t>Goal setting is an important part of a high school student's career.</t>
  </si>
  <si>
    <t xml:space="preserve">I agree that inclusivity is important.  However, teachers will require more time if descriptive feedback and assessment is to be done effectively for all students.  A half a day will not result in a useful and visible change that this plan has been designed for. </t>
  </si>
  <si>
    <t xml:space="preserve">I believe letter grades and percentages give senior students a clearer understanding than the proficiency scale.  </t>
  </si>
  <si>
    <t>If we continue to use a semester model in Secondary school (which I think is best for students and teachers) 5 reporting periods in 5 months seems a bit hectic.</t>
  </si>
  <si>
    <t>Our current grading system is flawed, and not equitable.</t>
  </si>
  <si>
    <t>Why not use a measure that is more accurate, bias-resistance, and motivational? Consider how the IB-DP uses a 1 to 7 scale, as well as forms of grade standardization.</t>
  </si>
  <si>
    <t>One step closer to eventually creating a more accurate and reliable grading system.</t>
  </si>
  <si>
    <t>If we really believe in student agency, students need to play a larger role in reporting</t>
  </si>
  <si>
    <t>all students can achieve developing, even proficient if we focus on student agency</t>
  </si>
  <si>
    <t>0-100 point grading is not accurate, bias-resistance, or motivational. How can we get Universities on board with this? Skills based applications?</t>
  </si>
  <si>
    <t>Too many written reports. One in January and one in June is perfect, plus two other learning updates (conference, portfolio etc.)</t>
  </si>
  <si>
    <t>We need more guidance on what exactly these categories mean (exemplars etc.)</t>
  </si>
  <si>
    <t>If students are going to keep doing this, the the "I can..." language needs to be changed to child friendly terms and examples provided</t>
  </si>
  <si>
    <t>This already happens in most classrooms as part of Career Education</t>
  </si>
  <si>
    <t xml:space="preserve">This only works if you provide proper inclusive education services and resources to students and staff. </t>
  </si>
  <si>
    <t xml:space="preserve">In elementary school, 2 written reports is enough. Especially since no time off is provided for assessment and evaluation (as it is in Ontario) </t>
  </si>
  <si>
    <t>This reporting scale is probably appropriate for the lower grades; however, for grades 8 and 9 the use of letter grades and percentages would be more appropriate. The grades however they are expressed should be included on all the learning updates so that problems can be identified early on</t>
  </si>
  <si>
    <t>The reporting needs to be the requirements for post-secondary institutions.  The letter grades and the percentages should be comparable to other jurisdictions in Canada, so that students have the same opportunities based on their reported marks</t>
  </si>
  <si>
    <t xml:space="preserve">Not really sure this is beneficial </t>
  </si>
  <si>
    <t xml:space="preserve">Goal setting is very important and learning to do this </t>
  </si>
  <si>
    <t xml:space="preserve">Student and teacher assessment discussion  benefits student understanding of their progress better than a written report by a teacher. This discussion or portfolio conference between teacher and student can be recorded in other ways. </t>
  </si>
  <si>
    <t>It has enough description for student progress</t>
  </si>
  <si>
    <t xml:space="preserve">It is important for students to take accountability and reflect on their learning </t>
  </si>
  <si>
    <t xml:space="preserve">While the number of reports remains the same, the amount of time it will take to complete new reports will be far more time consuming for teachers. </t>
  </si>
  <si>
    <t xml:space="preserve">Although a four point scale can be an efficient way to evaluate and feedback can be directly received and explained, it is difficult to provide concise definitions of these terms for parents in each subject area. This is also a far more time consuming reporting system for middle/secondary teachers. </t>
  </si>
  <si>
    <t>As this is required for Post Secondary it allows the students to directly match their marks up to program admissions and requirements.</t>
  </si>
  <si>
    <t xml:space="preserve">This reporting system does allow for more personalized feedback but is often included in current assessment methods through report card comments and interim reports. </t>
  </si>
  <si>
    <t xml:space="preserve">It is important for students to connect their learning to larger outcomes than a final letter grade, but this must show in a meaningful way why they are being assessed in these areas. </t>
  </si>
  <si>
    <t xml:space="preserve">It is important for students to connect their learning to larger outcomes than a final letter grade, but this must show in a meaningful way why they are being assessed in these areas. This time would need to be built into middle and secondary timetables to get meaningful participation. </t>
  </si>
  <si>
    <t xml:space="preserve">This is already done in our current assessment system. </t>
  </si>
  <si>
    <t xml:space="preserve">This places more onus on the teacher to provide even more detailed reports which is time consuming and involves having to now teach parents to decode the new language. In the middle level this could mean 150+ individualized reports for each competency with level and descriptions of achievement. </t>
  </si>
  <si>
    <t>This reporting structure works for high school students.</t>
  </si>
  <si>
    <t xml:space="preserve">Reporting at the Grade 8 and 9 level should be a letter grade and/or percentage as it provides high school teachers feedback and information on the students ability level.  </t>
  </si>
  <si>
    <t>What is the reason that students or parents would need this information.  This is a redundancy that has no functional purpose.</t>
  </si>
  <si>
    <t>This is going to be a logistics nightmare.</t>
  </si>
  <si>
    <t>If you are hoping to have student self report then this needs to be placed into a course so it can be managed in a reasonable way.</t>
  </si>
  <si>
    <t>As much as I like being in the know wearing my parent hat, wearing a teacher hat it adds a lot to the workload.. In some ways I much prefer the parent teacher interview checkins or student led conferences to be a good eat a good way of sharing what's happening in the classroom with a student</t>
  </si>
  <si>
    <t>They may use the scale of reporting however however in my experience the students still goes on to the next grade even if not meeting the levels required for the grade</t>
  </si>
  <si>
    <t>I prefer this grating system as it gives a clearer picture than previous grades as to where the student sits as well prepares them for the grade type of college and University</t>
  </si>
  <si>
    <t>Pick one or the other don't double up on the work for teachers</t>
  </si>
  <si>
    <t>Loved ones students are encouraged to sales reflect and be guided through that process</t>
  </si>
  <si>
    <t>More to Student check in self regulating sofis regulating self reflecting when used properly aiding in healthy mental health</t>
  </si>
  <si>
    <t>I don't see teachers finding the time to write and keep track of the find details of each student. I wish they would but but from my experience not all teachers find value in this period, parents do</t>
  </si>
  <si>
    <t>As noted before I like the opportunity for parents to check in and teach us to check in with parents when fit and needed on an individual student basis</t>
  </si>
  <si>
    <t xml:space="preserve">Only two written reports are required before the year is done, and often not early enough to sufficiently  address learning challenges or explore new strategies .  Most of the reports outline what the class is supposed to be learning, but not how my child is doing.  </t>
  </si>
  <si>
    <t xml:space="preserve"> I understand that "emerging" and "developing" means the child can't do it.  But people who are not as sophisticated with bureaucracyspeak or where english is a second language will miss these important indicators that additional learning assistance may be required.</t>
  </si>
  <si>
    <t>The standard is clear and widely understood.</t>
  </si>
  <si>
    <t>Might be some value to establishing greater transparency that "emerging" is just a polite way to say the child has received an "F"... and therefore parents should be pursuing the matter further with educatiors.</t>
  </si>
  <si>
    <t>Letter Grades and % for Grades 8-12; better individualized info on performance and  how to improve</t>
  </si>
  <si>
    <t xml:space="preserve">The proposed abandonment or limitation to letter grades will disadvantage the very groups who need the greatest clarity on how their children are doing.  The proposed language will not provide sufficient signals that additional efforts and advocacy may be required.  </t>
  </si>
  <si>
    <t>I feel the flexibility in how and when we CSL is being diminished.  If the goal is to communicate student progress in a timely manner and provide parents with evidence of learning, then  keeping the old format will not enhance CSL.</t>
  </si>
  <si>
    <t>The Proficiency Scale eliminates letter grades, which are not reflective of learning.</t>
  </si>
  <si>
    <t>Not working in the secondary system.  Recognize our post secondary institutions will need something.</t>
  </si>
  <si>
    <t>Students should be provided many opportunities and experiences to grow and develop in these critical areas.  Student self-assessment is very informative.</t>
  </si>
  <si>
    <t>Student agency and goal setting are important to help ensure learning is relevant and personal.</t>
  </si>
  <si>
    <t>Our assessment practices need to be modernized.  We need to become more open and have a greater understanding of the variety of ways that students can demonstrate their learning.</t>
  </si>
  <si>
    <t>Remove the 3 formal written reports and have 2; mid year and end of year.  Encourage the remaining 3+ formats of communication to be timely and in different formats.</t>
  </si>
  <si>
    <t>Too much.  I deeply wish that the Ministry of Education would recognise what we as frontline workers are experiencing in regard to increased workload and decreased support.   M.of Ed. should be doing everything possible to make report writing as simple as possible.  Less can be more effective.</t>
  </si>
  <si>
    <t>Use of the proficiency scale is straightforward and helpful.</t>
  </si>
  <si>
    <t>This has been showing to be very useful for students.</t>
  </si>
  <si>
    <t>I love this aspect of current and proposed reporting. It does take quite a bit of time and effort to help students to learn the language and thinking skills to be able to do this but as we all do it in every grade it is becoming more straightforward.</t>
  </si>
  <si>
    <t>I agree with assessment and evaluation being inclusive of all learners.   Work time and proper compensation need to be given to teachers in order to provide this level of service.</t>
  </si>
  <si>
    <t>Reduce workload from required formal reports.   Or bring pay in line with other provinces to reduce burnout.  Burnout occurs when workload and compensation do not match.  Current workload required does not match compensation in this province.  Time needs to be given for teachers to write reports.</t>
  </si>
  <si>
    <t>Get rid of letter grades!!!!!!!!!</t>
  </si>
  <si>
    <t xml:space="preserve">Not much of a change from the policy previous to number of reports.  Are we moving away from the language "communicating student learning to "learning updates"  Are we still calling them report cards?    </t>
  </si>
  <si>
    <t>Alignment with the curriculum redesign and best practices for student assessment.</t>
  </si>
  <si>
    <t>Doesn't align with best assessment practices.  So what if it doesn't align with Universities for MOST kids.  MOST kids do not go to university.  Can't university figure out entrance based on portfolio/proficiency language?</t>
  </si>
  <si>
    <t xml:space="preserve">Doesn't align with best assessment practices.  Percentages?  Seriously?  Maybe hedge your way to letter grades if you can't go all the way to Proficiencies.  What is the point of putting in that you can also use proficiencies?    Is this an AND or OR... </t>
  </si>
  <si>
    <t>If Letter grades and percentages are REQUIRED how is using proficiencies an option.  Confusing.</t>
  </si>
  <si>
    <t xml:space="preserve">Aim of the current curriculum was to be more holistic, student centred, more inclusive. More responsibility in the hands of the learning. Micromanaging this seems counter. </t>
  </si>
  <si>
    <t>Any four point scale will always be translated back to A, B, C, D grading. The only way to get rid of this is pass/fail with comments</t>
  </si>
  <si>
    <t xml:space="preserve">Until university changes this cannot change at high school level. 10-12 will be dictated by those university needs. </t>
  </si>
  <si>
    <t xml:space="preserve">Much more training in how to self assess. Students struggle to accurately do this in a meaningful way. </t>
  </si>
  <si>
    <t xml:space="preserve">Goal setting is amazing but needs continuous follow up. </t>
  </si>
  <si>
    <t xml:space="preserve">You are just changing letters to words. Pass/fail is a much better way for study to approach work abd takes a lot of pressure off. </t>
  </si>
  <si>
    <t xml:space="preserve">Adding an additional written report is unnecessary and simply creates more work for teachers who are already devalued and over worked. </t>
  </si>
  <si>
    <t xml:space="preserve">The student self assessments are useless and a waste of instructional time. </t>
  </si>
  <si>
    <t>I think this is a lot of reporting when teachers are also emailing and speaking to families to regularly.</t>
  </si>
  <si>
    <t xml:space="preserve">Fewer more detailed reports would provide parents with better understanding. As I am writing 120 reports for my students (210 in a regular school year), my reports are not detailed.  Also, this question has a skew responses - whoever decided on these choices is being deceitful. </t>
  </si>
  <si>
    <t xml:space="preserve">The scale is not detailed enough to give parents an understanding of how their child is doing. </t>
  </si>
  <si>
    <t>Universities should be required to use their own metrics for acceptance - some sort of standardized testing.</t>
  </si>
  <si>
    <t>What a waste of time.</t>
  </si>
  <si>
    <t xml:space="preserve">Self-assessment, if done correctly, is an important tool for students to reflect on their understanding. 
</t>
  </si>
  <si>
    <t xml:space="preserve">Inclusivity is important - but when school districts cannot offer differentiated learning by removing accelerated/remedial programs then it is impossible for teachers to fully cater to individual needs.  </t>
  </si>
  <si>
    <t>Fewer reporting periods and more reporting for the students that need the extra support would provide benefits for all students.</t>
  </si>
  <si>
    <t>Three written reports are not necessary - let us continue us to move toward authentic reports NOT more written reports that are not read by the parents. Make reporting more relevant NOT archaic.  Digital portfolios and realtime reporting is more authenic. New proposal just adds more work for teacher</t>
  </si>
  <si>
    <t xml:space="preserve">Wording promotes growth mindset and an encouragement to more forward.  </t>
  </si>
  <si>
    <t xml:space="preserve">Don't teach these grades. </t>
  </si>
  <si>
    <t xml:space="preserve">I don't teach the upper grades however I do believe in consistency throughout the grades. </t>
  </si>
  <si>
    <t>Continues to demonstrate that learning is the responsibility of the learner</t>
  </si>
  <si>
    <t xml:space="preserve">Consistency of goal setting throughout the grades will have a better success rate in achievement of them. </t>
  </si>
  <si>
    <t>I agree with this proposal but there must be support for the teacher to achieve this!</t>
  </si>
  <si>
    <t xml:space="preserve">More reporting periods just mean more work for teachers and NOT more authentic ways to report </t>
  </si>
  <si>
    <t xml:space="preserve">This is a complex question- I believe in two formal reporting periods - one mid year and one summary.  I do like how the points of progress throughout the year allow for authentic reporting on the core subject areas.  I do believe if reporting is too frequent, it can be overwhelming for families. </t>
  </si>
  <si>
    <t xml:space="preserve">The terms are fine - I think the importance is to make a final decision of the terms and not change them every few years to allow students and parents to understand their meaning.  I do think we need to have a term that represents course requirements not met.  ie. incomplete work. </t>
  </si>
  <si>
    <t xml:space="preserve">With my parent hat on now, my two children who are currently in university needed the letter grades to transition smoothly into post-secondary programs.  </t>
  </si>
  <si>
    <t xml:space="preserve">This just makes student/parents believe that Extending equals an A, Proficient a B, etc.  We are working hard to change that thinking, so combining them is not helpful.  </t>
  </si>
  <si>
    <t xml:space="preserve">I was having students do self-assessments and goal setting way before this was added to our required process - but now it is overdone and it is losing the impact on students.  Student voice is important and valuable to the learning process, as long as it is authentically timed to learning. </t>
  </si>
  <si>
    <t xml:space="preserve">Yes, include student reflections/goal-setting in reporting so that teachers give students a voice, and time to set goals, provide evidence of authentic learning.  Just be aware that teachers have to also have time to teach, students have to have time to learn for this to work.  </t>
  </si>
  <si>
    <t xml:space="preserve">A must. Will there be support to help teachers provide this support for all our learners? Do FSA's measure accurately diverse learning needs? </t>
  </si>
  <si>
    <t>Not change - just asking for stability for reporting to families</t>
  </si>
  <si>
    <t>I am for the policy as it will provide stability in reporting and clear direction for educators, students and families.  I believe all the parts of the policy have value - I am just mindful that learning come before reporting, which requires support from the ministry.</t>
  </si>
  <si>
    <t>This language seems to correspond to a linear education system.
Should be a Summary of Learning at the end of each semester.</t>
  </si>
  <si>
    <t>It's a different philosophy / perspective so it seems complicated to me to do both grades (letters and Provincial Proficiency Scale).</t>
  </si>
  <si>
    <t xml:space="preserve">There have been so many changes in reporting over the last few years, and I do not feel like any of them are benefiting the students. I often communicate with students and parents in regards to their learning progress, although it's not formal. </t>
  </si>
  <si>
    <t xml:space="preserve">This is scale does not give an accurate reflection of the student's current skill. </t>
  </si>
  <si>
    <t>I think teachers should have the ability to book appointments with parents for Parent-Teacher Interviews.
Allowing parents to come and meet teachers is nice - but most of the time it is not necessary and a waste of time.</t>
  </si>
  <si>
    <t>I think students in high school should receive letter grades</t>
  </si>
  <si>
    <t>I do not want to have to assess using two different systems.</t>
  </si>
  <si>
    <t>It is a good idea to do it throughout the whole year and not just at the end.  Kids forget to document evidence of their learning, etc.</t>
  </si>
  <si>
    <t>Yes - assessment practices should be inclusive and assessment tools should be versatile and accessible to all learners.</t>
  </si>
  <si>
    <t>As a teacher it takes a long time to write up these reports for each student. Reporting more than three times a year would add to my stress and workload.</t>
  </si>
  <si>
    <t>This accurately reflects students progress.</t>
  </si>
  <si>
    <t>We need letter grades for university applications.</t>
  </si>
  <si>
    <t>I am a parent as well as a teacher, and at these grade levels 10, 11, 12, I only want to know my child’s letter grades and what they need to do to improve to get achieve higher performance. I don’t need to know what exactly they are learning in class.</t>
  </si>
  <si>
    <t xml:space="preserve">A written report in the fall is largely a waste of time. In order to complete them in time, teachers must start writing report cards in October. This is well before classroom routines have been set, or valuable assessment and learning hsa taken place.  </t>
  </si>
  <si>
    <t xml:space="preserve">The current amount of teacher reporting is sufficient. The content and context of  reporting though could use improvement. </t>
  </si>
  <si>
    <t xml:space="preserve">Unfortunately when we choose ambiguous terminology this can lead to ambiguous reporting. There is not enough detail to explain to parents/guardians the context of what these terms mean and how performance of academic achievement is being quantified. </t>
  </si>
  <si>
    <t>This aligns with University requirements and gives a clearer picture of academic standards of achievement, however this also does not reflect necessarily the academic performance of many neurodiverse learners.</t>
  </si>
  <si>
    <t xml:space="preserve">This may provide a clearer overall picture for students/ parents/ guardians to know where the student is at currently and how and where they can improve. This also may assist in being able to facilitate the need for extra support in these areas. </t>
  </si>
  <si>
    <t xml:space="preserve">Students with disabilities and who are neurodivergent may struggle with self reflection and without proper support persons who understand the way these students learn and comprehend to allow for these students to be able to do this, this becomes redundant and can illicit responses not relevant </t>
  </si>
  <si>
    <t xml:space="preserve">We need support staff that can teach these concepts to neurodivergent students. Executive functioning skills are required first to be able to do this type of assessment </t>
  </si>
  <si>
    <t xml:space="preserve">You need to provide support to these students who can teach concept acquisition skills to these learners in the way they learn vs standardized or scrubbed responses as acceptable measurable development not just ticking a box. Actually educating them how they learn. </t>
  </si>
  <si>
    <t xml:space="preserve">We are not currently teaching students in the ways they learn, presuming competence is fantastic but acknowledging that they can learn if we teach to neurodiverse learners ways of comprehension which we are not actually doing currently, it is equitable </t>
  </si>
  <si>
    <t>1) If students are attending school in a linear year (Sept - June) the proposed frequency of reporting is OK.  25% is a bit early.  It takes a bit more than 25% of the school year (especially with high school - grade 8-12)  to both get to know and get enough data to assess students</t>
  </si>
  <si>
    <t>I'm fine with using a proficiency scale.  How can we tell the difference between the 2 E's (Emerging and Extending)?</t>
  </si>
  <si>
    <t>Pick one! 3 levels of reporting is overkill. Is it possible we could get universities and colleges to accept Letter Grades instead of percentages?</t>
  </si>
  <si>
    <t>How would cognitive dissonance be handled? IHow does a student self-assessment compare with a teacher assessment?  Is there concern about difference in opinions between teacher and student - perhaps due to students who are self-critical or feel that only an "A" is acceptable?</t>
  </si>
  <si>
    <t>In theory, these ideas are great.  In practical terms, how would these ideas be measured?</t>
  </si>
  <si>
    <t>Writing individual, thoughtful &amp; reflective student reports are time consuming. Gr 8-12 teachers teach 7 classes (30 students/class).  This reporting requirement would require 5 reports per year for 210 students.  Writing reports takes a minimum of 4 hrs/class. 28 hrs/reporting period. 140 hrs/year!</t>
  </si>
  <si>
    <t xml:space="preserve">These are children and they are human beings. Communication with parents about their children should be daily if needed. </t>
  </si>
  <si>
    <t xml:space="preserve">Children are not circus monkeys, real learning is personal and should be delivered this way. Rating children, unless it’s positive is damaging to their mental health. Social and emotional support is the most critical support needed right now. Rating children really reverses the caring relationships </t>
  </si>
  <si>
    <t xml:space="preserve">Universities need to change to change this. </t>
  </si>
  <si>
    <t xml:space="preserve">Special Education is better education, IEPs for everyone! </t>
  </si>
  <si>
    <t xml:space="preserve">Stop the impersonal cold approach to these wonderful people. I would hate a written report 5 5 in a 10 month period. Adults don’t face this, why should children? </t>
  </si>
  <si>
    <t xml:space="preserve">Education is poorly guided from a teacher pedagogy. I am a registered social worker  if people outside the system really saw how horrible this whole process is on students they would be horrified. It’s sad that so many many vulnerable students are really the biggest sufferers. The affluent benefit. </t>
  </si>
  <si>
    <t>I have been piloting the new reporting system for 3 years and as a teacher and a parent, I find this new reporting system unacceptable.  I found the two formal reports as well as the 3 smaller points of contact to be more than enough.</t>
  </si>
  <si>
    <t>I still find the proficiency scales vague.  There is too large of a range for developing and it is hard to communicate to parents how their child is doing.  I found I always need to talk to the parents to explain why they are developing.</t>
  </si>
  <si>
    <t>This is more work for teachers and parents won't read it anyway because the proficiency scales are vague as they are.</t>
  </si>
  <si>
    <t xml:space="preserve">This should not be done in Kindergarten and early primary.  Kids just don't understand and it is a 'make work' project.  Once is more than enough.  </t>
  </si>
  <si>
    <t>This is not applicable in K and early primary.  Again, students are not yet ready for this and it is a make work project.  Once for 'practice' for older grades is more than enough.</t>
  </si>
  <si>
    <t>I think this is really important.</t>
  </si>
  <si>
    <t>The number of times you have to report on core competencies and goals setting in primary is grossing unreasonable.  Why fix the two my ed reports and 3 informal when it is working so well on the pilot.</t>
  </si>
  <si>
    <t xml:space="preserve">No communication </t>
  </si>
  <si>
    <t>Five provides a good level of formal updates spread throughout the school year.
It would be helpful for the policy to lay out what alternatives to written reports are available to teachers, so parents have an idea of what they might expect, and of what standards those alternatives need to meet.</t>
  </si>
  <si>
    <t>Use of the proficiency scale can result in fairly vague or quite useful reports, depending almost entirely upon the quality of the descriptive feedback provided by each teacher.  How to ensure that all teachers have the training and time to provide consistently thoughtful comments and observations?</t>
  </si>
  <si>
    <t>While I support the move away from a focus on letter grades and percentages, I recognize that not all post-secondary institutions have made this shift, and appreciate a policy of communicating student learning which does not disadvantage BC students applying to further studies beyond the province.</t>
  </si>
  <si>
    <t>As above, I appreciate this would provide some consistency with reports across all grade levels, and help to diminish the traditional narrow focus on grades.</t>
  </si>
  <si>
    <t>Encouraging self-awareness among students, and listening to their understanding of their own experiences, is I believe central to educating capable citizens.</t>
  </si>
  <si>
    <t>As in the previous question.</t>
  </si>
  <si>
    <t>Our system is far from able to respond fully to individual needs - how will it be resourced to make this fine policy more than intentional?  BC still has among the lowest per student spending on education in Canada, and a shrinking proportion of provincial GDP dedicated to education funding.</t>
  </si>
  <si>
    <t>As above, include more detail re what non-written reports would consist of.</t>
  </si>
  <si>
    <t>My main concern is how a system which often fails to accommodate special needs and diverse abilities is resourced to provide the individual learning envisaged in the policy (e.g. schools built with enough space for smaller classes, non-instructional spaces for art, music, resource teachers, etc.).</t>
  </si>
  <si>
    <t>If needing to do one report in the first 25% of the year, following that with another written report soon after (if we followed the old timeline of written reports) would seem like reporting on similar things in a very short time period.</t>
  </si>
  <si>
    <t>I communicate with parents when I am concerned about their child or when they request information, on top of the current requirement of communicating with them through report cards. For a high school teacher with 100+ students, this extra formal reporting means extra work load.</t>
  </si>
  <si>
    <t>K-5, this is fine. 6-9 need to be getting ready for percentages (so should use letter grades) which are required in Grade 10-12 and in university. Going from a Developing to a 63% is difficult for students to do without a transition.</t>
  </si>
  <si>
    <t>Making the transition from high school to post-secondary expectations as easy as possible will help our students.</t>
  </si>
  <si>
    <t>Too many styles of reporting is confusing for some parents and onerous on teachers.</t>
  </si>
  <si>
    <t xml:space="preserve">Students reflecting on their learning is always important but it needs to be done in a meaningful way not just as a "check box". </t>
  </si>
  <si>
    <t>Again, something that is being done but needs to be done in a meaningful way, not as a "check box".</t>
  </si>
  <si>
    <t>Aren't we doing this already? Being mindful of a student's IEP or less formal learning needs is done on a daily basis and a teacher's autonomy to adjust learning requirements for students is built based on their relationship and knowledge of the students in their class.</t>
  </si>
  <si>
    <t xml:space="preserve">The proficiency scale at this level is redundant. A student in English 12 who needs a C+ to get into university doesn't need to know that they are Developing. They need to know what to do to get to the percentage that is required by the university. </t>
  </si>
  <si>
    <t>As a parent with a child who has struggles with numeracy and literacy I would really like to know how she is progressing a bit more. I would also like to know what level she should be at so that I know how far behind she really is. Just hearing there is progress is not enough.</t>
  </si>
  <si>
    <t xml:space="preserve">I have received many report cards with proficient all across the board and it feels like this can’t be true and one sentence at the end that pertains to my child specifically. </t>
  </si>
  <si>
    <t>If it is the same system as post secondary it will help with the transition. I don’t necessarily believe in standardized testing but if the child wants to continue with school they should be prepare them for the reality of letter grades.</t>
  </si>
  <si>
    <t>I have trouble with my children and their confidence vs. How they are doing.</t>
  </si>
  <si>
    <t>Not realistic for a semesters secondary school</t>
  </si>
  <si>
    <t xml:space="preserve">Think the number of reports is adequate, but accessing those reports is challenging. </t>
  </si>
  <si>
    <t>Great because it focuses more on the student and less comparing the student with others.</t>
  </si>
  <si>
    <t>Think this would be fair.</t>
  </si>
  <si>
    <t>Students need to learn how they have an influence of their own learning.</t>
  </si>
  <si>
    <t>Everyone should learn how to make goals.</t>
  </si>
  <si>
    <t>This is fair.</t>
  </si>
  <si>
    <t>Everything looks very encouraging for the future.</t>
  </si>
  <si>
    <t>The number of reporting should remain the same or increase.  Parents and students should have a clear idea on whether they are succeeding or need help.</t>
  </si>
  <si>
    <t xml:space="preserve">I am responding for a student in the 10-12 grades, so this no longer applies.
</t>
  </si>
  <si>
    <t>It is still needed for many post-secondary institutions, therefore it is needed.  I highly encourage teachers to include comments with the grade.</t>
  </si>
  <si>
    <t>I don't think that this is required.  The letter and / or percentages given would give parents and students the knowledge of where the mark lands on the proficiency level.</t>
  </si>
  <si>
    <t>I think it is important for students to take the time to reflect honestly on their achievements and skill levels.</t>
  </si>
  <si>
    <t>I think it is important for students to take the time to set goals, and set realistic plans to achieve them.  This will help them with so many other aspects in life.</t>
  </si>
  <si>
    <t>Absolutely!  Education must be inclusive in every way!</t>
  </si>
  <si>
    <t>Two formal report cards all for a more accurate reporting of student progress as one is in January which allows for students to truly show their learning and for teachers to get to know students better.</t>
  </si>
  <si>
    <t>The proficiency scale works well for elementary students but students in high school need to be prepared for grades as it is what will be required for post secondary education.</t>
  </si>
  <si>
    <t xml:space="preserve">As teachers we are doing this throughout the year already and share this on the final report card.  </t>
  </si>
  <si>
    <t>Teachers and students do this already.  I'm not sure the value of reporting it - reporting it out could change the purpose of doing it for students as it would become for "marks" and not for personal journey.</t>
  </si>
  <si>
    <t>Learning needs to be for learning and progress can be reported out in a variety of ways to parents.  These alternate ways are often more valuable than a report card.</t>
  </si>
  <si>
    <t xml:space="preserve">I feel it is more valuable to have conversations with parents.  It’s unfair to assess grade 1 students at the beginning of the school year when most of them need to time to learn to read and write. </t>
  </si>
  <si>
    <t xml:space="preserve">This takes away from valuable learning time.  We are taking a step back in time where holistic ways of teaching and experiential learning is replaced with teaching little ones how to fill out a worksheet. </t>
  </si>
  <si>
    <t>Same reason as above.  Little ones can do this orally</t>
  </si>
  <si>
    <t xml:space="preserve">It’s too often - I don’t need or want teachers doing additional work. </t>
  </si>
  <si>
    <t>The reporting is fine... just need more communication from the teacher!</t>
  </si>
  <si>
    <t xml:space="preserve">The scale is fine for younger grades, but intermediate and high school should be more detailed. </t>
  </si>
  <si>
    <t>I don't have a high school student, but it should be grades!</t>
  </si>
  <si>
    <t xml:space="preserve">I don't feel it's detailed enough. </t>
  </si>
  <si>
    <t>Kids should have an understanding of where they're at.</t>
  </si>
  <si>
    <t>I think this is a smart option.</t>
  </si>
  <si>
    <t xml:space="preserve">This makes sense, as everyone has different abilities and privileges </t>
  </si>
  <si>
    <t>I find the five reporting periods are sufficient to know where my child is at throughout the year.</t>
  </si>
  <si>
    <t>I find the current reporting somewhat vague. Does not provide me adequate information as to where my child is at and where they need to be to move on to the next grade level.</t>
  </si>
  <si>
    <t xml:space="preserve">For those higher grades looking towards attending colleges and universities, letter grades is more in line with what they will expect at post secondary institutions. </t>
  </si>
  <si>
    <t>Provides them with voice in their own educational journey and goal setting</t>
  </si>
  <si>
    <t>I find sometimes not enough information is given</t>
  </si>
  <si>
    <t>I would prefer only 2 written report cards, one in January and a summative report card in June. With 2 interim reports being sent home. The 5th would be a parent teacher conference.</t>
  </si>
  <si>
    <t>It is simple for parents and students to understand.</t>
  </si>
  <si>
    <t>These grades are required for entry to University.</t>
  </si>
  <si>
    <t>As long as it is used "in addition to" and not replacing the grades, then this would be a good thing.</t>
  </si>
  <si>
    <t>It's good for students to set their own goals.</t>
  </si>
  <si>
    <t>I would not like to go back to 3 report cards per year. Keep with the 2. One in January and one in June.</t>
  </si>
  <si>
    <t>With email, I would love more communication to be able to better partner with my children's teachers to set them up for success.  Teacher and student alike.</t>
  </si>
  <si>
    <t>This has been like this forever and the notes just seem useless.  Drop down menus don't give you a feeling that the whole picture is there whether your child excels or struggles.  More personalized messages would be better.  This scale is not a great picture for kids in grade 8 and over.</t>
  </si>
  <si>
    <t xml:space="preserve">Middle school kids need this method.  By the time grade 10 comes what does developing even mean in grade 8 or 9?  Then by grade 10, when marks matter It's too late to correct.  8 and 9 are the building blocks for the years university wants to see.  </t>
  </si>
  <si>
    <t>This should stay from grade 8 and 9 and likely be done for grade 7 due to number of districts that use the middle school system.</t>
  </si>
  <si>
    <t xml:space="preserve">So far my younger kids don't get much out of this.  I am hopeful it will improve as they move forward in grades </t>
  </si>
  <si>
    <t>My children are in the gifted category and I am always fearful that they will be left behind because of this.  Making sure the focus is not just on the middle of the road kid and giving more to gifted and those who struggle is ideal</t>
  </si>
  <si>
    <t>All previous responses discuss.  Grade 10 matters so grade 7-9 should have them ready for that grading system and give parents clearer information to ensure that by grade 10 things are on track.</t>
  </si>
  <si>
    <t xml:space="preserve">It makes more sense to report four times instead of five. Goal setting, Jan report card, Stu-led conference, and June report card. </t>
  </si>
  <si>
    <t xml:space="preserve">This system makes sense. As far as I’m concerned, if we can have performance standards for all the subjects required to report, teachers might feel more supported in reporting. </t>
  </si>
  <si>
    <t xml:space="preserve">I teach elementary. </t>
  </si>
  <si>
    <t xml:space="preserve">As far as I’m concerned, if performance standards for core competencies are provided from the ministry, the result might have a more effective impact. However, we need to be aware of the discrepancies between student self-assessment and teacher assessment and what they might look like for families. </t>
  </si>
  <si>
    <t xml:space="preserve">Goal setting is a good practice but it doesn’t necessarily have to be on the report card. Some students treat goal-setting quite personal and do not want their parents to see their goals. </t>
  </si>
  <si>
    <t xml:space="preserve">It’s implemented in the current practice. </t>
  </si>
  <si>
    <t xml:space="preserve">As long as I always have access to MyEd and I can check it through the year </t>
  </si>
  <si>
    <t xml:space="preserve">Please don't dumb dumb down the system. By grade ten the kids that don't care are not going do better if you take away letter grades. For those of us that like doing well in school it is DE- motivating to be treated like snowflakes. Cause and effect. School isn't that hard. Coddling kids is dumb </t>
  </si>
  <si>
    <t>Sure. If you want to do that but it's just more work for teachers and it doesn't mean anything to teens.</t>
  </si>
  <si>
    <t>I know you adults want to think we take these things seriously but the reality is that it's a joke. Noone takes them seriously. I'm not sure what you're trying to solve for.
Anyone who is reflective of soft skills is already reflective. Those who are not just make fun of it. It feels patronizing</t>
  </si>
  <si>
    <t xml:space="preserve">SMART goals are great until grade nine. By that point, those of us that are high achievers already have our own systems in place and those that don't aren't about to start. This activity makes me hate school... And I love school. just one more hoop.  Other subjects get more complex, this doesn't. </t>
  </si>
  <si>
    <t xml:space="preserve">Why is the policy not included in this survey so I can read it? </t>
  </si>
  <si>
    <t xml:space="preserve">I can't really comment because I haven't read the whole document. I'd say the way the self evaluation works right now sucks. Replace SMART goals in 10-12 with how to self assess please. </t>
  </si>
  <si>
    <t>What about schools that are on the semester system, grades 10-12?  The proposed policy is not clear on how many reports would be required for those courses, 5 would be too much to do for courses that run for 10 months.  Teachers can have up to 4 courses, and over 100 students in one semester.</t>
  </si>
  <si>
    <t>I already use the scale.</t>
  </si>
  <si>
    <t>Goal setting is good, but how will this look for grades 10-12?  Is it just goals for the year or goals for each course they are in?  This could end up being a lot of paperwork to keep track of if it is not done in an organized way.</t>
  </si>
  <si>
    <t>Too unclear for grades 10-12.</t>
  </si>
  <si>
    <t>Isn't this already being done in classes. ?</t>
  </si>
  <si>
    <t xml:space="preserve">Teachers are overwhelmed with the shear volume of what is expected of them already.  There needs to be much more explained for the grade 10-12 levels, the policy makers need to take into account what an average high school class in BC is like, what is already occurring, and make sure they don't add </t>
  </si>
  <si>
    <t>C’est beaucoup, l’apprentissage prend du temps. Les enseignants devraient avoir plus de temps pour se focaliser sur les apprentissages que fait l’enfant plutôt que ce qu’ils doivent  évaluer.</t>
  </si>
  <si>
    <t>Il est très difficile de placer les élèves selon cette échelle et cela reste très subjectif selon les enseignants. Un enfant peut avoir fait de gros progrès dans un domaine mais rester « En cours d’acquisition », on pointe alors ses lacunes plutôt que ses réussites…</t>
  </si>
  <si>
    <t>Je pense qu’il y a déjà des équivalences entre ces différentes échelles d’évaluation.</t>
  </si>
  <si>
    <t>Ce que je fais déjà beaucoup dans ma pratique enseignante.</t>
  </si>
  <si>
    <t>Je pense que beaucoup d’enseignants travaillent déjà dans ce sens.</t>
  </si>
  <si>
    <t>Bien sûr qu’il est nécessaire que les pratiques d’évaluation s’adaptent aux besoins individuels de chacun. Évaluer c’est faire le constat de progrès, idéalement par l’élève lui-même, quelque soit son point de départ.</t>
  </si>
  <si>
    <t xml:space="preserve">As long as this does not change what school district's are doing with Fresh Grade and Student/Teacher/Family conferencing 'pilots' - I am good with it. </t>
  </si>
  <si>
    <t xml:space="preserve">The word 'Emerging' is ambiguous and hard for kids, teachers and families to grasp. The levels should be - Beginning, Developing, Proficient, Extending. 
It makes descriptive feedback so much easier. For example, Student A is beginning to use logical and reasoning when solving math problems. </t>
  </si>
  <si>
    <t>Makes perfect sense to me!</t>
  </si>
  <si>
    <t>Seems a bit odd - why not have letter grades for academic subjects and proficiency scale for electives?</t>
  </si>
  <si>
    <t xml:space="preserve">I love having students self report on their development of the core competencies, but I don't want to have to type in their responses to MyEd BC or another platform. If I can write 'See Core Competency Journal' or 'See Core Competency Reflection Template" then that would be fine. </t>
  </si>
  <si>
    <t xml:space="preserve">We currently do this and it's very valuable. The problem is - it's another layer of work. Something should be taken off the plate to help encourage teachers to do this important work. My suggestion - reduce comment and letter grade demands for subjects like Fine Art, Career, ADST, and Health K-9. </t>
  </si>
  <si>
    <t xml:space="preserve">YES! This has to recognize that not all students are able to do all subjects. For example, physical education. </t>
  </si>
  <si>
    <t xml:space="preserve">Change Emerging to Beginning </t>
  </si>
  <si>
    <t xml:space="preserve">The language should be clear, unambiguous and make sense to EVERYONE!! Having two that start with the letter 'E' is confusing. Plus, the word 'emerging' is confusing. Also, when the initial letters are all different (B, D, P, E) it makes it simpler for teachers to record in their marking books. </t>
  </si>
  <si>
    <t xml:space="preserve">I think using a performance scales is so much more valuable than letter grades. </t>
  </si>
  <si>
    <t xml:space="preserve">Without universities changing requirements, letter grades and percents will have to stick around unfortunately. </t>
  </si>
  <si>
    <t>Younger students' progress and assessments fit into a 4 point scale much more appropriately than older students</t>
  </si>
  <si>
    <t xml:space="preserve">A better follow up to the K-9 proficiency scale would be letter grades only. Parents and post-secondary institutions both understand the interpretation of a letter grade as it has been used historically and it more accurately mirrors our intention of general levelled assessment. </t>
  </si>
  <si>
    <t xml:space="preserve">The difference between 85% and 86% is seen as numerically minimal, but in fact is extremely significant when you consider one an A and one a B. All experienced teachers can justify an A and a B easily with exemplars but to justify an 85% from an 86% is likely inaccurate and misleading to parents.   </t>
  </si>
  <si>
    <t>We should always be encouraging students to take an active part in their own learning process.</t>
  </si>
  <si>
    <t xml:space="preserve">I believe letter grades and proficiency scales can achieve more accurate reporting of individualized programs than percentages. </t>
  </si>
  <si>
    <t>Get rid of percentages and use levelled proficiency scales only, with the scale in 10-12 being letter grades based on a similar scale as was always given in the provincial examination marking: superior (A-6) proficient (B-5) adequate (C/C+-4) minimally acceptable (C--3) unacceptable (F-2/1)</t>
  </si>
  <si>
    <t xml:space="preserve">It’s enough </t>
  </si>
  <si>
    <t xml:space="preserve">I like letter grade for grade 4 and up. It’s more cut and dry and to the point. </t>
  </si>
  <si>
    <t xml:space="preserve">Yes it’s good the way it is. </t>
  </si>
  <si>
    <t xml:space="preserve">Too many reports given that marks are always on-line anyways. </t>
  </si>
  <si>
    <t>Huge increase in workload for high school teachers who have to assess 210 students, not 25</t>
  </si>
  <si>
    <t>Is this grounded in peer reviewed and time tested research, or just the flavour of the month?</t>
  </si>
  <si>
    <t>What is the purpose of this beyond feel good?</t>
  </si>
  <si>
    <t xml:space="preserve">  Potential impact on teacher workload. Student begin to feel entitled to custom assessments instead of learning to rise up to a challenge. </t>
  </si>
  <si>
    <t xml:space="preserve">Impact on teacher workload. Students start to expect system to bend to their needs, rather than trying to rise to the occasion. </t>
  </si>
  <si>
    <t>For secondary teachers in semestered schools, this really means 10 reporting events per year. Three per semester (i.e. per course) should be sufficient, for a total of 6 per year.</t>
  </si>
  <si>
    <t>Grade 9 should not be included in this grouping as most districts in BC have grade 9 in high school (9-12). This means high school teachers must use 2 different reporting systems. It also means gr9s are reported on differently than everyone else. This is inefficient &amp; unnecessary.</t>
  </si>
  <si>
    <t xml:space="preserve">It is clear, and parents understand it. </t>
  </si>
  <si>
    <t>It is unnecessary for 10-12. A four category scale will simply end up being: A=extending, B/C+=proficient C/C-=developing F=emerging. All this does it give teachers FEWER and LESS NUANCED grading options to communicate progress. Terrible idea.</t>
  </si>
  <si>
    <t>Unnecessary. Students see it as a waste of time. Make-work.</t>
  </si>
  <si>
    <t>Grade 9 is in most high schools while K-8 are in elementary and middle schools. Start the 10-12 assessment model at grade 9, not 10 (letter grades &amp; percentages, not proficiency scale).</t>
  </si>
  <si>
    <t>No need for additional learning summary for grades 8-9</t>
  </si>
  <si>
    <t xml:space="preserve">We have started doing this and it’s better than letter grades. Hoping grades 8 and 9 will start soon and have a clear description on what these look like. Emerging can be difficult to understand </t>
  </si>
  <si>
    <t xml:space="preserve">Makes sense and easy to do </t>
  </si>
  <si>
    <t xml:space="preserve">Not necessary to have both. Total waste of time </t>
  </si>
  <si>
    <t xml:space="preserve">Many students do not put effort into this and we seem to be begging them to do it and understand it. Waste of time and resources on both students and teachers </t>
  </si>
  <si>
    <t xml:space="preserve">Two reports are enough for high school kids as we also do interims. We juggle 200 kids at a time sometimes. It’s too much </t>
  </si>
  <si>
    <t xml:space="preserve">I think regular updates and reports allow the parent to be able to see how their child is doing and catch things that can be fixed more quickly. </t>
  </si>
  <si>
    <t xml:space="preserve">I find this way of reporting lazy and only in place not to hurt a child’s feelings. I like the grading percentage better. I feel it promotes a bette work ethic as there is more drive to earn a higher grade. </t>
  </si>
  <si>
    <t xml:space="preserve">They should have never moved to any other grading system. This allows a child to know exactly how they are doing and how much they need to improve. </t>
  </si>
  <si>
    <t xml:space="preserve">Again, this type of grading system is lazy and teaches our children that individualism doesn’t matter. </t>
  </si>
  <si>
    <t xml:space="preserve">Children’s should set goals for themselves snd strive to meet those goals. It’s important for the parents and teachers to be able to see those and help in any way possible. </t>
  </si>
  <si>
    <t xml:space="preserve">I believe all children in middle school to grade 12 should have a percentage grade. </t>
  </si>
  <si>
    <t xml:space="preserve">The scale that is in place now is baffling to me. I don’t understand how children are supposed to strive to be their best when bunched into a vague category of their learning progress. Percentage and letter grades encourage children to strive for more and to work harder to achieve more. </t>
  </si>
  <si>
    <t xml:space="preserve">It's nice to see how the students view themselves and if there is a big gap. </t>
  </si>
  <si>
    <t>I think Jan/Feb is far to late for parents to receive their child's first formal written report. Goal setting conferences aren't a sufficient replacement for a term 1 report card.</t>
  </si>
  <si>
    <t>I believe a 7 point scale gives more information. If we are replacing letter grades with this scale, it should be more specific, like a 7 point scale.</t>
  </si>
  <si>
    <t>Students need percentages at this age as they prepare for post-secondary education.</t>
  </si>
  <si>
    <t>I don't see the value in this. It's a "make work" project a lot of the time and not something parents really want. This doesn't give parents/or students a clear idea of how they are actually doing in school.</t>
  </si>
  <si>
    <t>Again, more work for what?</t>
  </si>
  <si>
    <t>We've always done this.</t>
  </si>
  <si>
    <t xml:space="preserve">I do not like the current "goal setting" guidelines. It is now moving away from goal setting and we're having to include numeracy and literacy comments as well. This now sound like a report card. Just as much work goes into it, but now we also have to do 7 hours of conferences.
</t>
  </si>
  <si>
    <t>I prefer letter grades.  I believe it is easier for students and parents to understand the level of progress a student is achieving.  I also checked with my Gr. 8 student and he is in agreement that he prefers a letter grade achievement.</t>
  </si>
  <si>
    <t>It is hard to determine how well a student is doing in their academics.</t>
  </si>
  <si>
    <t>I believe letter grades and percentages should be used at intermediate elementary level through to Grade 12 academics.</t>
  </si>
  <si>
    <t>I strongly believe in the letter grade and percentage academic achievement.  I believe having a dual system is too much to expect the teachers to provide.</t>
  </si>
  <si>
    <t>I agree that a student should have an opportunity to provide an opinion of the progress, in addition to the letter grade/percentage provided as it provides the student with awareness of their actual progress and can encourage the student to strive to achieve or set goals for achievement.</t>
  </si>
  <si>
    <t>I believe that goal setting is an excellent addition and gives a student an opportunity of reflection at the end of a school year to see if they have met the goals they have set for themselves.</t>
  </si>
  <si>
    <t>I believe that this would be good for all students but in a modified/adapted fashion  for some individual learner's needs/capabilities.</t>
  </si>
  <si>
    <t xml:space="preserve">Letter Grades for grades 4 to 12 </t>
  </si>
  <si>
    <t>The focus will be on reporting rather than supporting authentic learning opportunities for students.</t>
  </si>
  <si>
    <t>This should be embedded in learning opportunities, not be treated as something to be reported on to check off a list.</t>
  </si>
  <si>
    <t>Effective teachers communicate regularly with parents and support their learners.</t>
  </si>
  <si>
    <t>Too short of a time frame for each reporting period, not enough time for real assessment of growth.</t>
  </si>
  <si>
    <t>What are the skills that they are lacking and how do we report on that?  Especially now that we have gone through Covid for 3 years and we notice that the students are behind by a year or two.  So to use these descriptors may be very vague and not telling of the whole picture.</t>
  </si>
  <si>
    <t>We need to upheld grades for entry to university and colleges...we can't lower the bar to fields that require a certain degree of intelligence whether it is a skilled trade or to become a doctor.</t>
  </si>
  <si>
    <t>A proficiency scale will provide a deeper in depth idea of student's ability.</t>
  </si>
  <si>
    <t>Students need to be taught what  a "self assessment" needs to encompass.  If not, then it becomes a mindless "check box" task.</t>
  </si>
  <si>
    <t>As with the previous answer: students need to be taught how to make a goal, how to measure it, how to determine if successful, what to change etc.</t>
  </si>
  <si>
    <t>Science based assessments</t>
  </si>
  <si>
    <t>My child does not have any neuro differences or learning differences. We also have not reached a point of social conflicts, so communication with the teachers thus far have brought very little insight. I prefer less formal written summary and an app based form of communication.</t>
  </si>
  <si>
    <t xml:space="preserve">I think it's great getting feedback but children are individual and to "rate" them all based on an outdated or generic scale seems useless </t>
  </si>
  <si>
    <t xml:space="preserve">If a student chooses to attend college or Uni they will need to understand this grading style. </t>
  </si>
  <si>
    <t>A great concept and hold a student accountable to one's self. This also gives opportunity for the parents &amp; teachers of children who are critical of themself to see the severity of said self criticism</t>
  </si>
  <si>
    <t xml:space="preserve">This is a great skill to learn </t>
  </si>
  <si>
    <t>I am bit confused by this reporting order.  To report 5 times for one class (with a duration of 5 months in semester hightshcool) is challenging.  It is unclear if this is two written reports plus the year (course ending) summary.  It is not feasible.  Normally, one formal report mid Nov + 1 ending</t>
  </si>
  <si>
    <t>I already do this but find the ministry's language a bit unclear.  I prefer Beginning, Developing, Proficient and Extending.  I also don't quite align with the letter grade translations at this time.  Beg = C- or lower, Developing = C - B, Proficient = A, extending = A+</t>
  </si>
  <si>
    <t>I use proficiency  grade 8-12 and convert my grade 10-12s to a percent at reporting time.  Makes no difference to me</t>
  </si>
  <si>
    <t xml:space="preserve">Our highschool students (&amp; staff) find the reporting of this to be a hoop to jump.  Students don't connect with it well.  It's very sad.  </t>
  </si>
  <si>
    <t>This makes sense especially if tied to core competencies</t>
  </si>
  <si>
    <t>I find this one a bit of a philosophical challenge.  A grade 9 student working at grade 6 math is not achieving the learning outcomes for Math 9.  My current class is 30% identified with a designation (no EA).  It is so challenging to teach and assess to each students space.  And the poor gifted...</t>
  </si>
  <si>
    <t xml:space="preserve">If students are self-reporting in one of these reporting periods, how do I manage this for 200+ students plus all the curricular competencies, goal setting etc.  I am overwhelmed at the best of times.  </t>
  </si>
  <si>
    <t xml:space="preserve">This might make sense for a linear program, but once you get into middle or high schools where many of us are on semesters, this makes it extremely hard to determine when reporting should happen. The timing on written reporting is difficult, and the summary would only be at the end of 2nd semester. </t>
  </si>
  <si>
    <t>Again, this is confusing at the grade 8 and 9 level. What happens when they are on a semester system?</t>
  </si>
  <si>
    <t xml:space="preserve">While I understand the why of using percentage grades, with our move towards competency-based learning, it seems like a step backwards to still be required to use percentages. </t>
  </si>
  <si>
    <t xml:space="preserve">That just adds yet another layer of complication for 10-12. It seems arbitrary to have a Proficiency Scale while then also including a letter and percentage grade. </t>
  </si>
  <si>
    <t xml:space="preserve">As this is such a major focus in curriculum now, I do appreciate that there is a plan to have the students actually working with and reflecting on their growth in these areas. </t>
  </si>
  <si>
    <t>I like the idea, but this needs far more clarification on parameters or expectations for the goals students are setting. Are teachers meant to be working with students to set goals? Are students setting these entirely on their own? Is there a certain level of goal that needs to be created?</t>
  </si>
  <si>
    <t>Again, just some clarification on what this looks like in grade 10-12 as students might be working on completely different pathway that the class outcomes, but are expected to be reported on by the classroom teacher still. Is it the classroom teacher or the learning support that should be reporting?</t>
  </si>
  <si>
    <t xml:space="preserve">Again, I'm unsatisfied with still requiring percentage grades for all grade 10-12 courses. Understandable perhaps for specific academics, but areas like CLE or ADST might be better as proficiencies or just letter grades instead. </t>
  </si>
  <si>
    <t xml:space="preserve">it seems a little unclear 
The way I read it is - as a gr 9 and 11-12 teacher - I write a mid term and a final report for each course I teach (as well as the parent teacher feedback at P/T conferences) - </t>
  </si>
  <si>
    <t>students need this detail to allow them to assess where they are at</t>
  </si>
  <si>
    <t>finding authentic ways to communicate the self assessment in a formal report - as it is not just for the student (they know that what they are generating is for their parents - this skews things - genuine self assessment is for the kids only</t>
  </si>
  <si>
    <t>grades are overrated, not always helpful, sometimes harmful</t>
  </si>
  <si>
    <t>No experience with these grades</t>
  </si>
  <si>
    <t xml:space="preserve">Self-assessment across competencies is NOT RELEVANT for Kindergarten and Grade 1 students. Doing self-assessment with early primary requires HUGE AMOUNT OF 1:1 time with kids. These are more mature concepts imposed on young learners who need play, exploration, specific literacy skills. </t>
  </si>
  <si>
    <t xml:space="preserve">As above, adult ideas imposed on young learners. NOT RELEVANT to young learners, though I understand that these ideas are so embedded that it will be impossible to 'see' them. Belief systems, on which this idea is based, are NOT responsive to facts and new input. </t>
  </si>
  <si>
    <t xml:space="preserve">Another imposition of adult values onto children who couldn't care less and for whom these concepts have no relevance. </t>
  </si>
  <si>
    <t>I'd change two: self assessment for early primary AND student goal-setting</t>
  </si>
  <si>
    <t xml:space="preserve">I think I've made my thinking clear. Because we are goal-setting adults, and value that way of making meaning, we assume it's also relevant for young learners. </t>
  </si>
  <si>
    <t>I'm confused as to how this works for option 1. Do teachers give timely evidence as well as write on report cards? Seems like an awful lot when you are not given extra time to do this while keeping up with all daily teaching.</t>
  </si>
  <si>
    <t>This is great as it has students and parents focusing more on the learning.</t>
  </si>
  <si>
    <t>Students are required to have letter grades for university. My concern is that the assessment and reporting in 10 to 12 does not set students up for the type of reporting they will receive in post secondary. Are there any discussions with post secondary institutions to align with secondary?</t>
  </si>
  <si>
    <t>I think this is a good thing.</t>
  </si>
  <si>
    <t>This should be reflective of the grade level. Not required in Kindergarten and grade 1.</t>
  </si>
  <si>
    <t>Again, this should not be the same for all grades. Perhaps this starts at grade 3 or 4 and the depth and breadth increases over the years.</t>
  </si>
  <si>
    <t>This is fantastic. Now if only the post secondary intuitions could do the same. It's very difficult for grade 12s to go from a system where they have all the time they need for a test to a timed test in university. Students are reporting that they don't feel that they've been prepared for university</t>
  </si>
  <si>
    <t>It seems that teachers are now being required to do timely evaluations and to then put all that info into a written report as well. Extra work without the support to do it properly.</t>
  </si>
  <si>
    <t>More focus on development and growth mindset.</t>
  </si>
  <si>
    <t>Would like to see letter grades only such as B- or A+ as this would better reflect where a students is at than a percentge and allow for more growth and progression and assessment of learning. Percentages tend to get stacked and students can get penalized for dropped points for what they don't know</t>
  </si>
  <si>
    <t xml:space="preserve">Lets get high schools focused on learning and get universities to look at the "whole student" for entry rather than using average percentages as cut offs. </t>
  </si>
  <si>
    <t>While the proficiency scale does provide parents with some feedback as to our child's proficiency level in a given subject area, I still feel that letter grades give a more detailed perspective of the child's achievement</t>
  </si>
  <si>
    <t>%, and letter grades provide a more succinct overview of student performance than the proficiency scale in my opinion.</t>
  </si>
  <si>
    <t>I don't think it would give any more information to parents.  Each section of the proficiency scale encompasses (I assume) two or more letter grades, so I think it would be superfluous.</t>
  </si>
  <si>
    <t>I think student self-assessment is a valuable tool and will encourage students to be more mindful and reflective of their own learning.</t>
  </si>
  <si>
    <t xml:space="preserve"> I am also concerned that the Otpion 1 method of reporting does not provide a very thorough record of the content covered (learning outcomes) in a term/semester as most of the learning outcomes (curricular content) is sent to parents directly and the MyEd report has very little recorded data on it</t>
  </si>
  <si>
    <t>I would like specific clarity on what are required in those reports.</t>
  </si>
  <si>
    <t>We are using this in our district and have for some time.  Students and families are use to the language.</t>
  </si>
  <si>
    <t>I think it will take time for us to be able to get away from letter grades until the post secondary structure changes.</t>
  </si>
  <si>
    <t>We are required to do this as a summative at the end of a year.  I would like clarity as to what this looks like especially in early primary.</t>
  </si>
  <si>
    <t>I would like criteria for the goal setting expectations.</t>
  </si>
  <si>
    <t>This is very difficult for our students to do in all areas of the curriculum.</t>
  </si>
  <si>
    <t xml:space="preserve">There are plenty of opportunities to contact the teacher.  </t>
  </si>
  <si>
    <t>I believe the proficiency scale should be for grades K-5 and then grades 6 -12 should have a percentage attached as well as it shown where my child lies comparitively to others</t>
  </si>
  <si>
    <t>Students whether attending university or a trades school need to know exactly how they are doing.  The proficiency scale can be anywhere from a 60 - 95%.  That is far too of a gap to determine understanding of concepts taught and effort made</t>
  </si>
  <si>
    <t>No need to add the proficiency scale onto percentages and letter grades.  Seems redundant and a waste of time</t>
  </si>
  <si>
    <t>I'm not sure how seriously they take these.</t>
  </si>
  <si>
    <t xml:space="preserve">I would say the amount is fine as long as they are not required to repeat all the evidence that they have shared on the reports again after doing timely feedback and progress. This is too much work it asking pretty much to do a traditional report and timely evidence as well. What is the goal? </t>
  </si>
  <si>
    <t xml:space="preserve"> Not happy with amount of detail that would have to go into the report. If we are asking teachers to communicate evidence including descriptive feedback and progress in a timely way leading up to the report and then ask for all the same info on report this is too much work and not sustainable. 
</t>
  </si>
  <si>
    <t xml:space="preserve">I think we want to change reporting practices that align with education today, not stay in something that we have always done because it is comfortable. We have changed the curriculum and our reporting practices should too. </t>
  </si>
  <si>
    <t>Definitely a step in the right direction.</t>
  </si>
  <si>
    <t>This depends on what is required for teachers -having to formally do this for ex. in Kindergarten is not sustainable and doesn't make sense based on most data collected in the primary years is anecdotal. If they then have to formalize this across any grade every time is too much.</t>
  </si>
  <si>
    <t>This again formalized is too much. The goals should really align with the competencies and how many goals is reasonable for students. When doing timely evidence, the next step have been provided to then write on the report is too much.</t>
  </si>
  <si>
    <t>This is wonderful.</t>
  </si>
  <si>
    <t>The amount of info required on written updates, when already doing in timely evidence.</t>
  </si>
  <si>
    <t xml:space="preserve">The provincial pilot group from across the province did so much work on changing practices and aligning reporting with current curriculum. It seems that we are now asking teachers to not only provide timely evidence but also traditional reports. </t>
  </si>
  <si>
    <t>More importantly than the formal reports is the evidence and ongoing reporting</t>
  </si>
  <si>
    <t>Descriptive feedback is most important to learning</t>
  </si>
  <si>
    <t>Learning updates</t>
  </si>
  <si>
    <t>There is too much required in the Formal Learning updates. The whole idea is to provide continuous ongoing reporting. So by asking teachers to do so much in the updates, you are essential asking them to do double. We can't expect people to make the shift when all you are asking double the work load.</t>
  </si>
  <si>
    <t>This will be cumbersome for High school teachers with potentially 200 students in a year</t>
  </si>
  <si>
    <t>Now your are adding more work for the teachers to do.  Also, If I felt that the students actually valued the written feedback that would be another thing.  By grade 11 and 12 the only thing that concerns the vast majority of students is their letter grade and percentage.  Sad but true.</t>
  </si>
  <si>
    <t>Honestly, we currently do self assessment chats in grade 8 and 9.  The strong students are spend time preparing and doing a good job.  The vast majority of them do not.  Sad but true.  If there is no meaningful assessment value connected to it, the vast majority will put limited effort into it.</t>
  </si>
  <si>
    <t>See above answers</t>
  </si>
  <si>
    <t>If this is going to require a lot of additional work for teachers, the implementation will be poor.</t>
  </si>
  <si>
    <t xml:space="preserve">Sometimes it feels like too much, sometimes not enough.
I would like to see more flexibility in when teachers can give reports, rather than a full school needing exactly the same reports, at exactly the same time. </t>
  </si>
  <si>
    <t xml:space="preserve">The 4 point system is effective. A great improvement over traditional letter grades. </t>
  </si>
  <si>
    <t xml:space="preserve">I see that it is required by post-secondary, and so we should follow that.
However, I wish it wasn't so. It is too easy to get an "A" without that demonstrating sufficient learning </t>
  </si>
  <si>
    <t xml:space="preserve">This would give more context to post-secondary institutions </t>
  </si>
  <si>
    <t xml:space="preserve">Students often are unaware of what this is, or how to properly self-assess.
This often ends up being a reflection of their self-esteem, rather than of their abilities </t>
  </si>
  <si>
    <t xml:space="preserve">I think having goals is extremely important. However, I feel if it is a require part of reporting, it will become a "hoop" for students to jump through, rather than an authentic goal. </t>
  </si>
  <si>
    <t xml:space="preserve">What does this even really mean? Of course, each student has a report! Are there any examples where students are not included? Excluded?
The bigger question is, what does a report need to have on it? How do we adapt these for other learners? A one size fits all approach would not be wise. </t>
  </si>
  <si>
    <t xml:space="preserve">Teachers already spend a great deal of time making official reports. They are often ignored and little change comes of it (either direction).
I would like to see the frequency of official reports diminished. Allow for the flexibility for more frequent informal reports. </t>
  </si>
  <si>
    <t>I think 2 report cards is enough. I also think that constantly changing things has really affected those new to the district. No one can get a hold of what is expected if the expectations are constantly changing.</t>
  </si>
  <si>
    <t xml:space="preserve">Teachers are already overworked. Reporting 5 times is unreasonable. Most teacher use ongoing reporting tools now anyway in the form of online portfolios </t>
  </si>
  <si>
    <t>Our district already uses this language</t>
  </si>
  <si>
    <t>This is already something I do with my students</t>
  </si>
  <si>
    <t>Teachers are already stretched to the limits. This is only manageable if you are including the ongoing assessment that happens in digital portfolios.</t>
  </si>
  <si>
    <t xml:space="preserve">This reporting system can be somewhat biased, and a teachers feelings towards a student can often be used in a negative way.  </t>
  </si>
  <si>
    <t xml:space="preserve">Percentage is often "black and white", meaning there is no room (minimal room) for biased grading.  Obviously, students need grades and %marks to understand their progression in the class.  </t>
  </si>
  <si>
    <t xml:space="preserve">This information should only be for the individual student and must not be seen by other students.  If other students have access to this information that I believe it has a possibility of being misused.  </t>
  </si>
  <si>
    <t>I am a new teacher so I don't have the experience to be able to speak to this.</t>
  </si>
  <si>
    <t>I was exposed to the proficiency scale in my teacher ed program, in our Assessment course specifically. I agree with the experts who point out that a smaller range of "grades" (4 in this case) equals greater validity and reliability. It's also practical for teachers and clear for learners/caregivers</t>
  </si>
  <si>
    <t>Letters and numbers are primarily for university acceptance, I understand. We need to start changing that culture/requirement. The proficiency scale is more accurate and reliable, and supports a better learner culture around learning and assesment.</t>
  </si>
  <si>
    <t>The Core Competencies are well thought out and reflect what education is all about. Self-assessment, while it may seem a box-checking activity to some people at some times, is a smart approach and habit.</t>
  </si>
  <si>
    <t>I think the devil is in the details here. I am very supportive of a move toward inquiry based learning. To squeeze it in on top of the existing structure of subject-based classes, at least for the higher grades, could make this a stress for teacher and a throwaway activity for learners.</t>
  </si>
  <si>
    <t>Again, devil is in the details of this approach. Will all teacher get support and onboarding for this shift. We all know it will be a big shift for many teachers.</t>
  </si>
  <si>
    <t>If we have a natural break in education style etc. between grade 7 &amp; 8 then we should implement the grade reporting changes there.  I believe grade 8 &amp; 9 should be on the 10-12 reporting scale.  Also, teachers in high school are not given the same time to create reports as those in k-7.</t>
  </si>
  <si>
    <t xml:space="preserve">THis is how most parents experienced school and it is a way of reporting that they are comfortable with.  </t>
  </si>
  <si>
    <t>More work for teachers with less training and no more time given to create this feedback.</t>
  </si>
  <si>
    <t xml:space="preserve">Consistency between all grades in high school 8-12 setting is important for students, parents and teachers.  </t>
  </si>
  <si>
    <t>It doesn't sound like this is much of a change to what is already being done.</t>
  </si>
  <si>
    <t>Using the proficiency scale puts the emphasis on student learning.</t>
  </si>
  <si>
    <t>It is important for students to "own" their learning and think critically about the core competncies.</t>
  </si>
  <si>
    <t>This is a life skill!</t>
  </si>
  <si>
    <t xml:space="preserve">The reporting that started a year and a half ago is really insufficient. The feedback is very wishy washy and does not provide quality feedback or help students prioritize and do better in areas they need to work on. </t>
  </si>
  <si>
    <t>Since moving to the proficiency scale, both of my children (Grades 7 and 10) are much less motivated than they ever were when they received letter grades. One of them was getting all A's at school and the other was A's and B's. Both of them say everyone is proficient so why try anymore.</t>
  </si>
  <si>
    <t>Letter grades are extremely motivational to the kids so I agree they should definitely be there Grades 10-12 but also Grades 8 and above.</t>
  </si>
  <si>
    <t>The kids don't even like the terms used in the proficiency scale - they see "developing" as terrible and not good. I have spoken to many parents and there are none that support the proficiency scale. I can't even believe we are contemplating broadening it.</t>
  </si>
  <si>
    <t>I think it is important to consider these behavioral aspects with academic reporting. But the only way self assessments are valuable is if students have the tools to have sound development plans for working on the core competencies.</t>
  </si>
  <si>
    <t>The students have already been doing this in elementary school and the follow up with the teachers was not great. So it is left up to the parents to do... which works fine if parents participate in their child's development but many do not.</t>
  </si>
  <si>
    <t>I think this is absolutely the way to go if policies do not impact students without disabilities and diverse abilities, to their detriment.</t>
  </si>
  <si>
    <t>Letter grades were and continue to be a motivational tool for some students. My son is in grade 10 and he is putting more effort once again. He stopped once he moved on to the proficiency scale in the second semester of his grade 8 year. Letter grades supplemented by competency assessments...</t>
  </si>
  <si>
    <t>This is enough information to the parents without being too onerous for the teachers.</t>
  </si>
  <si>
    <t>This type of proficiency scale works well for certain subjects, but not all subjects. It works well for the arts, such as English, French, Art, Music, etc because the student is building on their knowledge (eg. essay writing). However, for math/sciences it makes more sense to use percentages.</t>
  </si>
  <si>
    <t>Students like to know their grades and what they need to get to the next level. University requirements are also a major factor.</t>
  </si>
  <si>
    <t>Students want to know exactly where they stand on the grade scale. They need to know what is required to reach their academic goals and get into university, which is so competitive now.</t>
  </si>
  <si>
    <t>I don't think it actually improves their learning.</t>
  </si>
  <si>
    <t>It's fine to self-reflect a bit, but not take up too much class time in high school.</t>
  </si>
  <si>
    <t>This is fine as long as it doesn't get too general and meaningless.</t>
  </si>
  <si>
    <t>This scale should not be used in high school at all. I believe that letter grades and percentages should be used from grades 8-12.
The proficiency scale is fine for grades K-7.</t>
  </si>
  <si>
    <t xml:space="preserve">Approach to reporting is regressive.  Within the pilot, Points of Progress were provided to parents throughout the learning period.  With the resumption of required written Learning Updates,  the flexibility, personalization and ability to "go deep" is now reduced. </t>
  </si>
  <si>
    <t xml:space="preserve">Strength-based approach that honours the diversity of our learners.  We completely support there being NO conversion scale between Letter Grades and the Proficiency Scale.  Letter grades are not comparable to Proficiency Scale and we want to encourage the paradigm shift. </t>
  </si>
  <si>
    <t>1) Students spend 10 years experiencing Proficiency Scale and growth-oriented approach to learning. Under the proposed system, this then switches to a points-gathering paradigm, that pits students against one another and undermines learning.  2) PSIs will shift practice if we do so, with time.</t>
  </si>
  <si>
    <t>There is little to no incentive for educators who have not switched paradigms (and with no requirement or need) to use Proficiency Scales.  Additionally, by offering both we are implicitly comparing Proficiency Scales to LG/%, two methods that are not comparative and impedes understanding.</t>
  </si>
  <si>
    <t xml:space="preserve">An important component of a student-centred approach.  However, without this component also being included in MyEd, our schools tend to make this a throw-away exercise. </t>
  </si>
  <si>
    <t xml:space="preserve">The value of this is inherently governed by how it is implemented.  Supporting documents and guidelines will be imperative to have this become anything more than a hoop to jump or a throwaway checklist item. </t>
  </si>
  <si>
    <t xml:space="preserve">Diverse learners are now "on par" with our general student population. Too often educators misinterpret diverse learning to mean "not able".  Now, hopefully learning will be differentiated and personalized, so that most or all can access. </t>
  </si>
  <si>
    <t xml:space="preserve">By implementing a policy that offers two distinct philosophical approaches, we are undermining both teaching and learning.  Parents have, and will, grow their understanding of the Proficiency Scale over time (as they will see it K - 9).  Let's support competency-based, concept-driven learning.      </t>
  </si>
  <si>
    <t xml:space="preserve">Additional reporting duties are time consuming and have little positive effect on student learning. </t>
  </si>
  <si>
    <t xml:space="preserve">A performance scale is effective for younger grades. </t>
  </si>
  <si>
    <t xml:space="preserve">Why use two scales? Not necessary. </t>
  </si>
  <si>
    <t xml:space="preserve">Student reflection is important. </t>
  </si>
  <si>
    <t xml:space="preserve">Goal setting is important but most students will not take it seriously. </t>
  </si>
  <si>
    <t>Makes more sense BUT we need to have an across the board understanding of what that means.  If it means the same as the previous, whats the point?</t>
  </si>
  <si>
    <t xml:space="preserve">Kids don't care about the Competencies because they are only brought up when they have to report on them.  There is this  idea that competencies don't matter as much as letter grades. </t>
  </si>
  <si>
    <t>Very vague categories; very subjective descriptors; why include 'extending' if it is unattainable for most students; depends on teacher background and experience, so it is highly subjective to school location (which community) and probably socio-economic status of parents</t>
  </si>
  <si>
    <t>It provides an understandable level of proficiency to most people; still dependent on teacher experience; students can understand their proficiency</t>
  </si>
  <si>
    <t>Why bother if it is not easily understood</t>
  </si>
  <si>
    <t>Vague; time-consuming for teachers to write such lengthy reports</t>
  </si>
  <si>
    <t xml:space="preserve">Students who get less than 50% are still considered emerging? There are no consequences for failure. Let's just give all the kids a gold ribbon for showing up (or not even showing up for class). Excessive work for teachers. Also why is there a character limit on this feedback form??? </t>
  </si>
  <si>
    <t>Do we not already do this?</t>
  </si>
  <si>
    <t>Shouldn't use proficiency scales in grades 8-12</t>
  </si>
  <si>
    <t>This is going to be more work for teachers (who are already at their breaking point)</t>
  </si>
  <si>
    <t xml:space="preserve">The descriptions need to more clearly communicate the proficiency level. It is not at all obvious, especially to to someone who is ELL, whether emerging is better or worse than developing or even extending. One of the levels needs to obviously communicate `NOT GOOD ENOUGH`. </t>
  </si>
  <si>
    <t xml:space="preserve">Percentages indicate a false sense of the accuracy of assessment. We cannot accurately rank students on a 100 point scale. This is why a four or 5 point scale is preferred. Our role is not to be a sorting system for post-secondary institutions. </t>
  </si>
  <si>
    <t xml:space="preserve">This is just another extra job placed upon teachers with no training and no extra time. At secondary teachers have up to 210 students at one time. If the proficiency scales take 10 minutes per child that is an extra 35 hours of work per reporting period. I would expect that the actual time required </t>
  </si>
  <si>
    <t xml:space="preserve">How exactly is this supposed to happen? Are students to submit something to teachers who then need to type this into MyEd? Again, another 35 hours of work per reporting period. </t>
  </si>
  <si>
    <t>How does this happen? Where is the training so that standards can be established that can be implemented across the province in a fair way?</t>
  </si>
  <si>
    <t>Does this come with an increase of EA support for these students? Who is doing this extra work?</t>
  </si>
  <si>
    <t xml:space="preserve">Kids understand grades and are confused in Grade 9 about how they are doing. I was told at midterm - your kid might not pass math after a horrible covid year and was suprised as they had not been told - this feels like a mistake. </t>
  </si>
  <si>
    <t xml:space="preserve">It works in grade school - make the move to grades in high school. </t>
  </si>
  <si>
    <t xml:space="preserve">perhaps this works in elementary? </t>
  </si>
  <si>
    <t>this should be left to educational experts not parents</t>
  </si>
  <si>
    <t xml:space="preserve">just think after grade 7 things need to change back to grades </t>
  </si>
  <si>
    <t xml:space="preserve">This is much too much reporting for the semester system. As we speak we have the interims due, then 3 weeks later we have another report card coming out.  What is the point of that? The comment would be basically the same. U havemade itsothatwedo not have time to report properly sotheylose meaning. </t>
  </si>
  <si>
    <t xml:space="preserve">You provide no training or time to learn this new system but expect teachers to use and implement it? That is bad business.  It is clear you know nothing about teaching or students.  The scale mentioned is left to interpretation of the english language, not the students actual achievement. </t>
  </si>
  <si>
    <t>Students can't argue the numbers. scales will differ from school to school. Not fair for schools with inflated grades.  Why do you ask for a response then only provide 2 sentences worth of space. Idiotic!!!</t>
  </si>
  <si>
    <t>Its one or the other, make up your bloody minds. 2 types mean 2 pay checks. End of story. In business, which is what schools are now, TO GET MORE YOU PAY MORE!!!</t>
  </si>
  <si>
    <t xml:space="preserve">THIS IS A COMPLETE JOKE.  WHY WOULD YOU PUT A STUDENT WHO IS 2 YEARS BEHIND B/C OF COVID, IN CHARGE OF THEIR OWN LEARNING? THEY ARE NOT QUALIFIED TO MAKE DECISIONS ABOUT THEIR OWN LEARNING. THAT IS WHY WHEY COME TO SCHOOL! DUH! </t>
  </si>
  <si>
    <t>AGAIN, THIS IS A JOKE TO THE STUDENTS AND A COMPLETE WASTE OF TIME. WHERE DID THIS WAR ON EDUCATION COME FROM? WHAT TYPE OF PERSON WOULD TAKE EDUCATION AWAY FROM A CHILD? ITS JUST ONE BAD DECISION AFTER ANOTHER. YUK!....................................................................................</t>
  </si>
  <si>
    <t xml:space="preserve">STUDENTS WITH DISABILITIES NEED TO BE A A SCHOOL DESIGNED FOR THOSE TYPES OF STUDENTS. SHOVING THEM IN WITH EVERYONE RUINS THE CLASS FOR EVERYONE ELSE, DEGRADES EDUCATION AS A WHOLE AND ALIENATES THE 'SPECIAL' KID. GOOD JOB! INCLUSIVITY DOES NOT WORK IN SCHOOLS DESPITE WHAT THE 'DOCTORS'  SAY. </t>
  </si>
  <si>
    <t>THERE ISN'T TIME TO DO A VALUABLE ASSESSMENT SO THEY LOSE THEIR INTENT AND THEIR POWER. WHY DON'T WE JUST DO IT DAILY THEN? WE COULD JUST HAVE THE THUMBS UP "LIKE" BUTTON FROM FACEBOOK. THE PROFICENCY SCALE ISN'T HARSH ENOUGH. IF A STUDENT IS FAILING, PARENTS NEED TO KNOW. NOT EVERYONE IS IN EDUCATI</t>
  </si>
  <si>
    <t>A summary of learning at the end of the year is vast. It could be pages and pages.</t>
  </si>
  <si>
    <t>It's clear</t>
  </si>
  <si>
    <t>All learners would certainly make this a huge challenge.</t>
  </si>
  <si>
    <t>Diversity &amp; Inclusion &amp; Frequency</t>
  </si>
  <si>
    <t>I feel like the expectations are not clear enough. I do eportfolios and give feedback in each of my posts I do two summaries of learning per year and we do one set of parent teacher interviews. Does this satisfy the requirements? Because this is already a lot. Each of the portfolio posts is a lot of</t>
  </si>
  <si>
    <t>I find that a translated proficiency scale is not acceptable for French immersion students. Scales developed for immersion teachers and students need to be made for them specifically and not just translated!</t>
  </si>
  <si>
    <t>I don’t teach those grades so can’t really speak to it!</t>
  </si>
  <si>
    <t>I don’t feel that it is going to give helpful information to parents without a lot of context</t>
  </si>
  <si>
    <t>They are not written in a child friendly way! Primary students cannot understand without so much work from teachers!</t>
  </si>
  <si>
    <t>Without help from older students to do the writing or help or an extra adult in the room to help the teacher doing this in primary will be very challenging.</t>
  </si>
  <si>
    <t>Unless we are given extra time to do this, coverage all this extra is going to be difficult to do.</t>
  </si>
  <si>
    <t>5 times for each subject in primary is excessive! Literacy absolutely, other subjects it makes no sense!
Reporting overall that many times is just fine, but not for every subject in primary. We don’t always even cover that many units in science or socials!</t>
  </si>
  <si>
    <t xml:space="preserve">I do detailed MyEd report cards three times a year and meet with all famlies at least once a year. 
I communicate with familes as necessary to support my students; some receive many more than five 'reporting events'.
A required fifth 'reporting event' adds to my workload without helping families. </t>
  </si>
  <si>
    <t xml:space="preserve">The Proficiency Scale has its place. Descriptive feedback is most important as it drives student learning progress. </t>
  </si>
  <si>
    <t xml:space="preserve">Letter grades and percentages have their place in grades 11 and 12, especially, to support post-secondary institutions review of applications. </t>
  </si>
  <si>
    <t xml:space="preserve">Why not lower student anxiety about learning- and keep the focus on learning and progress in learning - by using the proficiency scale in grades 8-10?
Use letter grades and percentages for grades 11 and 12 to support post-secondary endeavours. </t>
  </si>
  <si>
    <t xml:space="preserve">I incorporate student self-assessment into daily practice. It doesn't have to be formal or written to be useful in moving student progress forward through an emphasis on metacognitive processes or 'thinking about your thinking'. </t>
  </si>
  <si>
    <t xml:space="preserve">I support student goal-setting appropriate to age and development in my class. 
My final MyEd report card includes student goals for continuing to learn over the summer. 
Student goal-setting does not need to be formal or written to support student learning progress and metacognition. </t>
  </si>
  <si>
    <t xml:space="preserve">A focus on student progress (emphasis on the word 'progress' - this program has no italics) is how learners are supported. 
The policy should require an emphasis on ongoing formative assessment practices that move learning forward, and summative evaluations evaluating individual learning progress. </t>
  </si>
  <si>
    <t xml:space="preserve">I am a professional and don't require more 'reporting requirements' to support my students properly. 
Increasing my 'required' workload without removing something else is not sustainable. 
I am already very busy with my own family and supporting several school clubs and after-school activities. </t>
  </si>
  <si>
    <t>I feel like there has been a big push to get away from written reports and to move into digital portfolios and this does not acknowledge that at all. I also feel a strictly summative 3rd report does not allow students and parents to see the growth of the student that can happen by the 3rd trimester.</t>
  </si>
  <si>
    <t>I think the scale makes sense and works well, although I do feel parents need to be better educated on the meaning of it.</t>
  </si>
  <si>
    <t>Jumping from the scale to letters is confusing for both students and parents as there is no clear correlation between the two.</t>
  </si>
  <si>
    <t>The proficiency scale is not an exact correlation to letter grades and I see this as being confusing and contestable.</t>
  </si>
  <si>
    <t>I like the thought of student's self assessments being incorporated but this would be more appropriate in a portfolio. I also think that if this is to be a part of official records it should come with a template or at the very least detailed guidelines as to what it should look like.</t>
  </si>
  <si>
    <t>Again, this would be more appropriate in a portfolio. I also think that if this is to be a part of official records it should come with a template or at the very least detailed guidelines as to what it should look like.</t>
  </si>
  <si>
    <t>I believe teachers already do this, but the government needs to get rid of the one size fits all assessments they require.</t>
  </si>
  <si>
    <t>We already do not get extra time for writing reports, this will only increase our workload instead of making use of options, like digital portfolios, that can be integrated into our classrooms and have students be a key part of constructing.</t>
  </si>
  <si>
    <t xml:space="preserve">More concise, easier to read.  </t>
  </si>
  <si>
    <t>It does help to create less focus on grades, more focus on learning</t>
  </si>
  <si>
    <t>Too abstract for students to assess themselves.  Hard to assess - these skills can't be measured.</t>
  </si>
  <si>
    <t>We already try to do this as much as possible.</t>
  </si>
  <si>
    <t>There is not enough time to accurately assess students for November in the elementary grades.</t>
  </si>
  <si>
    <t>5 times per year is sufficient.</t>
  </si>
  <si>
    <t>why use this metric on student performance? Is it an effort to reduce competition?</t>
  </si>
  <si>
    <t>I like the fact that a grade 8 or 9 student does get grades that are used to establish some kind of self-worth. I like the fact that students are presented with areas where they excel and where they need to improve.</t>
  </si>
  <si>
    <t xml:space="preserve">I think the Ministry if they want teachers to express marks as percentages to sr students, should inform teachers on what it takes to earn a 60% or 80% or 90% in a given course. There is far too much grade inflation out there. I don't know how universities can discriminate among students. </t>
  </si>
  <si>
    <t>The degree to which core competencies are integrated into a course depends on the teacher and their practice. some will succeed, others will give lip service to these competencies. How will you establish whether these are being implemented...successfully?</t>
  </si>
  <si>
    <t>Given that course grades can be accessed regularly through MyEd (or other) the written communication frequency can be reduced to twice yearly: at the mid-point of the year and then again at the end. The policy should instead address how &amp; how often assessments are recorded in the system being used.</t>
  </si>
  <si>
    <t>As we transition to this scale we should define the "equivalent marks" they refer to so as to standardize what we mean by the terms. In the same way that we define the scales for A, B, C+, C, C-, etc in the senior grades.</t>
  </si>
  <si>
    <t>There should be a greater degree of specificity to letter grades. The fact that an A represents an 86% as well as 98% is ludicrous and does a great disservice to the students and the teachers.</t>
  </si>
  <si>
    <t>Why would students care about these if they are already receiving letter grades and percentages? Also, we must define the "equivalent marks" they refer to so as to standardize what we mean by the terms. In the same way that we define the scales for A, B, C+, C, C-, etc.</t>
  </si>
  <si>
    <t>Self assessment is a key component of learning, but I am unclear as to how it would be implemented in the senior high school levels: for every course? for every term? etc</t>
  </si>
  <si>
    <t xml:space="preserve">Although it is a valuable activity, I feel that this extends beyond the scope of the school and would be difficult to track and manage. </t>
  </si>
  <si>
    <t>Students and parents/guardians are not "in the dark" anymore and awaiting feedback through reports each term. They are able to see in real time how they are performing and to note trends and anomalies with more frequency. Therefore less formal reports are needed.</t>
  </si>
  <si>
    <t>It can be difficult to meet the two additional required reports through interims or parent-teacher conferences, but they are still doable and some choice is included in the process.</t>
  </si>
  <si>
    <t>This is working okay and it is helpful to have a sliding scale to indicate a student's current progress.  I am new to this system and I still sometimes find it difficult to determine where a student is on the scale.
The amount of time it takes to do these reports is significant.</t>
  </si>
  <si>
    <t>I don't teach these grade levels.
If post-secondary institutions require them, then schools will have to provide them until that changes.</t>
  </si>
  <si>
    <t>These would put an extra burden on teachers to do double the reporting. With so many students in secondary to report on, this is an unfair expectation especially since the proficiency scale would require in-depth explanation to parents.</t>
  </si>
  <si>
    <t>In my experience, this is not a useful too. Students have trouble accurately reflecting on their progress and often don't take it seriously.</t>
  </si>
  <si>
    <t>Goal setting for students is good as long as their is follow-up along the way.</t>
  </si>
  <si>
    <t>This is unclear to me. Assessment and reporting practices should already be inclusive so why is there a need for this change?</t>
  </si>
  <si>
    <t>This takes the most time and adds the most to the workload of teachers (often done outside work hours).</t>
  </si>
  <si>
    <t>Parent teacher relationship is more important that number of formal reporting periods.  Just want teacher to give a heads up if there are issues.</t>
  </si>
  <si>
    <t>It is confusing and not easily identifiable for anyone with a language barrier.  It is 5 categores (4 plus Incomplete).  Nothing has changed, just more complicated.  Letters are universally understood.</t>
  </si>
  <si>
    <t>Letter grades are easy to understand and universal.  The percentages could be less precise (say increments of 2).</t>
  </si>
  <si>
    <t>If done well, can be useful.  Most of the time just a hoop to jump through.</t>
  </si>
  <si>
    <t xml:space="preserve">These are convoluted and a waste of time for most of the students and their families.  It is helpful for a few.  For most students it just means it is a couple more months until an actual report card is shared.  </t>
  </si>
  <si>
    <t xml:space="preserve">This is so nuanced.  You can check all the boxes and still not be effective.  This really depends on the competence of the teacher, not a policy.  </t>
  </si>
  <si>
    <t xml:space="preserve">I think the goal setting will flop on its own, so I went the scales as they reduce effective communication instead of improving: which is opposite of the main point of reporting.
</t>
  </si>
  <si>
    <t xml:space="preserve">I've seen proficiency scales work very well for teachers who were interested in it, and motivated by it (myself included). However I see it being a potential problem in high schools were many teachers would have to use it and %'s for grade 10-12 courses. </t>
  </si>
  <si>
    <t>Does it have to be the prov. scale. Many teachers have developed their own that work for them, and I would encourage teacher autonomy in this area.</t>
  </si>
  <si>
    <t>This is difficult to implement in a meaningful way when doing the rest of our jobs</t>
  </si>
  <si>
    <t>Where are teachers getting the extra time required to facilitate the setting of these goals, and the reflection on them?</t>
  </si>
  <si>
    <t>Great idea. How are teachers going to be supported in making this a reality?</t>
  </si>
  <si>
    <t>I don't think knows the time for a big change, we're reeling as is with continued impacts of the pandemic. Let us breath some. There's great ideas here and I want to work on them when me and my colleagues have the band-with to do them justice. Now is not that time.</t>
  </si>
  <si>
    <t>We currently do this.  Why highlight it as though it is new/a change?</t>
  </si>
  <si>
    <t>How do you account for nuances?  What about for students on modified LifeSkills programs?</t>
  </si>
  <si>
    <t>Not all students go to post-secondary.  Why not use a model that supports their learning and future goals?  What about students on a modified Lifeskills program? How do you give a grade/% for their ability to feed/dress themselves? (Very real IEP goal for some gr 10-12 students).</t>
  </si>
  <si>
    <t>A lot of work will need to be done to make the information meaningful...does proficient equal 100% or an A?</t>
  </si>
  <si>
    <t xml:space="preserve">Already doing this.  </t>
  </si>
  <si>
    <t>Already doing this.</t>
  </si>
  <si>
    <t>The use of letter grades and % are not inclusive and serve as gatekeepers.</t>
  </si>
  <si>
    <t>Remove letter grades and percentages</t>
  </si>
  <si>
    <t>The number of reports is similar to the current policy.</t>
  </si>
  <si>
    <t>If students do not see %s until grade 10, some may not have the motivation to increase their level of effort to develop the skills they need to succeed in academic math courses, in grades 10 to 12.</t>
  </si>
  <si>
    <t>Letter grades may help to students understand what to expect as they transition to post-secondary. Currently many teachers report the level of students entering high schools has dropped, and the flexibility of the curriculum may be leading in fact to lowered standards, an alarming trend.</t>
  </si>
  <si>
    <t xml:space="preserve">The proficiency scale may be appropriate for some courses. </t>
  </si>
  <si>
    <t>While self-reflection is an important aspect, teachers and students will need support to implement this well. There should be professional development, supporting resources, and smaller class sizes.</t>
  </si>
  <si>
    <t>Goal setting is an important aspect of learning.</t>
  </si>
  <si>
    <t xml:space="preserve">Some administrators seem to use inclusion as an excuse to put students in classes that are completely inappropriate. Many students, in fact, do not want to be in classes for which they do not have prerequisites. </t>
  </si>
  <si>
    <t>Diversity and inclusion should support student success, rather than simply an excuse to put students in classes where they will not be learning the same as other students, particularly in high school where there are options for a variety of courses. Inclusion requires more thought and support.</t>
  </si>
  <si>
    <t>The proficiency scale works well. There is some disconnect between children being evaluated on a proficiency scale and then families are allowed to ask for a letter grade at the end of the school year. This does not work well, because there are 4 levels on the proficiency scale, but 6 letter grades.</t>
  </si>
  <si>
    <t>This is appropriate to due for post secondary, but makes little sense for students and families when students transition from Grade 9 to 10 and the proficiency scale is not easily translated to a letter grade and percentage.</t>
  </si>
  <si>
    <t>This seems like a lot of information for one subject area and would be overwhelming for all stakeholders.</t>
  </si>
  <si>
    <t>How would this be communicated with families?</t>
  </si>
  <si>
    <t>I do not think this is appropriate for all grade levels (more appropriate for Career Education, secondary level). If this does happen, it should only be a student reflection on their progress towards their goals. Typically, for someone to successfully achieve their goals, only 1 or 2 goals, not 3+.</t>
  </si>
  <si>
    <t>The pandemic is not the time to have a new reporting policy. In general (K-9), families already find reports too long and tend not to pay attention to most of the content in the reports. Therefore, why are we wanting to add more information when families have previously indicated they want less?</t>
  </si>
  <si>
    <t xml:space="preserve">Proficiency scale, done well, is best suited to a small cohort 12-16 students.  Asking teachers to complete this many reporting periods for 30 kids per class (120 students for high school teachers with no prep)  is unreasonable, unhealthy and quite frankly, not authentic at all in the real world. </t>
  </si>
  <si>
    <t xml:space="preserve">* our top end students are no longer recognized in any shape or form, awards cannot be given because we cannot give percentages, as per our learning director * the focus of the new reporting system is for the kids hovering around 'failure ' in the old system.  The fact that I cannot write any more, </t>
  </si>
  <si>
    <t>The real world requires kids to take schooling where they get marks, percentages etc.  In fact, a nurse who fails her physiology exam is removed from the program... this is real life.... she is not given a word to describe her progress... she has to meet a bar/expectation.  We need to teach students</t>
  </si>
  <si>
    <t xml:space="preserve">kids need real world experiences.  Not everyone gets into a university program. If we don't teach this in high school, when are they taught it. </t>
  </si>
  <si>
    <t>Self assessment is vital for growth but when teachers use self assessment as a major component of their reporting,  it can artificially inflate a mark</t>
  </si>
  <si>
    <t xml:space="preserve">I used to have students who set goals as a percentage, which seemed to motivate them more successfully. </t>
  </si>
  <si>
    <t>When high school classes student to teacher ratio is manageable, this would be attainable and supported by all.... but absolutely impossible to do well under the current system.</t>
  </si>
  <si>
    <t xml:space="preserve">Strongly believe that the proficiency scale in 7-9 and possibly 10-12, is encouraging lack of effort, no goal setting, and low skills overall.  Please come and talk to grade 10 teachers, who are not teaching students who have been given a 'social pass' or an 'emerging' with NO evidence of learning. </t>
  </si>
  <si>
    <t xml:space="preserve">Frequent contact with parents is ideal, however I do prefer the informal methods and feel they are better suited for an actual discussion around my child’s learning. As the parent, I know them best. </t>
  </si>
  <si>
    <t>This language is too complex for our learners. How do they identify with the information, if it’s not presented at their level? If not presented most parents’ level?</t>
  </si>
  <si>
    <t xml:space="preserve">It’s TOO much, be consistent. </t>
  </si>
  <si>
    <t>In theory it’s a good idea but these kids have no idea what this means. They have no idea how to rate themselves because it’s not at THEIR LEVEL!</t>
  </si>
  <si>
    <t xml:space="preserve">Goals are a wonderful thing my 6 year old does need to set goals related to career or even academics. They need more access to play and learning about themselves as individuals. </t>
  </si>
  <si>
    <t xml:space="preserve">Until the province accepts all diagnoses and provides adequate funding for each individual, they are not being inclusive to all learners, EVER! </t>
  </si>
  <si>
    <t xml:space="preserve">I want each child to be looked at as a whole and there to be appropriate resources available to each individual. Please update your funding model, please update what “counts” otherwise this is not giving any child who doesn’t fit the box a fair education. </t>
  </si>
  <si>
    <t xml:space="preserve">My kids are in primary school. The feedback is sufficient. I don’t have experience with higher level reporting </t>
  </si>
  <si>
    <t xml:space="preserve">Start letter grades at grade 4. </t>
  </si>
  <si>
    <t>Letter grades starting younger</t>
  </si>
  <si>
    <t xml:space="preserve">When the kids go  to university they need to learn to take tests and be accountable for their study habits and effort. Don’t “baby” them with comments </t>
  </si>
  <si>
    <t>As a parent, I feel that there is a range or scope of knowledge that can be captured within each of the four Provincial Proficiency Scales and therefore find it difficult to interpret where my child objectively lies upon the scale. I have seen teachers interpret this scale in a variety of ways.</t>
  </si>
  <si>
    <t>Preparation for post-secondary schooling.</t>
  </si>
  <si>
    <t>Students' self-assessments should include activities where they can clearly define and identify their own strengths and weaknesses. Where they can give examples of how they meet core competencies and/or how they can take steps to improve upon areas for growth.</t>
  </si>
  <si>
    <t>More frequent or more in-depth reporting would be more useful. The current reporting requirements include an option for students to self-evaluate on one of the reporting periods, and it not very useful.</t>
  </si>
  <si>
    <t>These practices have been shown to support a possibility for sliding standards.</t>
  </si>
  <si>
    <t>I appreciate that only two have to be formal written reports and one written summary. That would amount to three report cards in a year--or once per term on a linear system; it will end up being four written reports in a semester system as that is how my school district does things. +4 is too much.</t>
  </si>
  <si>
    <t>Don't like the four-point scale = too limiting and doesn't allow many of our students to see themselves change proficiency levels; more levels (ie: 6 or 8 point scale) allows more room for movement in the levels and allows students that joy when they do move. Difficult switch to 10 and 12 letters %</t>
  </si>
  <si>
    <t>Post-sec still uses this; I wouldn't mind if there were a switch to just letter grades but add in more levels (A-, B+); students get hung up on percentages now and just letters would allow them to focus on a range of achievement versus an exact number. The extra levels should satisfy post-sec</t>
  </si>
  <si>
    <t xml:space="preserve">Too few levels. Whether you do letter grades or scales, you need more than four broad levels. Choose a 6 or 8 scale if you want to move away from % but still allow room for growth and change to be reflected. </t>
  </si>
  <si>
    <t>Like flexibility for districts, but think there's a chance that teachers could be told to type /cut and paste each student's SACC into the report card. That = time-consuming and takes away from important teacher work with students. Staff to guide but students should report directly to parents</t>
  </si>
  <si>
    <t xml:space="preserve">Goals = great for self-assessment; onerous and time-consuming for teacher to summarize in a report; formal reports should be teacher feedback on course skills. Students goal ownership = goals in the self-assessment NOT included in the formal teacher-written reports. </t>
  </si>
  <si>
    <t xml:space="preserve">We are doing this now. That said, clarity = needed on adaptations versus modifications. Truthfully, when a student is working on their own IEP goals, that should be called modified. When a students with an IEP just needs supports within the curriculum but can work at grade-level, that is adapted. </t>
  </si>
  <si>
    <t>Your scale is too narrow with four levels. Kids like to see that they can 'move'. Most kids will fall within meeting and will never move. That is a bit disheartening for students and parents. They enjoy seeing movement. % can be way too narrow; 4-scale = categories = too broad / large</t>
  </si>
  <si>
    <t>Descriptive feedback is often thorough and thoughtful, rather than generic feedback phrases as in the past (especially for 8-12)</t>
  </si>
  <si>
    <t xml:space="preserve">Percentages and letter grades for 10-12 is sufficient.  </t>
  </si>
  <si>
    <t>I think it is important for parents to receive 5 points of progress throughout the year. I am neutral because I think that the written reports need to be in a format that does not take as long as the previous format. This takes away from the time needed for quality planning and instruction.</t>
  </si>
  <si>
    <t>This is positive, growth-based language.</t>
  </si>
  <si>
    <t>I'm not sure I understand how this would be done. It sounds somewhat like an effort mark.</t>
  </si>
  <si>
    <t>Does this mean that students' self-assessment of the core competencies would be included in all three written reports?</t>
  </si>
  <si>
    <t>I think we would need examples of how this could look. This could be a lot of information (several pages) in some cases and superficial in others.</t>
  </si>
  <si>
    <t xml:space="preserve">Should include letter grade alongside the 4-point scale </t>
  </si>
  <si>
    <t xml:space="preserve">I think it is not reasonable to ask to do five reports for all subjects when we have to teach all subjects in French. We don't always get to do the whole curriculum in the Second Language, especially if the students of that cohort are below in reading and writing. </t>
  </si>
  <si>
    <t xml:space="preserve">I already use the Proficiency scale when reporting. It would be a lot more work to do five reports and each report would include all subjects including a proficiency scale. </t>
  </si>
  <si>
    <t xml:space="preserve">not applicable </t>
  </si>
  <si>
    <t>not applicable ( I teach elementary.)</t>
  </si>
  <si>
    <t xml:space="preserve">I agree that goal setting should be included in reporting, as it makes students more accountable for their learning. </t>
  </si>
  <si>
    <t xml:space="preserve">I think it is good to report, so parents know exactly where their child stands in his/her learning. However, I think it is not reasonable to ask to report so often in a Second Language when it takes longer to teach the material and for the child to learn it. </t>
  </si>
  <si>
    <t>I receive regular communication from my child’s teacher and don’t need them to spend time on this many formal report cards a year.</t>
  </si>
  <si>
    <t xml:space="preserve">This scale is confusing </t>
  </si>
  <si>
    <t>Primary kids (mine are K and 1) are too young for this to be meaningful. It’s very coached by teachers (not their fault, just my kids aren’t capable of doing it independently)</t>
  </si>
  <si>
    <t>Want them to spend time on learning not on producing reflections for reports.</t>
  </si>
  <si>
    <t>Frequency of reporting five times a year including student reflections is a lot</t>
  </si>
  <si>
    <t>It's working fine right now.</t>
  </si>
  <si>
    <t>More categories would allow teachers to assess students more accurately. 5 would allow for a transition to letter grades seamlessly. Extending:A, Proficient:B, Progressing:C+, Developing: C, Emerging: C-</t>
  </si>
  <si>
    <t>Percentages are NOT valid. What is the difference between a 91 and a 94? Letter grades are ok as they are a smooth transition from the Proficiency Scale as one letter grade can capture descriptive criteria. Convert to GPA for University admissions, as they do in the USA.</t>
  </si>
  <si>
    <t>There is no continuity as they are two completely different systems. How to generate a fair percentage if we are doing outcomes-based grading? Performance should match descriptive criteria, NOT points or number of questions students get correct.</t>
  </si>
  <si>
    <t>I'm worried this will become another box to check, rather than a meaningful experience for students. We need more direction from the Ministry such as templates, rather than leaving it up to teachers to figure it out for themselves.</t>
  </si>
  <si>
    <t>We don't need percentages. If Canadian universities can accept students who come from places that have different grading systems without % then why can't we get rid of it? Letter grades and GPA are more fair as they allow descriptive criteria to be set, rather than arbitrary numbers and points.</t>
  </si>
  <si>
    <t>I would prefer to go back to letter grades. Its easier to understand how the child is doing. This new way is more wordy and not ideal for busy parents that just want to know if their child is doing well or not.  Bring back letter grades and G &amp; S for performance and effort..</t>
  </si>
  <si>
    <t>Bring back letter grades in grades 4 thru 12</t>
  </si>
  <si>
    <t xml:space="preserve">It can be ambiguous in the middle school grades. Kids like to know where they are grade wise. I think this can be a disincentive for kids. </t>
  </si>
  <si>
    <t xml:space="preserve">Letter grade and percentages are crucial to understand my child’s progress in a class. </t>
  </si>
  <si>
    <t xml:space="preserve">Will this just make more work for teachers? They seem to be spending a lot of time on evaluations. </t>
  </si>
  <si>
    <t xml:space="preserve">These are useless and most kids truly hate them. For autistic kids and others with learning difficulties these are a real source of anxiety. Stop focusing on feelings and get back to teaching. </t>
  </si>
  <si>
    <t xml:space="preserve">Most kids I know absolutely hate these. Goal setting has taken over everything. Kids don’t like it. Parents don’t like it. These goal setting sessions in the classroom are pointless. Please stop. </t>
  </si>
  <si>
    <t xml:space="preserve"> I’ll believe it when I see it. </t>
  </si>
  <si>
    <t>Words are too abstract.  What is developing? 55%, 60%, 65%?  Also there is no way to effectively communicate how students are doing as at any given time as you can't average words to give an overall mark.  Should not be done in Grade 4 and above.</t>
  </si>
  <si>
    <t xml:space="preserve">Students need to understand how they are doing in an understandable and effective format.  I am in a trial district and there has been a huge disengagement from students due to this.  If I mark it as developing they don't care, but if I give a mark of 60% they are concerned and want to do better. </t>
  </si>
  <si>
    <t>Should not be part of student reporting unless more prep time is given to create these reports.</t>
  </si>
  <si>
    <t>There should be no proficiency scales in any grade level.  I am in a trial district and this has had no benefit to the students.  Students have had a decreased connection to how they are doing because 'it's just words'.  Proficiency scales have led to disengagement of students and worse performance.</t>
  </si>
  <si>
    <t xml:space="preserve">Looks like less report cards. But hopefully the informal are very informal. </t>
  </si>
  <si>
    <t xml:space="preserve">How do we use this in context of CB IEP goals </t>
  </si>
  <si>
    <t xml:space="preserve">Does not work for students with IEPs and feels outdated </t>
  </si>
  <si>
    <t xml:space="preserve">Soem students can’t self assess </t>
  </si>
  <si>
    <t xml:space="preserve">Satisfied but not sure it is actually going to </t>
  </si>
  <si>
    <t xml:space="preserve">One final report card and FreshGrade posts for others </t>
  </si>
  <si>
    <t>I need more information on what those updates would entail.</t>
  </si>
  <si>
    <t>It just seems like the same scale with different wording.</t>
  </si>
  <si>
    <t>I don’t teach that level.</t>
  </si>
  <si>
    <t xml:space="preserve">Not enough information. Am I to create this? Is it a checklist? A picture? How can k-2 do this? </t>
  </si>
  <si>
    <t>Need more information. K-2 need to be taught this skill over time. Many are not able to self assess at this age.</t>
  </si>
  <si>
    <t>Lots of words, means nothing.</t>
  </si>
  <si>
    <t>K-2 can’t meaningfully do this.</t>
  </si>
  <si>
    <t xml:space="preserve">Better than grades, especially at the younger primary level. </t>
  </si>
  <si>
    <t xml:space="preserve">They don’t need this anymore. </t>
  </si>
  <si>
    <t xml:space="preserve">I teach kindergarten and this would be difficult to do at the beginning of the school year. </t>
  </si>
  <si>
    <t xml:space="preserve">Again, I teach kindergarten. Exceptions must be made here. </t>
  </si>
  <si>
    <t xml:space="preserve">Adding more work to the teacher’s plate will NOT make schools better or students happier/learning more. We are just more tired. 
</t>
  </si>
  <si>
    <t xml:space="preserve">How are five reporting periods a year fair for teachers? Are we receiving extra prep time? </t>
  </si>
  <si>
    <t xml:space="preserve">Letter grades should still be given. It does not make any sense to not start letter grades until grade 10. </t>
  </si>
  <si>
    <t>Students should be receiving letter grades</t>
  </si>
  <si>
    <t>The proficiency scale is cumbersome and very time-consuming to implement in a real classroom setting.  Parents, especially those who are not fluent in English, find it confusing.</t>
  </si>
  <si>
    <t>The proficiency scale is very time-consuming to implement in a real classroom setting.  To do this as well as traditional letter grades would be very impractical.</t>
  </si>
  <si>
    <t xml:space="preserve">I think two written reports are sufficient with 3 informal reports (meet the teacher, parent/teacher, student led conferences or 3 way conferences). This coupled with digital portfolios and blog posts throughout the year keeps parents very informed. </t>
  </si>
  <si>
    <t xml:space="preserve">It encourages growth over time and places more emphasis on the learning than the grade itself. </t>
  </si>
  <si>
    <t>This is true and unless Universities change their requirements I don’t feel it’s appropriate to change the criteria for students in grades 10-12.</t>
  </si>
  <si>
    <t xml:space="preserve">I think having both would be good for consistently purposes. Students will already be familiar with the proficiency scale. </t>
  </si>
  <si>
    <t xml:space="preserve">I do this already even though it’s only required currently at the end of the year. </t>
  </si>
  <si>
    <t xml:space="preserve">As a parent snd as a teacher I think that two formal reports with other informal reports throughout the year are more than enough to keep me informed of my child’s progress. </t>
  </si>
  <si>
    <t xml:space="preserve">Japanese and English </t>
  </si>
  <si>
    <t>I’m slightly dissatisfied because we don’t have time at work to write these reports. Also, it’s not clear how this policy applies to the semester system.</t>
  </si>
  <si>
    <t>There would be less nitpicking over percentage points. There will be more focus on development. The feedback should be part of the rubrics.</t>
  </si>
  <si>
    <t>I’m not interested in ranking students for post-secondary institutions. I’m passionate about the students’ learning.</t>
  </si>
  <si>
    <t>This would be more work with no more time, pay, or resources. Teachers can decide what they want to do.</t>
  </si>
  <si>
    <t>This would take up class time and require more teaching.</t>
  </si>
  <si>
    <t>My students can barely get organized well enough to do the current tasks. Again, let teachers figure it out.</t>
  </si>
  <si>
    <t>What does this even mean? We need specific guidelines about diversity and inclusion.</t>
  </si>
  <si>
    <t>We need specific guidelines about diversity, equity, and inclusion. There’s a lot of work to be done here.</t>
  </si>
  <si>
    <t>I am not concerned with the four reporting. 
I am concerned that their are two written ones (are these the summaries of learnings)as well as the final report - does this mean we have 3 reports during the year? Does the point of progress reports along the way count? Digital portfolio?</t>
  </si>
  <si>
    <t>What to do with students, esp. in grades 8 and 9 who do not put enough work in to pass. They are capable but not motivated? Are we doing them a favour by just passing them on. 
2. Can we have a solid definition of what each of these are? Discussion about emerging as "not yet within" vs "just there"</t>
  </si>
  <si>
    <t xml:space="preserve">While in BC we may be moving forward, our students end up all across the province, country and world. They need some sort of letter grade that is accepted at universities. </t>
  </si>
  <si>
    <t>Parent want to know where the students are at. I'd prefer that gr 8 and 9 have percentages too</t>
  </si>
  <si>
    <t xml:space="preserve">Why add more crap? We already have to do a lot. If not done correctly, this is just extra work without any real learning. </t>
  </si>
  <si>
    <t xml:space="preserve">Provide Pro-D to ensure teachers are up to date with these practices. Ensure Universities are teaching student teachers this, </t>
  </si>
  <si>
    <t>GR 8 and 9 with percent and letter grades.</t>
  </si>
  <si>
    <t xml:space="preserve">It looks like we are going backwards to 3 written reports and 2 informal communications.
It appears that one of the new work and learning regarding ongoing and timely communication has been taken into consideration. 
it also appears very summative rather than formative which shift the conversation </t>
  </si>
  <si>
    <t xml:space="preserve">This shifts the conversation and mindset to one of growth and improvement and it focuses on achievement rather than the finality of a letter grade. </t>
  </si>
  <si>
    <t xml:space="preserve">If not now, then when!!   We know letter grades do not move the learning forward and say little about the student's ability or understanding of subject matter. 
Assessment practices need to change, it is my understanding that is why we are trying to update the reporting order.
</t>
  </si>
  <si>
    <t xml:space="preserve">I am satisfied BUT you dis not go far enough. 10 - 12 should be using the proficiency scale and not just encouraged to use it in the Learning Updates.  Take out letter grades and percentages in the learning updates! </t>
  </si>
  <si>
    <t xml:space="preserve">ALL students should have the same process for communication learning. </t>
  </si>
  <si>
    <t xml:space="preserve">If not now, then when!!   We know letter grades do not move the learning forward and say little about the student's ability or understanding of subject matter. 
Assessment practices need to change, it is my understanding that is why we are trying to update the reporting order.  </t>
  </si>
  <si>
    <t xml:space="preserve">We currently do not receive any communication from teachers even if the child is failing, we only get the school report. I don’t see teachers making any efforts to keep parents updated on what is going on at school </t>
  </si>
  <si>
    <t>Parents should be able to see tests performed during the school year not just a summary once in a while</t>
  </si>
  <si>
    <t>And maybe people from different countries of origin could be more included too</t>
  </si>
  <si>
    <t xml:space="preserve">The use of the 4 point scale is meaningless and worse provides little to no quantifiable feedback to parents or kids.  </t>
  </si>
  <si>
    <t>Do not change grade 10-12 to the useless Provincial Proficiency Scale.</t>
  </si>
  <si>
    <t xml:space="preserve">Get rid of the proficiency scale. </t>
  </si>
  <si>
    <t xml:space="preserve">The communication was much clearer prior to the new proficiency scale being introduced. </t>
  </si>
  <si>
    <t xml:space="preserve">The proficiency scale is appropriate for primary grades and should go to letter grades for intermediate classes. The new system reduces motivation and muddies communication. It’s simply not effective. </t>
  </si>
  <si>
    <t>Letter grades make sense for all involved and are clear and concise. Should be implemented for grade 5+</t>
  </si>
  <si>
    <t xml:space="preserve">This would be pointless and just create more needless work for teachers. Please do not create more confusion and difficulty communicating between parents and teachers. </t>
  </si>
  <si>
    <t>Self assessments are fine as long as teachers are assessing on their own as well</t>
  </si>
  <si>
    <t xml:space="preserve">The proficiency scale has been a huge setback and simply isn’t working. The kids hate it and parents and teachers are right there with them. I don’t know a single person that is in favour of this system. </t>
  </si>
  <si>
    <t xml:space="preserve">I want to do only small reviews and the teacher sees fit. The requirementis to do multiple of paragraphs and sentences explaining what I have done and how I think of that </t>
  </si>
  <si>
    <t>I can do the worst that I can and still get profusion if people want to extend it unless something get it meaning you’re not like me to get extended if you try really hard</t>
  </si>
  <si>
    <t xml:space="preserve">You tried really hard and I can get the mask that you want there’s no average </t>
  </si>
  <si>
    <t>I consider myself to be very progressive and open-minded.  I feel VERY strongly however that schools MUST return to Letter Grades and Percentages for reporting.  
It comes down to communication.  The proficiency scale obfuscates an otherwise clear communication of progress, involvement, etc.</t>
  </si>
  <si>
    <t>The proficiency scale is an abject failure and should be retreated from, not expanded on.  My children in 8-9 feel the reporting is meaningless and only matters after grade 10 when letter grades begin.</t>
  </si>
  <si>
    <t>Continual assessment and goalsetting is a welcome practice.</t>
  </si>
  <si>
    <t>Letter grades and percentages should be used from grade 5 and up.</t>
  </si>
  <si>
    <t>Kids can't always feel like there's a report coming out on them.  They need time to develop and work on things.  I want my kid's teacher to be spending time working with my kid, not spending time reporting more than this.</t>
  </si>
  <si>
    <t>It is too wide of a range and does not accurately tell me how my kid is doing.  My child hates this format too.  I am so tired of the educational jargon that is used like 'proficient' and 'developing'.  I don't even look at it.</t>
  </si>
  <si>
    <t>Kids need to know exactly how they're doing and get rid of the educational jargon.  I feel the same way for grades 6 and higher.  There should be letter grades in grades 6-12.</t>
  </si>
  <si>
    <t>Get rid of the educational jargon..............please!</t>
  </si>
  <si>
    <t>I'm okay with it as long as it's not done too much.</t>
  </si>
  <si>
    <t>Proficiency scale is educational jargon, please eliminate it.</t>
  </si>
  <si>
    <t>I don't believe that teachers have the bandwidth to do more reporting sessions in a year, however, I am wondering how this works in a semester system.</t>
  </si>
  <si>
    <t>I think that a proficiency scale is a much more useful way of assessing, and emphasizes learning rather than a percentage.</t>
  </si>
  <si>
    <t>I find that as soon as percentages are included, some students stop taking risks and focus instead on doing the things needed to keep their averages as high as possible and that can negatively effect learning. That said, I understand that universities and colleges require percentages and letters.</t>
  </si>
  <si>
    <t>I think that the proficiency scale emphasizes the importance of learning.</t>
  </si>
  <si>
    <t>I think goal setting is important.</t>
  </si>
  <si>
    <t>I feel that this is already a requirement so doesn't change anything</t>
  </si>
  <si>
    <t>Many students appreciate having letter scores.  Letter grades are a more precise representation of students level of understanding</t>
  </si>
  <si>
    <t xml:space="preserve">Ranking in degrees of perform is a requirement of the real world. Deferring this system of hierarchy until grade 10 is a disservice to children. It will affect their ability to cope with being assessed honestly and against their peers. </t>
  </si>
  <si>
    <t>Proficiency scores are subjective as opossed to performance scores and percentages which are more objective</t>
  </si>
  <si>
    <t>Letter grades for K to 9</t>
  </si>
  <si>
    <t xml:space="preserve">Still difficult to get an exact or clear picture of students progress with use of these terms </t>
  </si>
  <si>
    <t xml:space="preserve">The combination of both letter grades and proficiency scale work well together </t>
  </si>
  <si>
    <t xml:space="preserve">Grade 8 and 9 should return to a letter grade for reporting. Proficient is a very large scale and also the letter grading helps a child gauge how they are doing this n the early years of high school. Very dissatisfied with the current grading system for these grades. </t>
  </si>
  <si>
    <t xml:space="preserve">Student need this system to be prepared for post secondary school. </t>
  </si>
  <si>
    <t>The proficiency scale should not be used in our high schools</t>
  </si>
  <si>
    <t xml:space="preserve">I think that self assessment is somewhat important but the teacher’s grading and assessment should hold most of the weight when assessing students. This also helps to relate for what is required for post secondary. </t>
  </si>
  <si>
    <t xml:space="preserve">Goals are always important </t>
  </si>
  <si>
    <t xml:space="preserve">Being inclusive demonstrates how it is in real life outside of school. We have all types of people with different abilities in society. </t>
  </si>
  <si>
    <t xml:space="preserve">Again...as a parent I absolutely do not like the proficiency scale for grades 8 and 9. </t>
  </si>
  <si>
    <t>Seem very objective. Hard grades with specific  feedback is better.</t>
  </si>
  <si>
    <t>A four point rubric  doesn't really address specific skills or outcomes needed to succeed.</t>
  </si>
  <si>
    <t xml:space="preserve">percentages are an important a part of assessment and are a valuable way to assess. </t>
  </si>
  <si>
    <t>Continuity should be across K to 12.</t>
  </si>
  <si>
    <t>Self- assessment is a difficult thing....it requires skills and the correct parameters for people to judge themselves by. Self-assessment done incorrectly is invalid. It needs to be done correctly and this requires training.</t>
  </si>
  <si>
    <t xml:space="preserve">A good idea in theory. How would demotivated students be encouraged by this. </t>
  </si>
  <si>
    <t>Being open to all students is what education is all about.</t>
  </si>
  <si>
    <t>Based on my own common sense.</t>
  </si>
  <si>
    <t xml:space="preserve">More frequent is good.  Currently the Provincial Proficiency Scale requires teachers to build more "fluff" into their reporting, which reduces the frequency. </t>
  </si>
  <si>
    <t xml:space="preserve">Letter grades and percentages should be used for children in grade 7 and higher.  </t>
  </si>
  <si>
    <t>Clearly communicated progress and completion</t>
  </si>
  <si>
    <t xml:space="preserve">This should absolutely *not* happen.  I feel strongly that grades/percentages and supplemental comments/reporting is the way to go. </t>
  </si>
  <si>
    <t>Self assessment and a shift in learning goals is fine, but don't confuse that with wishy-washy reporting.</t>
  </si>
  <si>
    <t xml:space="preserve">I have a high-aptitude student who has been able to take advantage of college-level courses and influence his own learning paths. </t>
  </si>
  <si>
    <t>I agree with the principles of Diversity &amp; Inclusion but don't know enough to form an opinion...</t>
  </si>
  <si>
    <t>PLEASE DO NOT implement provincial proficiency scale.  This should be rolled back for k-9!</t>
  </si>
  <si>
    <t xml:space="preserve">same number of reports as current policy so what is the point of this new requirement.  </t>
  </si>
  <si>
    <t>why can you not just use grades,  the test score are a true indication of how a child is doing in school or how the teacher is teaching</t>
  </si>
  <si>
    <t xml:space="preserve">Waiting to grade 10 to she how your child is actually doing is not appropriate   this needs to be done way sooner
</t>
  </si>
  <si>
    <t>when you test the students and mark them is that not an indication of how they are doing.  Is learning not a core value for education,</t>
  </si>
  <si>
    <t xml:space="preserve">students should follow a curriculum.  </t>
  </si>
  <si>
    <t>The school system is failing to teach kids to read, write, and do math.  The school system is focusing more on feelings.</t>
  </si>
  <si>
    <t>Seems reasonable to have 5 reports in a 40 week school year.  Many teachers will give further updates when requested</t>
  </si>
  <si>
    <t>Far too subjective, would prefer specific criteria to understand where the student is in relation to the outcomes of each course</t>
  </si>
  <si>
    <t>Gives a clear understanding of course proficiency and what criteria needs to b met for entrance to post secondary</t>
  </si>
  <si>
    <t>The proficiency scale is such a vast change that a gradual implementation would be preferable in order to maintain confidence of all stakeholders</t>
  </si>
  <si>
    <t>I support students being fully involved in self assessment</t>
  </si>
  <si>
    <t>Goal setting by students allows them to have some ownership of their responsibility in their education</t>
  </si>
  <si>
    <t>All students including those on modified and adapted programs need assessment.</t>
  </si>
  <si>
    <t>I do not understand enough about the proficiency scale to be fully supportive</t>
  </si>
  <si>
    <t xml:space="preserve">I think this is a reasonable number of formal reports. Teachers should be in contact with parents or guardians on a regular basis. It is not the number of reports that I find problematic with the proposed changes. </t>
  </si>
  <si>
    <t>Using one method of assessment for the junior students and a different method of assessment for senior students lacks continuity and will negatively impact their ability be be successfully academical in post-secondary institutions. It could lead to subjective rather than objective assessment.</t>
  </si>
  <si>
    <t xml:space="preserve">The assessment models we use for all students should be reflective of the assessment models used in post-secondary institutions. This should happen at all levels past kindergarten, to provide consistency and an understanding of the academic expectations of post-secondary institutions. </t>
  </si>
  <si>
    <t xml:space="preserve">The continuity of assessment should be reflective of how they will be assessed in the future, not the past. The percentage scale should provide continuity of assessment not the proficiency scale. </t>
  </si>
  <si>
    <t xml:space="preserve">It is challenging to utilize student self-assessment as the basis for an accurate reflection of growth. </t>
  </si>
  <si>
    <t xml:space="preserve">This assessment model is too heavily weighted towards skills development and does not lend itself to mastery of content or the development of critical thinking skills. </t>
  </si>
  <si>
    <t>The inclusive learning model is not possible with the current level of support. To be accurate assessment must reflect understanding and retention of knowledge. This means that certain criteria must be met. In order to support learners with exceptionalities we need more, well trained EAs.</t>
  </si>
  <si>
    <t xml:space="preserve">This model does not provide long term continuity of assessment practices. The system should provide consistency with post-secondary academic expectations. This proposed model lends itself to subjective rather than objective assessment of the intellectual growth of students. </t>
  </si>
  <si>
    <t xml:space="preserve">Written reports are more formal. Parents need feedback on child's progressions. </t>
  </si>
  <si>
    <t>The letter program was better. The evaluations doesn't explain much. Evaluation day comes isn't always the child's best performance day. Like reading for eg. child is told to read book is underpresure because the arebeing marked,yet read abook clear and well different day. Scale not accurate.</t>
  </si>
  <si>
    <t>Same as my day.</t>
  </si>
  <si>
    <t>Like letters and %</t>
  </si>
  <si>
    <t>Let kids be kids. Teach the core stuff they need. K-9.</t>
  </si>
  <si>
    <t>This scale seems to work well for K-7 in my mind.  Gr 8-9 I am not so sure it's preparing them for the grading system in Gr10-12, however I have not experienced 10-12 with my kids yet.</t>
  </si>
  <si>
    <t>I haven't experienced these grades yet, but I agree that this is a requirement for post-secondary.</t>
  </si>
  <si>
    <t>Both could work well together with commentary from the teachers</t>
  </si>
  <si>
    <t>I like this approach, it's good training for the students prepping them for the future.</t>
  </si>
  <si>
    <t>Online only access is a barrier to some families, I would prefer a paper copy of the report card twice a year.</t>
  </si>
  <si>
    <t>Online reporting only limits access, often we don't login and check their report cards until later and our grandparents don't see their reports anymore either.</t>
  </si>
  <si>
    <t xml:space="preserve">Students in the younger grades need so much guidance to create personal inquiry goals. </t>
  </si>
  <si>
    <t>Like IEPs that we spend tons of time on??</t>
  </si>
  <si>
    <t>How does online platforms (freshgrade, seesaw, etc?) filter into these changes?</t>
  </si>
  <si>
    <t xml:space="preserve">our current communicating student learning plan has been used for the last three years and this draft policy is a step backwards from what our district has been doing.  Regular and ongoing communications with parents rather than the formal reporting at certain periods as this draft suggests.  </t>
  </si>
  <si>
    <t xml:space="preserve">I believe that the ministry has already heard from educators that letter grades and percentages are not in the best interest of student learning and are simply a ranking method for students.  It has already been proven incorrect that universities need these for entrance requirements.   </t>
  </si>
  <si>
    <t>Should not be using letter grades and percentages at all.</t>
  </si>
  <si>
    <t>We have had great success with regular and ongoing feedback to parents rather than the more formal reporting requirements.  I would have also selected the percentages and letter grades as needed changes to this policy.  I believe this draft ignores the advice of educators over many years of feedback</t>
  </si>
  <si>
    <t>Not the frequency but the inclusion of all subject matter. When communicating learning that is timely and ongoing, it makes NO sense to communicate 2 months after an assignment, activity or assessment. on going use of e-portfolios or other means on a more regular basis is more effective.</t>
  </si>
  <si>
    <t>As long as there are descriptors attached to the scale and identified in a disclosure on each report these four are fine. We continually change these but are saying the same things.</t>
  </si>
  <si>
    <t>Percentages and grades do NOT indicate what a child is learning but how well they are jumping through hoops. Nor all children reflect their learning in the same way!</t>
  </si>
  <si>
    <t>Most teachers do this already. They have worked with it to create individual ways for students to communicate this.</t>
  </si>
  <si>
    <t>This is sometimes challenging for younger students to make this a meaningful task. It does need to be simple so children learn the process of setting goals, striving to reach them and reflecting.</t>
  </si>
  <si>
    <t>Report cards are not the most effective way to communicate learning. There has to be some accountability but there are other ways this can happen.</t>
  </si>
  <si>
    <t>If you are using FreshGrade, or online ongoing reporting, the constant written reports don't make any sense.  Ongoing reporting is, ongoing.</t>
  </si>
  <si>
    <t>I believe there should be a fifth level, not within expectations.  Parents assume that emerging means the student is still meeting some criteria.  In some cases, the student is not meeting any criteria at all.  The proficiency scale needs to represent that.</t>
  </si>
  <si>
    <t>I believe that letter grades and percentages are necessary for grades 10 to 12.  In fact, they should be implemented in grade 8 when students arrive at high school.  Students should be very accustomed to letter grades well before they begin the process of applying to post secondary institutions.</t>
  </si>
  <si>
    <t>Not realistic.  Start letter grades in grade 8.  Students are making the transition to high school and can adjust to letter grades at that time.  This gives them plenty of time to react to the grades they are getting before post secondary applications start.</t>
  </si>
  <si>
    <t>Students are a diverse group, but assessment needs to set a standard at which students are to aspire too.  Unfortunately, standards cannot be lowered to meet special needs.</t>
  </si>
  <si>
    <t>My student gets regular feedback</t>
  </si>
  <si>
    <t xml:space="preserve">The percentage gives my student something to strive for and effort is rewarded </t>
  </si>
  <si>
    <t>My student was extremely unmotivated by the term proficiency. Sometimes she would miss the outstanding effort by a tiny amount then bd jumbled in with average results.</t>
  </si>
  <si>
    <t>All students deserve education at the level they are able to receive it</t>
  </si>
  <si>
    <t xml:space="preserve">Although I believe in using strength based language when reporting, I also see how often parents misunderstand their child's needs when we use language like "emerging" rather than "not yet meeting". </t>
  </si>
  <si>
    <t>a self assessment in the primary grades is a very time consuming activity. It takes up valuable time away from instruction. This should only be done once a year</t>
  </si>
  <si>
    <t>This is a great idea for grades 4 and up. Doing this with a 6 year old is ridiculous and places more demands on the teacher.</t>
  </si>
  <si>
    <t>I think this is a great idea in theory. I would need to see a great deal more of it in practice before forming an opinion.</t>
  </si>
  <si>
    <t>I stated above that goal setting in the primary grades will be a teacher job, not a student job and therefore it is not a valuable activity.</t>
  </si>
  <si>
    <t xml:space="preserve">I feel the reporting is fine and teachers have enough to deal with without all the extra reports </t>
  </si>
  <si>
    <t xml:space="preserve">Why do they need additional things when they already have percentage and letter grades. That's more than enough </t>
  </si>
  <si>
    <t>If you could actually have it so neurodiverse children are graded and evelauated on how they learn and not how you would grade a neurotypical child would be amazing. Plus recognizing all neurodiverse issues so all kids have a chance.</t>
  </si>
  <si>
    <t xml:space="preserve">I am unsure about how this will impact a semestered system at the secondary level. </t>
  </si>
  <si>
    <t>I do not believe letter grades are reflective of student learning</t>
  </si>
  <si>
    <t>While I do see the value of continuity of reporting, I believe this will create extra work for teachers and potential confusion for students and families. While I would prefer to only use proficiency scales k-12, this is simply not realistic, so I believe we should only use percentages at that stage</t>
  </si>
  <si>
    <t xml:space="preserve">I am concerned this will create extra work for teachers to have to manage and collect this information and communicate it to parents. I would like to see an online system created which students can access on their own and will share the outcomes with parents directly. </t>
  </si>
  <si>
    <t xml:space="preserve">Same as core competencies. I think this measure has value, so long as it does not create additional work for teachers to manage these plans. There should be an online system for students to submit and manage their plans, independent of teachers. </t>
  </si>
  <si>
    <t xml:space="preserve">I feel unsure about several aspects of the program  but am particularly concerned about the impact on teacher workload of the student self assessment measures. </t>
  </si>
  <si>
    <t>I don't like overload of information.  I appreciate a quarterly update, but assume if my child needs more communication I would be contacted accordingly</t>
  </si>
  <si>
    <t xml:space="preserve">Bring back the numbers!  I feel students need to see how they are succeeding.  Giving them a descriptive term is meaningless.  </t>
  </si>
  <si>
    <t>I have witnessed teacher's being biased towards students, based on personal relationships and status.  A provincial scale would help remove that</t>
  </si>
  <si>
    <t>Helps make the student more accountable for themselves.  They set the goal - up to them to explore how to fulfill it</t>
  </si>
  <si>
    <t>Would like more reporting done, or at least accessibility to current up to date marks online</t>
  </si>
  <si>
    <t>I dont think this generalized way of grading the kids preps them for the future appropriately.</t>
  </si>
  <si>
    <t>Gives exact measure of where they are at</t>
  </si>
  <si>
    <t>Will not prep for further secondary schooling grading.</t>
  </si>
  <si>
    <t>Depends on the teacher, but I find if the teacher isn't guiding properly the student isn't completing properly.
But they do prep them for future and employment evaluations.</t>
  </si>
  <si>
    <t>I do like these as long as the teacher encourages them to make appropriate goals.  Making goals to play less PS, or less screen time not appropriate goals for school.</t>
  </si>
  <si>
    <t>As long as the child has had proper testing and documentation is available to state they are actually in need of said extra resources.</t>
  </si>
  <si>
    <t>The more frequent communications the better for the students.</t>
  </si>
  <si>
    <t>It would be very helpful to have some provincial guidance on how to convert the proficiency scale into letter/percentage grades so there's a more seamless transition from junior to senior reporting. What is considered "Extending"? Is it an A, a high A 90%+?</t>
  </si>
  <si>
    <t>This would require dedicated professional development for high school teachers to implement. We report on hundreds of students at a time, often with no additional time allotted to do so in our work day. Please be mindful of making reporting more difficult and time-consuming.</t>
  </si>
  <si>
    <t xml:space="preserve">We need consistent self-assessment templates for each grade provided across the province. We often have to develop these locally and the required time investment varies widely from district to district which is not fair. Make an easy fill option in myed for this. </t>
  </si>
  <si>
    <t>It's not a bad idea, but again it puts even more pressure on teachers to integrate this into already extremely time-consuming reporting. Make a template for teachers, ideally one that can easily be copied into the reporting software. Myed is very poor software and needs to be updated or replaced.</t>
  </si>
  <si>
    <t>time allotted to do these things</t>
  </si>
  <si>
    <t>Good ideas, but if you add to the workload you need to provide paid time in the form of a non-instructional administrative day each written reporting period to make sure this is done well and doesn't cause massive teacher burnout. Update the reporting software to make this better.</t>
  </si>
  <si>
    <t xml:space="preserve">Proficiency scale is a joke and has harmed my child's feelings of accomplishment. All students grade 6-12 should have remained on a letter grade and percentage scale. </t>
  </si>
  <si>
    <t>From gr.8 &amp; on - %'s are more accurate for parents to see how their student is doing</t>
  </si>
  <si>
    <t>Makes the student more accountable, especially if they are considering post education</t>
  </si>
  <si>
    <t>There is no option that properly describes students who do not complete their work or do not attend. Emerging should describe students who are challenged but are progressing, not students who do nothing l. I also feel like the proficiency scale does not work for assessing math or science.</t>
  </si>
  <si>
    <t xml:space="preserve">I see no need for both proficiency scale and percentage. </t>
  </si>
  <si>
    <t>It only makes sense if students are the ones tracking their progress on these goals, rather than putting this task onto teachers.</t>
  </si>
  <si>
    <t>It is unclear what "respond fully to individual needs" means. It is unrealistic to expect totally individualized assignments and assessments for 100+ students.</t>
  </si>
  <si>
    <t>Reports are approx every 6 weeks which means if someone is struggling we can intervene quicker.</t>
  </si>
  <si>
    <t xml:space="preserve">I like that there is a description of what the teacher is looking for in each category and the areas my children are at are highlighted.  We can see what's going well and what needs improvement. </t>
  </si>
  <si>
    <t>N.a.</t>
  </si>
  <si>
    <t xml:space="preserve">It's okay... I think this helps with self awareness for some students however I also think this adds to some students anxiety in the cases where teachers and staff have a differing opinion.  </t>
  </si>
  <si>
    <t>Can be helpful yet can create unnecessary anxiety for others</t>
  </si>
  <si>
    <t xml:space="preserve">I don't think students should be apart of parent teacher meetings.  Sometimes there are things that need to be discussed where children don't need to be involved. </t>
  </si>
  <si>
    <t>Same number of reports</t>
  </si>
  <si>
    <t xml:space="preserve">Students and parents of grade 8 and 9 do not understand the scales and do not perform like they usually would under letter grades and percentages. It's a game of semantics. They see emerging, they think they are doing fine, when in reality, teachers are using this category for failing outcomes. </t>
  </si>
  <si>
    <t>These make sense to students, parents and teachers.</t>
  </si>
  <si>
    <t>Some courses like CLC would be fine for that.</t>
  </si>
  <si>
    <t>Who is in charge of this reporting? 8 and 9 have many different teachers. Who collects all these self assessments?</t>
  </si>
  <si>
    <t>Again, who is collecting this? Where would it go? Will they have 8 different goals for 8 different courses?</t>
  </si>
  <si>
    <t>We already do this as best as we can.</t>
  </si>
  <si>
    <t>K-7 they have 1 teacher that sees the scope of what that student is learning at all times. 8 and 9 teachers are subject specific so don't see the overall student. Doesn't work as well.</t>
  </si>
  <si>
    <t>Our SD chose to do the alternate reporting that was allowed when this changed. We have chosen to report frequently and informally on various subjects. The report periods must discuss literacy and numeracy but other subjects are the choice of the teacher and what is happening in the classroom.</t>
  </si>
  <si>
    <t xml:space="preserve">We already use a scale but our 4 words are emerging, developing, applying and extending. Changing them may cause confusion at this point. </t>
  </si>
  <si>
    <t xml:space="preserve">Status quo at this time. Truly up to what secondary programs need. </t>
  </si>
  <si>
    <t xml:space="preserve">Choose one or the other - not both. Why do this twice? </t>
  </si>
  <si>
    <t xml:space="preserve">I can see being able to do this K to 7 and perhaps 8 and 9 if students are with key teachers but 8 subjects and 8 teachers for grade 10-12 will make this difficult. We did use this for the capstone project. </t>
  </si>
  <si>
    <t xml:space="preserve">K to 9 only please. Career courses for grade 10 and 12 include this already. </t>
  </si>
  <si>
    <t xml:space="preserve">Our district does more reporting to parents now. If we move backwards to this frequency it will be like reporting was years ago. </t>
  </si>
  <si>
    <t>This system does not reflect student learning. It protects the students who have not given evidence of learning a social pass. Students who do not attend get emerging and move on. Shameful.</t>
  </si>
  <si>
    <t>We need to prepare kids for any post secondary education. RE traditional grades.</t>
  </si>
  <si>
    <t>This would allow emerging kids a continued social pass.....the educational administration is so concerned about grad rates that this would allow those who show no evidence of learning a continued social pass.</t>
  </si>
  <si>
    <t>When high school classes are 15 students or less this is possible. Try class of 30 time 4 =120 students ...impossible</t>
  </si>
  <si>
    <t xml:space="preserve">The assumption is  letter grades and % did not reflect student learning. Well, my marks accurately reflected student learning. The proficiency scale is disguised  as a system of social pass
with no minimal bar. Certainly easy for administrators to move kids along. </t>
  </si>
  <si>
    <t>At the high school level, which at our school is grades 9-12 this is one more report than we currently do in  a semester system as we have 4 written report cards and then we also do 2 sets of parent teacher interviews; I do not feel there needs to be a 5th report at the end of the year.</t>
  </si>
  <si>
    <t>This scale should not be used for grade 9's who are in a high school setting; most elective courses in high school are combined grade 9/10 classes and it is not sustainable to have half a class reported in one way and the other half in a different manner.  It should be optional for 9-12 schools.</t>
  </si>
  <si>
    <t>It makes sense for the grad program to be using percentages as these courses are used for post secondary entrance; the issue is with grade 9's in a high school who are in grade 9/10 courses.  It should be optional to use either the scale or percentages for grade 9's in a 9-12 school.</t>
  </si>
  <si>
    <t>In a high school we should not be using the scale if we are doing percentages; it needs be one way or the other and consistent for all grades in the same building.</t>
  </si>
  <si>
    <t>This works well if students put value in it.</t>
  </si>
  <si>
    <t>IF this is included in a course like planning where it would make the most sense then yes, but this should not be added into other courses that have just been revisited with the new curriculum which already address things like this in their new course content.</t>
  </si>
  <si>
    <t>no scale in a 9-12 school</t>
  </si>
  <si>
    <t xml:space="preserve">The grading systems and reporting out needs to be similar for an entire school and it should not be put upon the people who teach either grade 9 or grade 9/10 split classes to deal with 2 reporting styles and systems. </t>
  </si>
  <si>
    <t xml:space="preserve">Some children prefer specific feedback and I find this format very general </t>
  </si>
  <si>
    <t xml:space="preserve">Makes transition into post-secondary easier! </t>
  </si>
  <si>
    <t>Teachers have a massive load of work already that seems to be increasing with each year. From the vast learning needs of students to the increased level of apathy experienced by students and staff alike during these pandemic teaching times, changing protocol now is simply overwhelming and unnecessar</t>
  </si>
  <si>
    <t xml:space="preserve">This is vague feedback. Percentages are much more specific and indicative of student progress. a 4 point scale seems very elementary.
</t>
  </si>
  <si>
    <t xml:space="preserve">If it aint broke, don't fix it! </t>
  </si>
  <si>
    <t xml:space="preserve">It's just all TOO MUCH! </t>
  </si>
  <si>
    <t>I feel this would not be taken seriously, and also very hard to implement on a regular basis. It is difficult enough to get through the curriculum in the allotted time frame</t>
  </si>
  <si>
    <t xml:space="preserve">Again, adding much more work to our already full plates. At this rate, teachers are already struggling to manage time. You are complicating what doesn't need to be complicated. If you do complicate it, there needs to be ample support and time given to make this work. </t>
  </si>
  <si>
    <t>I love the idea of inclusion, as long as there is proper support to make this happen.</t>
  </si>
  <si>
    <t>One of the reporting times should be parent teacher conferences and teachers should get their day in lieu back for this time.</t>
  </si>
  <si>
    <t xml:space="preserve">Children need feedback that helps them understand their learning. However, simply making a 4 point scale has just replaced the idea of A, B, C etc. with numbers. A three point scale would clarify the difference better. </t>
  </si>
  <si>
    <t xml:space="preserve">I don't think that the kids actually understand this well. </t>
  </si>
  <si>
    <t>Young kids don't do this well. They don't care about learning more. They only want to set goals for sports.</t>
  </si>
  <si>
    <t xml:space="preserve">A good idea, but what supports are actually in place to support these learners?  Classroom teachers can not do it all and with LA and Resources being cut many students are being left behind. </t>
  </si>
  <si>
    <t>Assessment and communication with families is important, but requiring the written portions takes away for teachers actually teaching. It often feels like just "checking another box" instead of being meaningful communication. Less paper work, more time spent focusing on students and their learning</t>
  </si>
  <si>
    <t xml:space="preserve">We need to move away from grades and percentages completely. They're an awful way of assessing student knowledge, and take away from the joy of learning (when they're mainly fuelled by marks) </t>
  </si>
  <si>
    <t>The push for self-assessment like this means well, but I don't know of any teachers who engage with it meaningfully. We need time and resources to support how we can implement them in a meaningful way for our students</t>
  </si>
  <si>
    <t>I teach Kindergarten, and goal-setting is incredibly challenging for this age level. Please don't make it a requirement</t>
  </si>
  <si>
    <t>Easy to include this in theory, but what about in practice? How are you supporting or equipping classroom teachers to make these inclusions?</t>
  </si>
  <si>
    <t xml:space="preserve">Let's call these written reports what they are: report cards. Report card season is always a stressful, overwhelming time of the year, and they take so much energy and time away from what we could be putting into our students. Having a written report is fine, but the others should be open </t>
  </si>
  <si>
    <t>I prefer consistent reporting and updates.  I like the frequency now.</t>
  </si>
  <si>
    <t>100% prefer grading system over proficiency scale.  The kids prefer it as well.</t>
  </si>
  <si>
    <t>I prefer letter grades for all levels</t>
  </si>
  <si>
    <t>Student should be able to speak to where they are in their learning journey.  
Much more emphasis on a growth mindset is needed in youth.</t>
  </si>
  <si>
    <t>Good in  class activity. Waste of time and effort to be formally included in reports.</t>
  </si>
  <si>
    <t>Way too much work for a secondary teacher. Impossible to keep track of that many student reports individially.</t>
  </si>
  <si>
    <t>The scale is very confusing, there are no clear guidelines. Teachers make up their own individual guidelines (Ie. some teachers will not use exceeding unless a student has OVER 100%) Students that try harder and excel academically don't get the recognition they deserve for their hard work</t>
  </si>
  <si>
    <t>These are necessary for post secondary education.</t>
  </si>
  <si>
    <t>Percentages and letter grades are already enough.</t>
  </si>
  <si>
    <t>As long as they also include students that are exceptional and not just students that are aceptional. Bring back Honor roll for grades 4-9!</t>
  </si>
  <si>
    <t>Keep letter grades and percentages from grades 4-12 (or 8-12 at the very least)</t>
  </si>
  <si>
    <t>Tells very little about the progress of the student using what basically amounts to a 4 point scale. Does not adequately prepare students for senior grades where marks matter to gain entrance to post-secondary. Definitely does not prepare them for post-secondary. Little accountability for students.</t>
  </si>
  <si>
    <t xml:space="preserve">Necessary for post-secondary entrance. </t>
  </si>
  <si>
    <t>Absolutely opposed. No accountability for students. If the assignment is done or not student can still be "proficient". Creates bad work habits which will make university more difficult.</t>
  </si>
  <si>
    <t xml:space="preserve">Critical thinking will prepare students for the future. </t>
  </si>
  <si>
    <t>I am new hete, and I would to help.</t>
  </si>
  <si>
    <t>I need to know first.</t>
  </si>
  <si>
    <t>I feel like especially in high school there isn’t much feedback from the teachers or school to provide the home help that is needed. And then report cards come out and it’s a catch up game.
There should be a universal online platform to see the grades as projects and assignments are completed.</t>
  </si>
  <si>
    <t>This has set up students to fail. They have no way of truly measuring their work or ability to challenge themselves to get to the next percent or letter grade. It takes all incentive out of doing the school work as well.</t>
  </si>
  <si>
    <t>The proficiency scale has set up this years grade 10’a to fail. So it’s like they are learning a whole new way to manage their goals and schoolwork. Again a universal online platform that provides clearer and more accurate grading would be better so kids can learn to manage their own school work.</t>
  </si>
  <si>
    <t>No not at all. Please get rid of the proficiency scale, all it has done has confused the kids.</t>
  </si>
  <si>
    <t>Self assessment is a good, however if their assessment is different from the grade or the proficiency grade is unclear to them, then it becomes a problem because we are not teaching them the realities of their efforts. Self assessments should be more of a parenting task, or homework.</t>
  </si>
  <si>
    <t>I don’t believe the school system teaches the development of goals to students. Unless it becomes a problem. It should be taught from a young age which I don’t believe it has been taught within the school system.</t>
  </si>
  <si>
    <t>I am dealing with this now, and hoping to see if the school has options or ways for my son to complete his school work after surgery to his hand which has left him unable to write for 8weeks.</t>
  </si>
  <si>
    <t>It’s one step towards creating better individual accountability that will create productivity and success in future workplaces for them.</t>
  </si>
  <si>
    <t xml:space="preserve">This increases my work load with more paperwork, more meetings with parents, more preparation </t>
  </si>
  <si>
    <t>I think that grades 4 and up should have letter grades in order to adequately prepare them for college or university.</t>
  </si>
  <si>
    <t>It helps them be prepared for college or university.</t>
  </si>
  <si>
    <t>It’s nice but it doesn’t really matter that much to me. I am also a parent with kids in high school. All I want is the letter grades.</t>
  </si>
  <si>
    <t>It is a huge waste of time for K-1 students. The younger they are, the less capable they are of doing this. My Grade Ones don’t even understand what it’s for. So if you want it to be effective, you need to provide age-appropriate ways for the little ones to communicate this…not a blank box.</t>
  </si>
  <si>
    <t>For K-1, this is a huge amount of work for the teacher, and the students don’t really understand what it’s for.</t>
  </si>
  <si>
    <t>This works well in theory, except that the case manager teachers for the kids with IEP’s have unmanageably high case loads. So if you want to implement this, you will need to hire more teachers.</t>
  </si>
  <si>
    <t>The teachers who support the inclusion of students with special needs are over-worked. They burn out quickly. If they are away and are lucky enough to get a replacement, the TOC doesn’t even know the students, and this job revolves around relationships.</t>
  </si>
  <si>
    <t>Teachers communicate with families on on-going basis. Reducing written reports (one mid-point summary and one at the end of the school year) down to two and having 3 conferences will be sufficient for families. This adds unnecessary workload to teachers.</t>
  </si>
  <si>
    <t>The lack of standards (i.e. performance standards) makes it difficult for teachers to provide accurate feedback. There is also lack of training available to teachers. The fact that Grade 10-12 is letter grades &amp; percentages makes it challenging and many teachers and families will simply translate.</t>
  </si>
  <si>
    <t>Many teachers and families will simply translate proficiency scale to letter grades and percentages.</t>
  </si>
  <si>
    <t>It should be proficiency scale K-12 or letter grades &amp; percentages/performance standards (K-7).</t>
  </si>
  <si>
    <t>There's lack of guidance and the Districts and school administrators are asking teachers and students to engage in core competency reflection in a way that is not authentic.</t>
  </si>
  <si>
    <t>Change the frequency to 2 formal reports from 3.</t>
  </si>
  <si>
    <t xml:space="preserve">We do not live in a society these days fitted for such strict measures. Our District is small and needs inclusiveness and individual programs per student because of determinants of health. </t>
  </si>
  <si>
    <t>I think in high school level that’s fair but not for k-7</t>
  </si>
  <si>
    <t xml:space="preserve">That’s okay for the grades required </t>
  </si>
  <si>
    <t xml:space="preserve">For senior grades it’s reasonable </t>
  </si>
  <si>
    <t>Kids spend more time trying to comprehend the language around these assessments it is still okay to go over previous assignments and have verbal feedback not all this core Competencies there brains are not fully developed and may not understand the concept</t>
  </si>
  <si>
    <t xml:space="preserve">Focus more on why they are learning do they comprehend it what do we as educators need to do to help support them cognitively they can’t make those decisions </t>
  </si>
  <si>
    <t xml:space="preserve">And be okay have to have proper classes to support this not a generic one classroom setting that’s intimidating </t>
  </si>
  <si>
    <t xml:space="preserve">We need to do better at providing clear precise language for our adolescents to comprehend. </t>
  </si>
  <si>
    <t>too wishy washy and not clear to parents</t>
  </si>
  <si>
    <t>The proficiency program is terrible. It allows to see where your child is at but the grade system leaves more confidence with exactly where your child is at with a percentage number. This program is a false sence of recognition to dial into how much help a child needs. Get rid of it.</t>
  </si>
  <si>
    <t xml:space="preserve">Caused a lot of stress with my child, not really knowing how they were doing. </t>
  </si>
  <si>
    <t xml:space="preserve">No real information offered. </t>
  </si>
  <si>
    <t xml:space="preserve">Difficult time for reporting, too much added stress.  Not particulary helpful to students or parents.
</t>
  </si>
  <si>
    <t>seems fair enough</t>
  </si>
  <si>
    <t>what are the other options?</t>
  </si>
  <si>
    <t>too complicated and confusing.  Limited parent engagement likely.  Unfair outcomes.</t>
  </si>
  <si>
    <t>fair</t>
  </si>
  <si>
    <t>We don't need yet another pretty form be included in our already overloaded schedules.  People develop forms and are proud of them, but the form  better have some justifiable and PROVEN benefits to any part of the curriculum and teacher practices.</t>
  </si>
  <si>
    <t xml:space="preserve">I think that provides enough info to see hiw my children are doing and identify areas of concern </t>
  </si>
  <si>
    <t xml:space="preserve">I prefer letter grades and teachers tracking actaul marks from their learning after the primary grades. </t>
  </si>
  <si>
    <t>It gives an accurate picture of the work they are producing and how they are testing</t>
  </si>
  <si>
    <t>I think thryvare a waste of time. Kids don't take them seriously. Last year my child wrote an assessment and the teacher disagrees with his opinions and made him change them. Not to point of the exercise</t>
  </si>
  <si>
    <t xml:space="preserve">It's good for kids to recognize what they want to get out of school </t>
  </si>
  <si>
    <t xml:space="preserve">Increased communication is always welcomed. </t>
  </si>
  <si>
    <t>Letter grades provide students with tangible goals. Helps students in grades 7-9 better self evaluate.</t>
  </si>
  <si>
    <t>Proficiency scales are subjective. Letter grades are a clear indication of achievement.</t>
  </si>
  <si>
    <t xml:space="preserve">Good idea if students if asked in an age appropriate way. </t>
  </si>
  <si>
    <t>Students have enough pressures. This would only add to it.</t>
  </si>
  <si>
    <t>This is a given and shouldn’t be a new concept.</t>
  </si>
  <si>
    <t>The amount of reporting is sufficient but the quality is meaningless. Teachers cut and paste, use very general comments, and are often have errors (as in refer to the wrong child).</t>
  </si>
  <si>
    <t xml:space="preserve">We need clear understanding of which skills are equated with each proficiency. </t>
  </si>
  <si>
    <t>Just stick to the percentages.</t>
  </si>
  <si>
    <t>The kids HATE it. They are being asked to Self-assessing themselves so frequently that it becomes meaningless.</t>
  </si>
  <si>
    <t>Students already feel overwhelmed. Also, in many ways one's goals are personal. For some kids, their main goal is to just get to get through the day.</t>
  </si>
  <si>
    <t>This is too vague and open to interpretation.</t>
  </si>
  <si>
    <t>Who's going to monitor/evaluate students doing this?</t>
  </si>
  <si>
    <t xml:space="preserve">The reports dont actually tell me how my child is doing or where he needs support. It doesn't really prepare them for post secondary. </t>
  </si>
  <si>
    <t xml:space="preserve">Post secondary evaluates using this system. There is quantifiable data to show where and what we exceed in or need help with. </t>
  </si>
  <si>
    <t>This may be good K-7, but grade 10 is already a struggle for many students as it is the first year they are no longer socially promoted. This just adds to the transition between grades.  This transition also leads to people failing.  Also parents are used to the system and its universal,easy to unde</t>
  </si>
  <si>
    <t xml:space="preserve">Makes sense, Universal, easy to communicate system. </t>
  </si>
  <si>
    <t xml:space="preserve">Makes things more convoluted. Parents just want easy to understand update.  This would be to long and would lead to people not reading report cards. </t>
  </si>
  <si>
    <t xml:space="preserve">This is already done. It is the IEP system.  Why reinvent the wheel. </t>
  </si>
  <si>
    <t xml:space="preserve">This seems like a reasonable amount of reporting for teachers and keeps me informed as a parent. </t>
  </si>
  <si>
    <t>Our teachers have done a great job explaining the scale to us but friends of mine definitely don’t understand the scale!</t>
  </si>
  <si>
    <t>I think high school students need to continue with percentages as this is what post secondary uses. I know many kids in high school are motivated by letter grades.</t>
  </si>
  <si>
    <t>Is there research to support this actually improves student engagement and growth?</t>
  </si>
  <si>
    <t>Haven’t seen this before; would be curious how it worked. Is this more work for parents?</t>
  </si>
  <si>
    <t>Wish there would be fewer.</t>
  </si>
  <si>
    <t>We need this for university entrance.</t>
  </si>
  <si>
    <t>Student voice is represented.</t>
  </si>
  <si>
    <t>Too many reporting periods are an increased workload for teachers with little to no added benefit for students and parents.</t>
  </si>
  <si>
    <t>This is what we have been doin already. I am used to this frequency of reporting.</t>
  </si>
  <si>
    <t>This is different words for the same things, with more written comments. So more work on my own time.</t>
  </si>
  <si>
    <t xml:space="preserve"> I don't teach that grade level.</t>
  </si>
  <si>
    <t>What does that look like in the lower grades?</t>
  </si>
  <si>
    <t>I already do this.</t>
  </si>
  <si>
    <t>I would breakdown language arts into reading, writing and oral language . So each area could be reported on separately.</t>
  </si>
  <si>
    <t xml:space="preserve">This new version of reporting is the same as the old for me, just with more writing/comments needed. It would be more helpful the be able to comment on language art skills separately as many students excel in one area and struggle in another. </t>
  </si>
  <si>
    <t xml:space="preserve">I'm still getting used to it. </t>
  </si>
  <si>
    <t xml:space="preserve">I like the idea of a sliding scale, but I think the words are confusing and parents don't understand or appreciate this change. </t>
  </si>
  <si>
    <t xml:space="preserve">It doesn't seem that there is an alternative. </t>
  </si>
  <si>
    <t>I think it's going well.</t>
  </si>
  <si>
    <t>It seems like a lot. We should get 2 days in the year where we can set up parent/teacher interviews to connect with all our parents. This is all just paperwork, some parents don't read or even see the things that are sent home. We need some genuine time together.</t>
  </si>
  <si>
    <t xml:space="preserve">This system should not e utilized beyond grade 4.  My daughter did not enjoy this reporting scare and it provided very little insight to her or us parents on how much she was understanding the material.  It was a disincentive to strive harder and did not prepare her for when actual grades start </t>
  </si>
  <si>
    <t>This provides a good indication of how much the student is understanding the material and prepares them for post secondary where marks count for a great deal.</t>
  </si>
  <si>
    <t>Strongly oppose the proficiency scale.  It is ineffective in reporting actual comprehension and does not prepare students for the real world abs post secondary.</t>
  </si>
  <si>
    <t xml:space="preserve">There could be some value to this, but could just become a meaningless excercise.  </t>
  </si>
  <si>
    <t>Again, May have some value but also could be a meaningless excercise if just rushed through and not vetted thoroughly.  Also coukd take away from actual learning time.</t>
  </si>
  <si>
    <t>The proficiency scale should not be used at all for grades 4 abs up.  It is meaningless and does not help students apart from those who are aiming for the lowest possible learning outcomes.</t>
  </si>
  <si>
    <t xml:space="preserve">I would really like to I see a percentage towards my child's grades! letter grades i feel are more effective &amp; my child has expressed it gives her something to strive for..a goal! where as the proficiency scale is motivating </t>
  </si>
  <si>
    <t>wish this would be exclusive to grades 8-12</t>
  </si>
  <si>
    <t xml:space="preserve">definitely not! I feel the scale is not being honest for are children and not properly prepare them for post secondary &amp; real life!! </t>
  </si>
  <si>
    <t>being mind full of growth is important &amp; knowing how to improve is very important! as an adult i try to find areas to improve, so this may help later in life!</t>
  </si>
  <si>
    <t xml:space="preserve">very important to teach children to set goals! will be helpful in the future </t>
  </si>
  <si>
    <t xml:space="preserve">I'm thinking people with disabilities will have sufficient goals for their level of development </t>
  </si>
  <si>
    <t>I would choose NO proficiency scale for any 8-12</t>
  </si>
  <si>
    <t xml:space="preserve">strongly disagree with the proficiency scale for 8-12!! </t>
  </si>
  <si>
    <t xml:space="preserve">Need reports to ensure kids are on track. If kids falling off track the reports will help alter parents. </t>
  </si>
  <si>
    <t xml:space="preserve">The descriptors used are fluffy and meaning less. They do to translate to real world. It also does not reward children who work hard and take pride in their learning and work. It pushes everyone to mediocrity and to just get by. </t>
  </si>
  <si>
    <t>University need to be able to select the children who are most likely to succeed in the programs. If a child does not have the aptitude in a certain area they will not succeed in it at university. There is no point in allowing everyone to do everything as some people are good at somethings and no so</t>
  </si>
  <si>
    <t>Percentage and grades are enough</t>
  </si>
  <si>
    <t>This is subjective and does not reflect on children’s skills. Self awareness develop with age. Different personalities will reflect different upon themselves. There is also cultural, socioeconomic and religious reasons people may express their self reflection. I think this process could be harmful</t>
  </si>
  <si>
    <t>While self directed learning is important as a life skill children need direction and leadership</t>
  </si>
  <si>
    <t xml:space="preserve">I agree with this as long as the whole spectrum including gifted children are taken into consideration not just teaching to the lowest common denominator. Funding needs to be in place to support all kids. </t>
  </si>
  <si>
    <t>I think precetages and grade should be used 8-12 not just 10-12</t>
  </si>
  <si>
    <t>I would be satisfied if ALL high school teachers actually provided this type of timely feedback &amp; offered more than ONE session of conferences; instead, I have received NO feedback from several (although not all) of my high-school childrens' teachers, &amp; there is only ONE 4 hour session available.</t>
  </si>
  <si>
    <t>This is a great scale and can be apowerful tool - if ALL teachers are taught to use it properly.</t>
  </si>
  <si>
    <t>Implementation</t>
  </si>
  <si>
    <t>As above - consistency across all schools, all districts, all teachers; train them properly and ensure high schools are held to the same standards as elementary schools.</t>
  </si>
  <si>
    <t>1 interim and 2 written gives more than enough info. 3 reports is repetitive and the first will need to be done too early. Teachers are constantly in contact with families. Nothing in a report card should be a surprise</t>
  </si>
  <si>
    <t>Satisfied would be a better word to explain satisfaction.  The work Proficient needs a change, too.</t>
  </si>
  <si>
    <t>Language on competencies is well above the understanding of most elementary students. Many parents don't read.</t>
  </si>
  <si>
    <t xml:space="preserve">Another make work project. Teacher do tbese things. Let them do it in a way that makes the most sense for their community. </t>
  </si>
  <si>
    <t>Would rather the proper supports were in place for diverse learners! We are failing the students and staff is burning out.</t>
  </si>
  <si>
    <t>All of it.</t>
  </si>
  <si>
    <t>Stop wasting money to fix what isn't broken. Fund supports for students.</t>
  </si>
  <si>
    <t xml:space="preserve">Reporting is already too frequent. 2 reports are "required" to be written, but in practice it is 5 + PT conferences (2 interims, 3 report cards). This year is 2 formal report cards but the "informal" reports have been formalized by boards. </t>
  </si>
  <si>
    <t xml:space="preserve">I like standards based grading but it is not fully supported. Students are shuffled along even if they do not meet standards and teachers are not supported even when evidence is given. </t>
  </si>
  <si>
    <t xml:space="preserve">I would prefer SBG for upper levels too, though I recognize the issues with Post Secondary. It would be nice to  reduce grade inflation by relying on (well supported) standards. </t>
  </si>
  <si>
    <t xml:space="preserve">I already do this and it is the height of ridiculousness to convert to a percentage. </t>
  </si>
  <si>
    <t xml:space="preserve">This is currently busy-work as it is not really tied to anything. Self-assessment within courses is great. Having them all sit down during first period to fill in a form they'll never look at again is not. </t>
  </si>
  <si>
    <t>I'm happy to have students set goals, but who is assessing these? All their teachers? Are you adding this to the already massive assessment work load? How is this measurable? Am I marking Ministry assigned projects now in addition to what I already teach?</t>
  </si>
  <si>
    <t xml:space="preserve">This is incredibly vague. What does this mean? We already assess students on an individual basis, but there are certain learning outcomes that are standard across grade levels. Please remember that Secondary teachers have 200+ students at a time. </t>
  </si>
  <si>
    <t xml:space="preserve">If you want extreme detail you cannot also have frequency. Pick one. Otherwise you will see an increase in teacher burnout. </t>
  </si>
  <si>
    <t xml:space="preserve">Too frequent. Teachers should spend more time TEACHING and not writing reports. 5 a school year would be once every 2 months. </t>
  </si>
  <si>
    <t xml:space="preserve">There are only 4 options to choose from. Students work cannot be categorized in just 4 options. </t>
  </si>
  <si>
    <t>Letter grades and percentages are a good representation of marks</t>
  </si>
  <si>
    <t>Universities require %.</t>
  </si>
  <si>
    <t xml:space="preserve">How can you grade someone on their ability to work with a friend, or how well they can self regulate?? </t>
  </si>
  <si>
    <t>five reporting events is unrealistic and an unreasonable amount of work for teachers. For high school teachers in a linear system that would mean reporting for over 200 students 5 times a year. In a semester system this translates to a report every month!</t>
  </si>
  <si>
    <t>the proficiency scale results in extremely vague reporting. Obviously this kind of reporting would require additional anecdotal comments.</t>
  </si>
  <si>
    <t>Students and parents want to see a percentage. This is often a more accurate reflection of how the student is progressing in the course.</t>
  </si>
  <si>
    <t>I think you will see a lot of push back from parents and students if this was to be implemented. Post Secondary institutions look at percentages, not proficiency scales.</t>
  </si>
  <si>
    <t>In theory this is a valuable exercise. Students should be aware of their learning, however it takes time to develop this metacognitive awareness.</t>
  </si>
  <si>
    <t>Provided that this is not downloaded onto classroom teachers, this is worthwhile.</t>
  </si>
  <si>
    <t>Frequency is not manageable in the high school setting.</t>
  </si>
  <si>
    <t>Poorly written. State what all of the 5 reports consist of. 
Should be written as:
- 3 written reports in total
- 2 mid-course written reports
- 1 year end/course end summary report
The other 2 reports are not stated here. Should not be a secret of what these other 2 reports are</t>
  </si>
  <si>
    <t xml:space="preserve">Not appropriate for grade 8/9 in a high school. Does not motivate students to work hard or to their potential. They look at it as a joke. “Emerging… it’s not a fail… so i don’t have to try any harder”.
All grade levels. Parents &amp; students do not like it. Too wordy. Parents can’t decipher it. </t>
  </si>
  <si>
    <t xml:space="preserve">Easy to understand. No reading between the lines. Parents are busy &amp; don’t want to spend time trying to decipher wordy assessments. This system motivates students to improve their performance. </t>
  </si>
  <si>
    <t>Parents do not know how to read these wordy assessment systems. I am a teacher &amp; had to read my sons report card 2-3 times to figure out what it was saying. Other parents contacting me so I can help them decipher their kids report cards. Get to the point. Ppl don’t have time to try decipher long rep</t>
  </si>
  <si>
    <t xml:space="preserve">Too much curriculum to cover. Too time consuming to teach kids what this all means. They don’t understand it. Would take hours &amp; hours to really teach it enough for them to understand. </t>
  </si>
  <si>
    <t xml:space="preserve">What class is teaching this? Ridiculous! This will not happen unless it is included into the curriculum of 1 class. Again, too time consuming when too much curriculum to cover. </t>
  </si>
  <si>
    <t xml:space="preserve">Not even a clue what this means. What practices are not inclusive??? Sounds like someone is trying to say that someone is not being inclusive which is not true at all. </t>
  </si>
  <si>
    <t xml:space="preserve">All. Linear should be 5 reports, semester should be 4. Prof scale for grade 8-12 is a joke. Goal setting g needs to be placed in curriculum of one course. Diversity &amp; inclusion already exist. Someone is trying to create a problem where there is none. </t>
  </si>
  <si>
    <t>No time to add all of this in. If you want to do something useful instead of wasting everyone’s time with this, do something that matters. Ban phones from Schools so kids can relax &amp; learn instead of spending 5 hrs/day staring at a phone. Hire more couselors so all kids talk to them several times/yr</t>
  </si>
  <si>
    <t>The time between reports is adequate and keeps me updated</t>
  </si>
  <si>
    <t>I much prefer to have letter grades and/or percentages. The words are useless and have actually made children less motivated to perform well. This is a disaster. Parents hate it - teachers hate it. I'm not sure who came up with this idea but it needs to stop.</t>
  </si>
  <si>
    <t xml:space="preserve">Same as above. Children are more motivated by letter grades and percentages. </t>
  </si>
  <si>
    <t>This is a disaster. Parents hate it - teachers hate it. I'm not sure who came up with this idea but it needs to stop.</t>
  </si>
  <si>
    <t>i can ask my child how he is doing. I'm not sure why we need to make this part of the assessment practice.</t>
  </si>
  <si>
    <t xml:space="preserve">This idea sounds good but in reality it will be a form that is filled out every so often. </t>
  </si>
  <si>
    <t>It is a disaster ---please end now and allow our students to get back to normal practice</t>
  </si>
  <si>
    <t xml:space="preserve">I prefer our current method of reporting with 3 written report cards and 2 face to face meetings. These are very valuable </t>
  </si>
  <si>
    <t>This is a horrible idea!! Many parents don’t have enough English to understand the proposed language but they know letter grades. Letter grades are universal and are understood globally. Letter grades need to be kept!</t>
  </si>
  <si>
    <t>Good luck getting into a university or college without letter grades! Many students apply out of province and out of country for post secondary and this would hinder their acceptance greatly.</t>
  </si>
  <si>
    <t xml:space="preserve">Parents, from my experience and conversations, don’t even look at this, let alone read it. It’s pointless </t>
  </si>
  <si>
    <t>Students are involved at goal setting by February conferences. It is a teacher’s job to identify what the student needs to work on especially in grades K-7. Creating 29 IEPs in unattainable for any teacher and impossible to teach to.</t>
  </si>
  <si>
    <t xml:space="preserve">We are already doing this! </t>
  </si>
  <si>
    <t>As stated above: not useful, goes from a 5 point scale to a 4, not helpful at all to parents in understanding where their child is at, difficult for English Language learners, not good for post-secondary applications, not at all concrete!!</t>
  </si>
  <si>
    <t>Having the ‘four-point scale’ is reasonable up until maybe grade 5. After that point it doesn’t define specific areas well enough. Why change the letter grade system? It helps students and parents fully understand where they stand with their learning..</t>
  </si>
  <si>
    <t>Keep letter grades, yes.</t>
  </si>
  <si>
    <t>Sounds redundant.</t>
  </si>
  <si>
    <t>Self assessing is a decent idea, but I feel it may have drawbacks as well. It would not help those who have anxiety to have to dwell on how they’re doing educationally.</t>
  </si>
  <si>
    <t>It’s good to have goals, but if these goals are enforced by the education system then I won’t be down for that.</t>
  </si>
  <si>
    <t>Inclusion is good.</t>
  </si>
  <si>
    <t>Keep the letter grades for grades 5 and up. Don’t keep making things easier and easier for them to coast through high school.</t>
  </si>
  <si>
    <t xml:space="preserve">I find it understandable </t>
  </si>
  <si>
    <t xml:space="preserve">It doesn't transition into % and letter grade required of gr 10-12 and give student in grade 8+9 a realistic picture of grades need in upcoming years. Fine for elementary as it's within one set of grades. High school transition with different grading. </t>
  </si>
  <si>
    <t>Either one way or the other. Not both in secondary school.  College required is probably better</t>
  </si>
  <si>
    <t xml:space="preserve">Do what college requirement  is. </t>
  </si>
  <si>
    <t>To my experience the kid thinks and knows what's needed. But it's the follow thru that counts. Perhaps some accountability is built  tho</t>
  </si>
  <si>
    <t xml:space="preserve">Some sort of direction established. But Alterations and adjustments to goals can be made! As with life. </t>
  </si>
  <si>
    <t xml:space="preserve">Built for individuals not Masses. </t>
  </si>
  <si>
    <t xml:space="preserve">Diversity is good. Covers high and lower achievers. </t>
  </si>
  <si>
    <t>Another change while still in a health crisis, kids are dysregulated, and will cause more work therefore stress for teachers. Not needed at this time as we're under enough stress and pressure. Ministry employees who propose these changes should spend a few days in a classroom to understand.</t>
  </si>
  <si>
    <t>I agree with this as marks are not conducive for student learning.</t>
  </si>
  <si>
    <t>I would prefer no letter grades in any grade as this can be detrimental but I understand the need as post secondary institutions at this point. Letter grades only cause stress and anxiety for many students.</t>
  </si>
  <si>
    <t xml:space="preserve">As stated before, letter grades cause unnecessary stress for teenagers that can carry over into adulthood. </t>
  </si>
  <si>
    <t>Students need to be engaged in their learning and self-reflection is a life long skill.</t>
  </si>
  <si>
    <t>Again this is crucial in students self-reflection but some students may need guidance in this as it may be unfamiliar to them.</t>
  </si>
  <si>
    <t>Of course everyone needs to be included.</t>
  </si>
  <si>
    <t>Again, putting too much extra work on educators. We are already at our maximum ability. With continued workload demand, I fear many teachers will leave the profession and we'll have less teachers pursuing this career. Teachers in BC don't get paid enough to continually have this added pressure.</t>
  </si>
  <si>
    <t>A: the selection of choices is soooo poorly worded. Almost all are about being satisfied?? and cutting off the amount of writing isn't cool. Teachers could write you an essay on this
B: Secondary teachers in a semester system are already over reporting</t>
  </si>
  <si>
    <t>Love the scale, don't like that emerging is both for students below and potentially above grade level. Many teachers will need training on the idea that Extending doesn't mean gifted in secondary. WHY are we still teaching to the test of FSAs??? You promised, Horgan....</t>
  </si>
  <si>
    <t xml:space="preserve">So we're going to pretend that this is all about individualized learning and personal growth, but then screech that to a halt when 0.5% can determine a letter grade will matter for universities? I was at the Superintendents conference where universities promised to do better. Did that get tossed? </t>
  </si>
  <si>
    <t xml:space="preserve">My Ed is a terrible platform for teachers, administrators and parents to try to see a variety of ways information is reported. There is no more or less continuity across the years with a scale vs grades. and it stops in gr 10 </t>
  </si>
  <si>
    <t>In theory, great. Secondary teachers are going to monitor this in every block for 210 students? no
Elementary already does this. Total nightmare for primary teachers of students who can't write</t>
  </si>
  <si>
    <t>Once again an issue for Secondary with 210 students. Will it be meaningful? no. Who's paying for the scribes in primary?</t>
  </si>
  <si>
    <t>Because it's a false promise. This reporting policy won't help. This govt doesn't fund education to support struggling learners. Inclusion without supports just creates trauma for everyone. It's actually abusive. Shame on you</t>
  </si>
  <si>
    <t>If you're not going to go all the way it's a bunch of BS. All this written description will be a nightmare for secondary. New policy not that different from what we're already doing at elementary. none of this works without TIME for teachers. the amount of consultation necessary with others is cruci</t>
  </si>
  <si>
    <t xml:space="preserve">I prefer the way it is </t>
  </si>
  <si>
    <t xml:space="preserve">Consistency </t>
  </si>
  <si>
    <t xml:space="preserve">Goals are important </t>
  </si>
  <si>
    <t xml:space="preserve">Teachers have overflowing plates with more and more put on them. </t>
  </si>
  <si>
    <t>Written reports take a lot of time. I think 2 written reports is more reasonable. 
I think too many written reports takes teacher energy away from teaching.</t>
  </si>
  <si>
    <t xml:space="preserve">Scale plus written comment seems comprehensive
</t>
  </si>
  <si>
    <t xml:space="preserve">I think universities will adjust to best practice. don't do something because the universities prefer it. do it because it is best practice
</t>
  </si>
  <si>
    <t xml:space="preserve">there needs to be more self assessment practice
</t>
  </si>
  <si>
    <t xml:space="preserve">How would this look in primary?
</t>
  </si>
  <si>
    <t>too much written reporting takes time and energy away from teaching</t>
  </si>
  <si>
    <t xml:space="preserve">We need the sliding scale. </t>
  </si>
  <si>
    <t>And proficiently scale needs to be sliding</t>
  </si>
  <si>
    <t xml:space="preserve">I don't think that kids will take this seriously at a middle school level and that we will see less effort and engagement with class work. </t>
  </si>
  <si>
    <t xml:space="preserve">Students in the middle school grades and lower really struggle to set meaningful goals and to reflect deeply on their learning. </t>
  </si>
  <si>
    <t>Currently getting this, find it valuable. Teacher’s description of student progress has been in depth</t>
  </si>
  <si>
    <t>Had this myself as a student. No concerns</t>
  </si>
  <si>
    <t xml:space="preserve">Have seen benefits from this in the child who has been doing this with respect to self reflection </t>
  </si>
  <si>
    <t xml:space="preserve">Can see benefit here, provided this activity doesn’t creat anxiety in the student </t>
  </si>
  <si>
    <t>I would like to see it starting in lower grades, starting in grade 9 to allow the children to understand where they sit before the grades become post-secondary requirements.</t>
  </si>
  <si>
    <t>this is great as it allows the older students to know where they stand and what they are missing/need to work on</t>
  </si>
  <si>
    <t xml:space="preserve">There is no maximum given! Would leave it open for districts to ask for more than five. </t>
  </si>
  <si>
    <t>I have been using this scale already and feel comfortable with it and feel like it is understandable for parents.</t>
  </si>
  <si>
    <t>These self-assessments are not particularly meaningful in young children. In early primary, it is very tricky to make it meaningful and thoughtful.</t>
  </si>
  <si>
    <t>There is always more added to our plate. We already spend so much time in early primary assessing where students are at and helping them to move forward as learners. This adds ways more to the plate in terms of sitting down with kids to get these goals.</t>
  </si>
  <si>
    <t>I believe this should be the case, but the ministry needs to provide the format/documents that should be used for students with IEPs. In the past, this has been very unclear.</t>
  </si>
  <si>
    <t>There is not enough time to cover the curriculum as it is...</t>
  </si>
  <si>
    <t>Unless you are prepared to offer time off from teaching classes to complete these report cards, how is a high-school teacher working four of four blocks going to find the time to complete five report cards of which two must be written reports?  If you want these changes, you MUST fund them.</t>
  </si>
  <si>
    <t>these tell you nothing; can the student do the required work or not? This airy-fairy lingo may sound great, but it tells you nothing.</t>
  </si>
  <si>
    <t>Cannot have grade 9s separate from the high-school plans.  Schools are often grades 9-12 so having different conditions for grade 9 from the other grades is a major mistake.</t>
  </si>
  <si>
    <t>The proficiency scale tells you nothing; it should NOT be used at all!</t>
  </si>
  <si>
    <t>I think I deserve an "A" in this course.
But you have not attended class and not submitted any work.
That's OK, I think I deserve an "A."
Oh, OK, you get an "A."
Self-evaluation is an unrealistic concept and one which students are not capable of doing accurately</t>
  </si>
  <si>
    <t>All sounds good in theory, but it is NOT realistic in practical use for the vast majority of students.</t>
  </si>
  <si>
    <t>How is that supposed to work?  How is that idea implemented?  Are you saying that is not the case now?</t>
  </si>
  <si>
    <t>Why do you limit this question to one response?  You have skewed the question not to allow for truth where people could say they dislike multiple options.</t>
  </si>
  <si>
    <t>If it’s not different, why are you changing it? This seems like a bad time to be making changes when most kids and staff are just trying to get through each day.</t>
  </si>
  <si>
    <t>Having used this scale in elementary, i did not think this was really useful. Kids / parents still translated into letter grades in their heads…</t>
  </si>
  <si>
    <t xml:space="preserve">I think it’s odd to have half of the secondary school graded one way, and the other half graded another way. This seems confusing. Why? </t>
  </si>
  <si>
    <t xml:space="preserve">This seems clunky. Kids in 10-12 will have two sets of grades? </t>
  </si>
  <si>
    <t>I’ve never found these very useful.</t>
  </si>
  <si>
    <t>Are the grading systems currently excluding those with disabilities? I am definitely in favour of inclusion.</t>
  </si>
  <si>
    <t xml:space="preserve">This seems really like a lot of work, and many components / different and multiple ways of reporting. </t>
  </si>
  <si>
    <t xml:space="preserve"> It’s good interaction with the teachers, If the kids are falling behind there are numerous opportunities to discuss and intervene. </t>
  </si>
  <si>
    <t>Every teacher has a different standard of the scale my kids were both failing and struggling yet scale made it appear they were fine.   I think it’s a total failure to move away from marks.</t>
  </si>
  <si>
    <t xml:space="preserve">We need to know our kids grades in order to help them,  it’s a guideline. It’s how we rate our ability at doing something well or requiring help. </t>
  </si>
  <si>
    <t xml:space="preserve">Doesn’t  give an accurate account,  it’s subjective and lazy grading </t>
  </si>
  <si>
    <t xml:space="preserve">My kids almost always feel they are doing better than they actually are.  It’s great they’re confidant but reality is if failing require actual help. Not just a good job </t>
  </si>
  <si>
    <t xml:space="preserve">They have cut so much funding for Actual learning and lst teachers etc.   So much money is spent on so many other programs and so many kids are falling through the cracks on the fundamentals.
Can’t write a basic story, spelling atrocious, math skills so poor.  It’s dismal </t>
  </si>
  <si>
    <t xml:space="preserve">Letter grades all the way through!  Better system to test and give the necessary help to those that need it </t>
  </si>
  <si>
    <t>child just entered school</t>
  </si>
  <si>
    <t>like the idea of it, but haven't had the opportunity to interpret reports</t>
  </si>
  <si>
    <t xml:space="preserve">I believe this is important. </t>
  </si>
  <si>
    <t>Five is a meaningful amount without being overwhelming. It gives time for students to make progress between reporting periods.</t>
  </si>
  <si>
    <t>The four points is a clear range to indicate how students are doing.</t>
  </si>
  <si>
    <t>This is very difficult for primary students to do.</t>
  </si>
  <si>
    <t>Again, primary students have a difficult time making accurate and relevant goals.</t>
  </si>
  <si>
    <t>I think a max should be outlined so that districts don’t push for 15 reporting periods, or something else way above.</t>
  </si>
  <si>
    <t>Teachers are overwhelmed, overworked, and exhausted. No one I know is doing well. We have to make sure that we aren’t putting a gigantic expectation on teachers with regards to assessment. Or anything, really.</t>
  </si>
  <si>
    <t>I was very much hoping that this new reporting order was going to be different. It doesn't really look any different from what we do now. I also feel that the forced student self-assessments will be just that - forced and not authentic.</t>
  </si>
  <si>
    <t xml:space="preserve">Glad to see Grades 8 and 9 moving away from letter grades. </t>
  </si>
  <si>
    <t>I would prefer not to use percentages here either.</t>
  </si>
  <si>
    <t>This just looks like more work for Grade 10 to 12 teachers.</t>
  </si>
  <si>
    <t xml:space="preserve">This could work well and it could be a total failure, depending on the district, the age of the students and the teachers. </t>
  </si>
  <si>
    <t>I am not against the theory of this but it's going to be a lot more work for teachers, especially with young students.</t>
  </si>
  <si>
    <t>I'm pretty sure I already do this.</t>
  </si>
  <si>
    <t>This is really not a change.</t>
  </si>
  <si>
    <t>Just seems like enough feedback</t>
  </si>
  <si>
    <t>To be honest, I have had 2 children graduate before this and was very involved in their grades and helping them improve when they were down.  With this new system, I never really know how my child is doing, stopped reading the report cards and feel it is a show up and move on system.</t>
  </si>
  <si>
    <t>Provides a clear indication of where your child stands.</t>
  </si>
  <si>
    <t>Do not like the proficiency scale at all</t>
  </si>
  <si>
    <t xml:space="preserve">It does not correspond with grade 10-12 reporting. </t>
  </si>
  <si>
    <t xml:space="preserve">Letter grades and percentages are what are used in post-secondary institutes; therefore, they should be consistent. </t>
  </si>
  <si>
    <t>Students are encouraged to self-assess as part of their learning growth, but it does not need to be mandatory to be included in student reporting as the teacher can make the decision based on their observations of the students' learning progress.</t>
  </si>
  <si>
    <t>Increased work load!  5 reporting periods are consistent with the current expectations but what is being ask of us is increased in this plan.</t>
  </si>
  <si>
    <t>Some of the students with diverse needs do not really fit on the scale.  If the child is working at the equivalence of a 1 to 2 year old range, they may not actually be emerging on a skill item.</t>
  </si>
  <si>
    <t>I do not teach this age group and I am not a parent of this age group.</t>
  </si>
  <si>
    <t>In Kindergarten the students are still learning about school.  There is so much learning that needs to come into place before appropriate self assessment and the setting of goals can happen.  They are not ready for this until much later in the year.</t>
  </si>
  <si>
    <t>See above!</t>
  </si>
  <si>
    <t xml:space="preserve">Are we doing away with IEP's?  How does that support children of diverse needs who may be functioning way below their peers?  </t>
  </si>
  <si>
    <t>I do not mind the 5 reporting periods - I am worried about the increased expectations of those reports (covering all subject areas every time, making it meaningful for the students of extremely diverse needs, including a self-assessment and goal-setting expectations in all the reporting periods)</t>
  </si>
  <si>
    <t>While this is described as the same number of reporting periods as is currently required, we are now required to use a semestered school year rather than our previous linear (and COVID-induced quarter) system.  This in effect doubles our frequency of reporting.</t>
  </si>
  <si>
    <t>I currently use the four-point scale for my 8s and 9s, which simply blunts the precision of evaluation.  Descriptive feedback does little to inform over what had been required in past with comments and a grade.  Parents and students want to know a mark and care little about the words describing it.</t>
  </si>
  <si>
    <t>Although percentages and letter grades are subject to teacher bias, they are better than the alternative of reducing the precision of evaluation as we have done for grade 8s and 9s.</t>
  </si>
  <si>
    <t>"... in addition to..."  More is being required?  This is insulting.  What will be allowed to give up in order to accomplish this additional requirement?  Is it to be another four-point scale?  If so, for what purpose?  Is it more precise?  If so, what benefit is it to letter grades and percentages?</t>
  </si>
  <si>
    <t>Some students do this well; others do this very poorly.  The ones who do not are the ones who need it most.  How meaningful would this be to student evaluation?</t>
  </si>
  <si>
    <t>Great in theory, challenging in practice.  This objective looks like an IEP.    We have specialists in our school who spend the first three months of the school year writing these for 25 students!  How do we provide this to the masses?  How can I do this for the 270 students I teach in a year?</t>
  </si>
  <si>
    <t xml:space="preserve">There is no ONE ASPECT.  All the proposals are poorly conceived. </t>
  </si>
  <si>
    <t>Reasons stated above.  Far too much has been asked of teachers already; more is being asked.  Something needs to give because the current expectations of the profession are not sustainable.  And you are requiring more of us.  There is little wonder as to why it is hard to find and retain good staff.</t>
  </si>
  <si>
    <t>I really prefer to hear about reading, writing and math. How they excel in other subjects really incorporate reading and writing. I think science and socials are great avenues to learn content but either they remember it or not.
 be a “check” beside the information / content for those areas,</t>
  </si>
  <si>
    <t>I think this is better than letter gradss</t>
  </si>
  <si>
    <t>This would be appropriate for grade 10-12</t>
  </si>
  <si>
    <t xml:space="preserve">I feel this part isn’t useful. What comes home isn’t reflective of their growth </t>
  </si>
  <si>
    <t>Goal setting in their everyday life too- not only at school .</t>
  </si>
  <si>
    <t xml:space="preserve">I think 
“Check in”s with the teacher throughout the year and then one report at the end of the year </t>
  </si>
  <si>
    <t>I believe kindergarten should be treated differently and not have as much assessment as other grades.
It should be a year of exposure and adjustment.
PLUS, they are only 4 or 5 years old!
Self assessment exposure so they can practice and learn, great, but the same # of categories as the grade 7?</t>
  </si>
  <si>
    <t>Kids need exposure to letter grades BEFORE they hit high school.</t>
  </si>
  <si>
    <t>NO MORE additions!!!
You just can’t keep adding and adding.
More assessment= less and less teaching</t>
  </si>
  <si>
    <t>K students are learning English, how to put on their jacket and open their lunch independently, and how to line up.  It should be massively simplified to be genuine in k</t>
  </si>
  <si>
    <t>Same as last question</t>
  </si>
  <si>
    <t>What about ELL learners?
They don’t have enough language and comprehension for all of this</t>
  </si>
  <si>
    <t>Too hard for ELL AND 4 and 5 year olds</t>
  </si>
  <si>
    <t>Written summary at the end of the school year. This would require about 1 hour per student multiplied by the number of students.</t>
  </si>
  <si>
    <t>Students need letter grades so they, are their parents, understand where the child's development is at.</t>
  </si>
  <si>
    <t>Students laugh and say they are always mindful.</t>
  </si>
  <si>
    <t>Most adults are not capable of setting goals, and now we expect children to be able to set them? A hubris goal.</t>
  </si>
  <si>
    <t>The language for 10-12 seems to suggest that each subject requires these 5 reporting periods. For semester system schools this would require a minimum of 10 report cards each year. Teachers are already overworked and exhausted. This is way too much to put on them, as well as not allowing enough time</t>
  </si>
  <si>
    <t>For students seeking scholarships or post secondary admission, having specific letter grades is important.</t>
  </si>
  <si>
    <t>The language of the proficiency scale can be very helpful to describe student progress, but can also be confusing to relate back to letter grades. Giving a percentage range for each section of the scale may be helpful.</t>
  </si>
  <si>
    <t xml:space="preserve">I think it is important for students to self assess, but the logistics of including that in the report cards are concerning. Would teachers be required to retype all student self assessments, or would MyEd be modified to allow students to attach or contribute on their own? </t>
  </si>
  <si>
    <t>As above, student assessment is important, but needs to be done by the students, not the teachers. Teacher workload is already overwhelming and there is not enough time in the school day to complete everything needed, let alone to do it well.</t>
  </si>
  <si>
    <t>Students need options on how best to express their learning, but it is important to understand that in some situations certain assessment forms given with support will be required. A student intending to be a doctor would not be able to do an interpretive dance for their MCAT.</t>
  </si>
  <si>
    <t>Teacher workload</t>
  </si>
  <si>
    <t>The proposed changes are not bad in themself, but it needs to be very clear how teachers will be given the needed time to complete the requirements, and how student self assessment will not become teacher responsibility.</t>
  </si>
  <si>
    <t>I am happy to get their regular report cards. email or call if there is something that needs attention before then</t>
  </si>
  <si>
    <t>for grade 6 to 12 i would much rather see letter grades. give everyone a better idea where they stand</t>
  </si>
  <si>
    <t>yes I like letter grades</t>
  </si>
  <si>
    <t>no! keep letter grades</t>
  </si>
  <si>
    <t>It works in a linear system, but not so much in a semester system. There shouldn't be a blanket number of reporting periods when there are different learning periods</t>
  </si>
  <si>
    <t>Students should be able to fail before grade 10</t>
  </si>
  <si>
    <t>Doesn't always accurately reflect the students' understanding</t>
  </si>
  <si>
    <t>Increasing the workload for teachers without providing increasing value to students and parents makes no sense.</t>
  </si>
  <si>
    <t>Increasing self-awareness and reflective thinking in children is important for making more responsible adults</t>
  </si>
  <si>
    <t>As long as the workload is not increased on teachers to do this</t>
  </si>
  <si>
    <t>Are we not doing that already?</t>
  </si>
  <si>
    <t>Again, increasing the workload on teachers without providing increased benefits to students or teaching</t>
  </si>
  <si>
    <t>Creating elementary style reporting at the high school level with 3-4 blocks/30 students per block requires a great amount of time. Time must be provide for report writing if this is the expectation with the new assessment.</t>
  </si>
  <si>
    <t>This would be better than simply at the end of the year, especially when on a semester system.</t>
  </si>
  <si>
    <t>As long as this is teacher directed and student driven.</t>
  </si>
  <si>
    <t>Writing that many reports at the high school level requires a significant amount of time which is not available in our current schedule. If this is to be required then time must be given in order to do so.</t>
  </si>
  <si>
    <t xml:space="preserve">Does not help us with 10 - 12,   and parent will continue to ask  "what percent it that".   Also, parents and kids do not understand the words .  It is really frustrating for everyone.   The kids are frustrated.      It slots them into a huge category  that they feel stuck in. </t>
  </si>
  <si>
    <t xml:space="preserve">Helps kids make concrete plans for improvement, as they can slowly reach higher .  "Im aiming for in the 70% now, working my way up".  Not  "I am just proficient and so I'll just stay here."
</t>
  </si>
  <si>
    <t>Together these work well</t>
  </si>
  <si>
    <t xml:space="preserve">This becomes a hoop jumping exercise at high school when it has to be collected and recorded.   Left as an ongoing discussion in class,  it is meaningful and student s can honestly reflect.  The minute it is written down and collected they see it as a hoop to jump through to make admin happy.   </t>
  </si>
  <si>
    <t>We already do this to the point of being at max capacity.     More documentation demands takes time away from us actually doing it.</t>
  </si>
  <si>
    <t>How does this work in a semester system? 
The amount of formal reporting is excessive</t>
  </si>
  <si>
    <t>Only concern is standardizing how this information is collected and included in the reports. This seems like it could easily fall on teachers and add a lot of work. If streamlined this is great.</t>
  </si>
  <si>
    <t xml:space="preserve">Reporting 5 times per year does not make sense in the context of secondary schools, which are mostly in semesters. 4 reporting events would make more sense. </t>
  </si>
  <si>
    <t xml:space="preserve">In using the proficiency scale with my students, I have found it has virtually no effect on their learning. Students quickly assume that "Extending" is an "A", etc. I don't think it's a harmful change, other than the language being less clear from parents/guardians who don't speak English. </t>
  </si>
  <si>
    <t xml:space="preserve">Percentages are not meaningful in many highly subjective courses, including PHE and arts classes. Requiring a percentage in all courses leads to inauthentic assessments designed to please universities and colleges and not to accurately communicate student learning. </t>
  </si>
  <si>
    <t>I think between this, and the informal feedback that often happens supplies enough feedback to parents and students.</t>
  </si>
  <si>
    <t xml:space="preserve"> I am concerned about their only being 4 options though. I think their needs to be a "Not Yet Meeting" option, because this is different than a student's skills being emerging. I am concerned about students being passed on to the next grade without sufficient knowledge to be successful</t>
  </si>
  <si>
    <t>I don't think this is a very informative way to assess student progress.
Why is there a limit to the number of characters we can write to give feedback?</t>
  </si>
  <si>
    <t>I also think reporting should be broken down into curricular competency to give students and parents a full picture of their learning</t>
  </si>
  <si>
    <t>having a Not Yet meeting option added to the scale</t>
  </si>
  <si>
    <t>Parents and students need to be aware if they are not meeting course expectations. And students SHOULD NOT be passed on to the next grade if they haven't met the course requirements for the previous grade. This will not allow them to be successful in their learning.</t>
  </si>
  <si>
    <t xml:space="preserve">This is far too much reporting.  As a highschool teacher with 210 students every year, this would require me to report 1050 times per school year.  If you go down this route, you would have to allow for additional prep days - at minimum 1 prep day per expected report (5 per year).  </t>
  </si>
  <si>
    <t>It needs to be one or the other.</t>
  </si>
  <si>
    <t>As previously stated, this is FAR too much reporting.  Reporting should focus on QUALITY not on QUANTITY.  One very detailed report per student per year and a reflective assessment at the end of the year is more than enough.  Anecdotal progress reports are always communicated to parents throughout t</t>
  </si>
  <si>
    <t>With Covid Restrictions and no in-school visits virtual celebrations of learning need to be more inclusive to showcase student learning (they are often not student led)</t>
  </si>
  <si>
    <t>Students and families understand the scale/language which is helpful</t>
  </si>
  <si>
    <t>Limited student voice in these assessments</t>
  </si>
  <si>
    <t>It is a good amount but could be more helpful in communicating individual student learning/voice especially with online/virtual conferences - which is difficult to include community to school events</t>
  </si>
  <si>
    <t>With continuous reporting, there is only a need for a formal summative report at the end of the year or semester.</t>
  </si>
  <si>
    <t xml:space="preserve">A continuum of learning is appropriate. I would prefer elimination of extending. If a child is meeting the criteria set out by the teacher they are proficient and any measure of extending should not be included. </t>
  </si>
  <si>
    <t>If we eliminated the need for letter grades, post secondary would be forced to adopt some other measure. We in public education are the best qualified to determine assessment practices. Students needing letter grades for post secondary outside of BC could ask to have them provided.</t>
  </si>
  <si>
    <t>If we ever want teachers in senior grades to fully adopt the intent of the revised curriculum which is a focus on competencies over content, this language will never make it happen. We have been encouraging teachers in these grades for as many years as the revised curriculum has been in place.</t>
  </si>
  <si>
    <t>This is a very important component and needs to be a part of assessment practices K-12. Much more education however is needed, if it is to be an authentic process.</t>
  </si>
  <si>
    <t xml:space="preserve">Again, this is an integral part of the learning process and needs to be happening K-12. </t>
  </si>
  <si>
    <t>The language is strong with the inclusion of the word required. Again however, traditional assessment practices are going to have to be challenged.</t>
  </si>
  <si>
    <t>Proficiency scale as a requirement K-12</t>
  </si>
  <si>
    <t>K-9 classrooms have already embraced proficiency scale assessment practices because of the word required. Proficiency scales support the intent of the new curriculum. If secondary school teachers are to move away from a focus on content and towards a focus on process, they need this push.</t>
  </si>
  <si>
    <t>Letter grades and Proficiency Scales should be used with grades 10-12. If you continue to use percentages assessment practices at secondary will never change.</t>
  </si>
  <si>
    <t>Asking primary children to self assess all core competencies every reporting cycle is too often. It takes a lot of scaffolding by the teacher throughout the year to ensure young students have a good understanding of the Core Competencies to ensure that there is meaningful self assessment occurring.</t>
  </si>
  <si>
    <t>Student goal setting should occur in the 2 Learning Updates, but should not be part of the Summary of Learning.</t>
  </si>
  <si>
    <t xml:space="preserve">Students with significant learning needs should be assessed and reported on using their IEP goals, especially with the 2 Learning Updates. </t>
  </si>
  <si>
    <t>this is an UNREASONABLE ask .  You continually increase our workload with NO COMPENSATION  and CONSIDERATION for the TIME it will take to produce these reports well</t>
  </si>
  <si>
    <t>It follows what is expected at higher educational institutions</t>
  </si>
  <si>
    <t>this is an unrealistic model for real life and does not align with post-secondary institutions.  If you are continually reconciling the proficiency scales back to grades, what is the point of them?</t>
  </si>
  <si>
    <t>Self-assessment for lower grades are less reliable - Not all students are self-reflective</t>
  </si>
  <si>
    <t>It is appropriate to ask students to be mindful of their future however, what grades?</t>
  </si>
  <si>
    <t>we are overworked as it is....</t>
  </si>
  <si>
    <t>Assessments are already individualized based on IEP's</t>
  </si>
  <si>
    <t>The proficiency scale is too vague, does not have clear standards, doesn't work well for each subject and grade.</t>
  </si>
  <si>
    <t xml:space="preserve">For those of us using Digital Portfolios and evidence of learning is provided on an ongoing basis, there should not be a requirement for 2 written updates on each subject area during the year - the digital portfolio should satisfy the learning update requirement! </t>
  </si>
  <si>
    <t xml:space="preserve">Digital Portfolios should satisfy the TWO WRITTEN updates requirement and the language should reflect that those using Digital Portfolios do NOT need to do an extra written update twice per year. Language specific to digital portfolios needs to be included. </t>
  </si>
  <si>
    <t xml:space="preserve">The proficiency scales are not easily understood by parents or students.  At the high school level, parents and students are actively seeking a traditional grading model with letter grades and percentages. </t>
  </si>
  <si>
    <t>This would create extra work for teachers who are already providing percentages and letter grades.  Any imbalance in workload is becomes a union issue.</t>
  </si>
  <si>
    <t>This creates extra work for schools.  If the Ministry of Education would like to implement this, then the ministry needs to provide a self-reporting program, preferably online, for students to use.</t>
  </si>
  <si>
    <t>There is no indication of how this would be implemented.  Unless it is attached to a curriculum, such as Career Education, it would become a difficult logistical issue for schools.</t>
  </si>
  <si>
    <t>This seems like more work for teachers who are already swamped.</t>
  </si>
  <si>
    <t>My school is MYP, so the proficiency scale isn't that different from what is already done.</t>
  </si>
  <si>
    <t>I am concerned that districts will make teachers do BOTH proficiency and traditional grading.</t>
  </si>
  <si>
    <t>I feel like we should be already doing this.</t>
  </si>
  <si>
    <t>I believe that there is sufficient communication that takes place for learning. We already communicate through phone, email, Teams, parent-teacher interviews, collaboration with resource teachers, counsellors, administrators, and students themselves. Some families just may not have time to engage.</t>
  </si>
  <si>
    <t>Each school (or even department within a school) will have different criteria, causing even more confusion. Unless the Ministry can create a standardized rubric, I am very skeptical that this will help parents understand. I do not understand the problem with grades or percentages.</t>
  </si>
  <si>
    <t>Percentages and grades are clear indicators that show where a student stands in their competencies across all languages and cultures. It shows how much room they still have to improve and it does not create confusion, especially for families where English is not their primary language.</t>
  </si>
  <si>
    <t>It is redundant to have percentages, grades, and a proficiency scale. As stated above, a proficiency scale that changes from school-to-school and department-to-department creates unnecessary confusion and complicates communication for families of diverse cultural backgrounds.</t>
  </si>
  <si>
    <t>This should be a teacher's choice and not mandated - self-reflection is very important but students need to be capable of doing it first. Some students simply aren't at a stage in their development where they can fruitfully reflect on their learning, especially in very younger grades.</t>
  </si>
  <si>
    <t>Again, this should be left to each teacher's autonomy. Most teachers already incorporate self-reflection into their classes. Putting these goals onto a formal report card will create a very long, cumbersome document for parents/guardians to navigate.</t>
  </si>
  <si>
    <t>This already happens on a local level. This mandate assumes that teaching staff aren't capable of already thinking about every students' needs.</t>
  </si>
  <si>
    <t>Proficiency scales creates unnecessary confusion that will further complicate communications for families of diverse cultural backgrounds. Families whose first language is not English will need very clear and consistent support to understand these scales.</t>
  </si>
  <si>
    <t>I have been following the assessment chat and conference in the last three years.</t>
  </si>
  <si>
    <t>The descriptive feedback is what is essential</t>
  </si>
  <si>
    <t>I do think that the scale should also be applied to secondary student. University should change and adapt grading policies.</t>
  </si>
  <si>
    <t>Self-assessment is where the engagement is needed.</t>
  </si>
  <si>
    <t>Review your goal is the way to reach achievement</t>
  </si>
  <si>
    <t>Indeed, big fan of Shelley Moore, proper training will need to be available however</t>
  </si>
  <si>
    <t>It will be nice to see university to a new reality.</t>
  </si>
  <si>
    <t>I think that Grade 10 should not require a percentage and letter grade, stick with the proficiency scale.</t>
  </si>
  <si>
    <t>Grade 9 is in high school in our district, so for 9-12 teachers that means at reporting times teachers would be required to write up to 150 written reports including descriptive feedback/growth/development/attendance as well as gathering student-generated assessments and goals.</t>
  </si>
  <si>
    <t xml:space="preserve">Grade 9 is in our high school system. Which means teachers will potentially be using 4 point scales for some classes and letter grades/percentages for others. This would also make the transition into grade 10 very difficult after 10 years in the education system and never having a letter grade. </t>
  </si>
  <si>
    <t>Letter grades/percentages should also be used in grades 9 and maybe even 8 as well. In our district grade 9 is part of our high school system. And in many districts high schools run 8 - 12. It would make the transition into grade 10 - 12 much easier if students see letter grades prior to grade 10.</t>
  </si>
  <si>
    <t>I think a letter grade/percentage implies a proficiency scale. Perhaps the scale could be amended to  Emerging (0 - 49%) Developing (50 - 65%) Proficient (66 - 80%) Extending (81 - 100%)</t>
  </si>
  <si>
    <t>If students are required to self assess, I think it should be part of the student's responsibility to share that with parents, not the teacher's. Or reports are all online (no paper copies) which means teacher's would have to upload students' work to include in the report. More work.</t>
  </si>
  <si>
    <t xml:space="preserve">If students did this online so it could automatically be included in an online report that would be fine. With no paper reports sent home in our school it would be more work to upload over 100 goals from students to add to each report. </t>
  </si>
  <si>
    <t xml:space="preserve">I have 150 students in each semester. That means I would have to write 150 lengthy and in-depth reports multiple times of the year. There is not enough time for this.  </t>
  </si>
  <si>
    <t>The 4 level scale + specific feedback is, in my opinion, an appropriate and efficient way to support students learning.</t>
  </si>
  <si>
    <t xml:space="preserve">Integrating the CC in assessment procedures will be helpful. </t>
  </si>
  <si>
    <t xml:space="preserve">In alignment with inclusive approach.  </t>
  </si>
  <si>
    <t xml:space="preserve">There is way to much information required for teachers to include in each report. As a parent I do not care about  learning standards, competencies, I do not read all this I just want to know how much child is doing, and what they need to work on. This can be communicated in a few simple sentences. </t>
  </si>
  <si>
    <t xml:space="preserve">Perhaps for K - 5 the proficiency scale is sufficient, but above that (grade 6 is middle school here) students need to start preparing for high school (and post-secondary) and need to be familiar with letter grades and percentages. </t>
  </si>
  <si>
    <t>I think they should also be required for at least grades 8 - 12.</t>
  </si>
  <si>
    <t>We don't need a proficiency scale in grade 10 - 12. Students need to be prepared for entering whatever their plans are for post-secondary. Proficiency scales are not important.</t>
  </si>
  <si>
    <t xml:space="preserve">This seems like a waste of teacher's time to ensure that students do think. I think parents should have discussions with there children on a regular basis to check in. This is not the teacher's responsibility. </t>
  </si>
  <si>
    <t>Only need where students are at/and what they should work on for written reports.</t>
  </si>
  <si>
    <t xml:space="preserve">The new system , written reports and learning summary, is much more work and time consuming for teachers. It is making many teachers consider leaving the field. </t>
  </si>
  <si>
    <t>By eliminating grades students do not care about their school work.   At this age students are motivated by grades, to get them motivated to learn is a bigger struggle when we remove grading system.</t>
  </si>
  <si>
    <t>Students are motivated by grades so no grades means no motivation. As well, universities and colleges look for grades. Students may not go to university in BC, or even Canada, therefore grades at this level are essential.</t>
  </si>
  <si>
    <t xml:space="preserve">Having written many IEP's, having one for each student is an unreasonable task to ask classroom teachers, at this level who have in excess of 100 students per year. </t>
  </si>
  <si>
    <t>I am concerned about the wording such as events and the chart on page 16 of the background document. If our intent with communicating student learning in a timely fashion, these messages lead to communicating being on a schedule rather that when learning happens and feedback is actionable.</t>
  </si>
  <si>
    <t>Change the word complete to solid. Complete is final while solid is on a continuum. Use of the scale is not always appropriate especially when communication is formative and in the middle of learning.</t>
  </si>
  <si>
    <t>Fine for summary. Not ok for updates. Not in line with holistic, assessment for learning practices. Should never be used beside the proficiency scale; they do not and should not be made to align.</t>
  </si>
  <si>
    <t>Very appropriate to be used in updates but not beside or anywhere near letter grades and percentages.</t>
  </si>
  <si>
    <t>This is a good direction to be taking as a system.</t>
  </si>
  <si>
    <t>Student agency, voice and ownership is a cornerstone of increased engagement in their learning.</t>
  </si>
  <si>
    <t>This reinforces in policy the direction we are heading regarding equity and inclusiveness across all aspects of the system.</t>
  </si>
  <si>
    <t>wording and interpretation</t>
  </si>
  <si>
    <t>The general feel of the order looks to many like we are going backwards to more formal reporting events rather than forward to communicating student learning in a timely, on-going fashion that can have an impact on student learning.</t>
  </si>
  <si>
    <t>Some of the required reporting times are not long enough to actually give a proper summary of student learning. As an ADST teacher I see students for 20 classes and if I needed to stop half way through the 5-6 week cycle we would miss out on valuable learning time.</t>
  </si>
  <si>
    <t>The scale works for the early years up till about grade 4/5 but as they get older the lack of responsibility students feel doesn’t stay consistent as they should be maturing. Students who would normally be receiving a fail but instead get a beginning don’t understand they need improvement.</t>
  </si>
  <si>
    <t>Letter grades are not an evil thing. I believe there is a happy medium for using the 4 point scale to discuss growth but as a final summarize piece they should still be getting a letter grade/percent so there is still a sense of “my grade matters but so does my progress”.</t>
  </si>
  <si>
    <t xml:space="preserve">I believe this is how it should be for grades 5-12. The lower grades only in core academic subject areas and every 2 grades you start earning letter grades as well as a progression scale. </t>
  </si>
  <si>
    <t xml:space="preserve">I don’t believe it should be required to include it in every reporting period but a student self assessment should be included atleast 1 time a year. </t>
  </si>
  <si>
    <t>There is such a massive gap between students ability to set and create goals and each of them look completely different. I think they should set goals at the half way mark of the school year and work towards completing them by the end of the year. Setting them to soon will be useless.</t>
  </si>
  <si>
    <t>I agree. However as teachers we would need to be given more time to process all of that data. There is not currently enough time given for proper assessment of this level for every students.</t>
  </si>
  <si>
    <t>Percentage/letter grades need to be included earlier in their education to help develop maturity and ownership as they physically mature (ages 12-17). There also should be a more consistent policy in regards to ages of middle school. Grade 6 is still to young for middle school!</t>
  </si>
  <si>
    <t xml:space="preserve">I feel like the amount we have now is fine </t>
  </si>
  <si>
    <t xml:space="preserve">Letter grades are very effective for student drive </t>
  </si>
  <si>
    <t xml:space="preserve">I would rather the input of a professional of where my child’s education is at rather then his. </t>
  </si>
  <si>
    <t>Goals are important but curriculum is as well</t>
  </si>
  <si>
    <t>It is important to include all students individual needs when it comes to education. However letter grades are proven to be an effective method of drive and determination for some students as well</t>
  </si>
  <si>
    <t>I don’t think letter grades being taken away will be an effective for a lot of students. I know for my student personally they strive to get the higher grades. They set goals, they work hard and achieve them because they like the reward system</t>
  </si>
  <si>
    <t xml:space="preserve">I believe that letter grades should remain for grades 4-9, I think it helps to prepare students for grades 10-12 and post secondary and meeting the required expectations or not.  Not only do they get the satisfaction when an A is earned, they also have something to work harder for if its not. </t>
  </si>
  <si>
    <t>I think self assesment is great, could be used with the existing grading system for grades 4-9</t>
  </si>
  <si>
    <t>I think goal setting and student reporting is great, can be used with the existing grading system with grades 4-9</t>
  </si>
  <si>
    <t>I think that the student self assesment, goal setting, frequency of reporting, can all be incorporated with the existing letter grades for grade 4-9</t>
  </si>
  <si>
    <t>Why are you limiting the responses????  I do not have enough characters to complete my response!!</t>
  </si>
  <si>
    <t>A proficiency scale gives me no information on the areas that  the student may be excelling in or failing in.  Each teacher in the k-9 takes a highlighter and cirlces one of the four points.  This is no different than giving letter grades. Further, how does one grade the teacher? Why do you limit..</t>
  </si>
  <si>
    <t>As a parent I like to be kept up to day on how my child is succeeding - or not succeeding - in their academic studies.</t>
  </si>
  <si>
    <t>It simply seems as a way for students to be graded LESS. It does not give any scale of where they are academically. It gives no information to caregivers or parents. Not giving children a goal to aim for - such as A's or B's - is detrimental.</t>
  </si>
  <si>
    <t xml:space="preserve">If it's in addition to and not instead of, fine. </t>
  </si>
  <si>
    <t>My child spent Grade 1-7 in a Montessori based learning school and this is something they did on a regular basis. If gives students a sense of self-awareness and independence.</t>
  </si>
  <si>
    <t>Setting goals gives you long-term vision and short-term motivation . It focuses your acquisition of knowledge, and helps you to organize your time and your resources so that you can make the most of your life.</t>
  </si>
  <si>
    <t>Meets parental and post secondary expectations.</t>
  </si>
  <si>
    <t>Should be either proficiency or percent but not both. This method creates confusion and is redundant.</t>
  </si>
  <si>
    <t>I think it's enough reporting to give students time to improve and realize what needs to improve.</t>
  </si>
  <si>
    <t>Universities need to know exactly how kids are performing to provide entrance and scholarships.
This provides a clearer picture for students and parents rather then "proficient."</t>
  </si>
  <si>
    <t>If we are using letter grades and percentages then using the proficency scale as well is redundant.  Then there is extra information that is pointless and parents will stop reading the comments</t>
  </si>
  <si>
    <t>Students should be the ones entering their self-assessment into myed.  It is their self assessment.  Teachers should not somehow be required to enter students' self-assessment.</t>
  </si>
  <si>
    <t>As long as the kids are entering their self assessments themselves then that is fine.
secondly, proficiency scale in grades 10-12 is redundant if using letter grades.</t>
  </si>
  <si>
    <t>the more reporting periods, the better.  it's important for parents to know how their kids are doing and to ask their child's teacher questions or raise concerns.  the student-led conferences have not been very helpful, although it has been a great learning experience for kids</t>
  </si>
  <si>
    <t>It's way better than letter grades but there does needs to be more specific info tailored to each student on what areas they are struggling with so that parents can work with teachers on helping the student make progress.  great step forward by removing letter grades  -needs to happen for all grades</t>
  </si>
  <si>
    <t>elementary and secondary schools should be focused on learning, rather than competing with others- post-sec can deal with that. there should be no letter grades all throughout K-12.  when I was a kid in the BC school system, letter grades were very demotivating and deterred me from pursuing STEM</t>
  </si>
  <si>
    <t>yes, if letter grades must be provided then it should be provided in addition to proficiency level descriptors as a way to provide more context in interpreting letter grades.  I don't like the idea of providing percentages though - that should be removed as it doesn't help at all</t>
  </si>
  <si>
    <t>excellent learning skill for kids of this era to learn - how to take charge of their own learning and to know what they need to work on and what they are great at.  This is a precursor to lifelong learning skills, which we all need to have</t>
  </si>
  <si>
    <t>report cards are not very helpful - as a parent I find them very generic and not specific enough to allow me to get a clear understanding of my child's strengths and areas of improvement.  I need more guidance from teacher on how I, as a parent, can help my child practice what they learn in school s</t>
  </si>
  <si>
    <t>excellent step forward - this should be for all students, not just "special needs".  all students would benefit from this policy</t>
  </si>
  <si>
    <t xml:space="preserve">letter grades should be removed, especially percentages - these are the worst and highly demotivating for kids.  I can speak from experience!  I wanted to pursue a STEM career when I was in highschool but my grades were not "good enough".  </t>
  </si>
  <si>
    <t>4 is more than enough to find out how my child is doing.</t>
  </si>
  <si>
    <t xml:space="preserve">The words are arbitrary.  They still need to be based on a grade of number as this is how students are graded from grades 10-12 and in post-secondary.  Maybe some courses may lend themselves well to the 4 point proficiency scale, but most do not.  </t>
  </si>
  <si>
    <t>Keep it!</t>
  </si>
  <si>
    <t xml:space="preserve">Only the grade/percentage is needed.  The proficiency scale is not needed at this level.  </t>
  </si>
  <si>
    <t xml:space="preserve">I don't believe that most students are capable of giving  themselves a proper self reflection.  They are not aware of their abilities or limitations because they are always told they are wonderful.  Students can't fail until grade 10 so they haven't been pushed to overcome failure.  </t>
  </si>
  <si>
    <t>Without being able to fail until grade 10 why would the majority of them have goals?  They just move along.  If goals aren't met there need to be consequences and retooling for success.  Right now with social promotion, most couldn't care less as there is no failure or need to do well.</t>
  </si>
  <si>
    <t>I think this is done well already.</t>
  </si>
  <si>
    <t>Keep the letter grades and reintroduce them to grades 8 and 9 and let kids fail in elementary school.  Failure is a good lesson and helps you strive for better.  It worked for me in school.</t>
  </si>
  <si>
    <t>This is okay for a linear schedule that allows growth for students over a longer time period. This does not work with a truncated system such as semesters.</t>
  </si>
  <si>
    <t>We are already working beyond our normal levels. Please do not add an additional task that we need to accomplish in the minimal amount of spare time we have.</t>
  </si>
  <si>
    <t>So many questions about logistics. What format will this take? Who will be responsible for this at the school level? How is this meant to be meaningful when it seems like an add-on to a course? Most of us do self-assessments already. Does each teacher need to type out these student self-assessments?</t>
  </si>
  <si>
    <t>As above. Many questions about the logistics of this when I have about 200 students to write reports for. What time will it take to compile all these pieces?</t>
  </si>
  <si>
    <t>Where is that stated in the Draft K-12 Student Reporting Proposal?</t>
  </si>
  <si>
    <t>Logistics. I am not against student self assessments and, in fact, use them frequently with my classes. I just have concerns about how all of this will be compiled for all my students to be able to meet the deadlines assigned to us by admin to complete and submit report cards.</t>
  </si>
  <si>
    <t xml:space="preserve">Feels lazy and never thoroughly reported just circle by teacher </t>
  </si>
  <si>
    <t>Continue letter grades!</t>
  </si>
  <si>
    <t xml:space="preserve">It’s good to have student engagement </t>
  </si>
  <si>
    <t>The draft reporting order does not honour the revised BC curriculum. It limits cross-curricular continuous reporting (or communication of student learning) with families. The draft order takes us back to where we were 12 or more years ago. Doesn't show an understanding of good teaching and learning.</t>
  </si>
  <si>
    <t>The scale is fine but limiting how it must be used is not.</t>
  </si>
  <si>
    <t>This invalidates all of the work that has been done with post-secondary institutions to move away from this type of reporting. Post-secondary institutions do NOT require this. Again, the draft does not reflect what we know about learning and about good teaching practices.</t>
  </si>
  <si>
    <t>"In addition to" is unnecessary. Letter grades and percentages should no longer be used.</t>
  </si>
  <si>
    <t xml:space="preserve">As long as goal-setting and self-reflection do not become a check box
</t>
  </si>
  <si>
    <t>written reports and letter grades</t>
  </si>
  <si>
    <t>Number of written reports is exactly the same as the current reporting order. There are so many ways to more effectively communicate student learning with families in an ongoing and more authentic way that honours the voice of students and their understanding of their own learning.</t>
  </si>
  <si>
    <t xml:space="preserve">It doesn’t change anything so I’m pretty neutral about it since I’m satisfied with the existing policy </t>
  </si>
  <si>
    <t xml:space="preserve">I feel like a proficiency scale is just a different way to say the same thing. I think most people understood the letter grading system and the level of proficiency that you’d typically find at each grade level. I don’t think the proficiency scale is necessary but it doesn’t really bother me either </t>
  </si>
  <si>
    <t xml:space="preserve">It’s important to maintain a grading standard that will be recognizable not just here but in other places where kids might apply to post-secondary. </t>
  </si>
  <si>
    <t xml:space="preserve">I’m glad it’s not mandatory but I’m happy that teachers have the option if that’s what they want to do </t>
  </si>
  <si>
    <t xml:space="preserve">I think this is going to be logistically difficult at the high school level </t>
  </si>
  <si>
    <t xml:space="preserve">I think this has some merit but I have lots of questions about the implementation. Will it be done separately for every course in high school or just doing it as a single task for all classes together. If so, when would this be done. In one specific class or taking time out of every class. </t>
  </si>
  <si>
    <t xml:space="preserve">I love individualization and inclusion </t>
  </si>
  <si>
    <t xml:space="preserve">Already explained in previous questions </t>
  </si>
  <si>
    <t xml:space="preserve">The written summaries of learning are too much. I have 120 students. There is no way this could be possible. </t>
  </si>
  <si>
    <t xml:space="preserve">They are vague. They tell me nothing as a parent. </t>
  </si>
  <si>
    <t xml:space="preserve">It is the same as university. </t>
  </si>
  <si>
    <t xml:space="preserve">Percentages should be used. </t>
  </si>
  <si>
    <t xml:space="preserve">The kids think it is a joke and not valuable. </t>
  </si>
  <si>
    <t xml:space="preserve">I highly doubt they will use them. </t>
  </si>
  <si>
    <t>My district has a template we use, and it is user friendly.</t>
  </si>
  <si>
    <t>It is clear for parents to understand.</t>
  </si>
  <si>
    <t>I am primary (students don't get a letter grade).</t>
  </si>
  <si>
    <t>I spend more time trying to get them to understand what a goal should be.</t>
  </si>
  <si>
    <t>My students are just a bit young.</t>
  </si>
  <si>
    <t>The amount of reporting has not increased or decreased</t>
  </si>
  <si>
    <t>Gives teachers more room to give qualitative feedback</t>
  </si>
  <si>
    <t>These are the grades that need to be applied to scholarship applications, and entrance requirements. It makes sense that they should be quantitative.</t>
  </si>
  <si>
    <t>Planning and goal setting are imperative in adult life.</t>
  </si>
  <si>
    <t>Why wouldn't the policy be inclusive? Seems like an odd question.</t>
  </si>
  <si>
    <t xml:space="preserve">Not a great measure. This could easily be included in planning and goal setting. </t>
  </si>
  <si>
    <t xml:space="preserve">We have been piloting the interim policy in our district and have been using portfolios to communicate student learning when it makes sense to do so at the natural place in a learning cycle.  It is too high of a frequency for reporting!  </t>
  </si>
  <si>
    <t>Better than letter grades because it shows learning as a continuum.  I think a lot of work needs to be done so that the scale is used consistently to mean the same level of development and parents understand what the scale means.</t>
  </si>
  <si>
    <t>Not consistent with the intent of the curriculum or what has been done K-9.  What we focus on is what we value - why not continue with the proficiency scale.</t>
  </si>
  <si>
    <t>Ridiculous to have both!  Is learning a journey or a destination?</t>
  </si>
  <si>
    <t>I'm not sure that this is reasonable is early primary.  It requires so much effort on the part of the teacher to conference with each student in order to gather the information.</t>
  </si>
  <si>
    <t xml:space="preserve">Have goal setting relate to the Core Competencies!  Otherwise if it separate it is too much and all becomes meaningless!  Keep the main thing the main thing!  The more goals you set, the less likely you will achieve any of them.  </t>
  </si>
  <si>
    <t>It is not clear how to apply the proficiency scale for students who are not working at grade level.</t>
  </si>
  <si>
    <t>Honor the work being done to make assessment timely and ongoing by honoring Points Of Progress that teachers and students are uploading into e-portfolios to document the student's learning journey.</t>
  </si>
  <si>
    <t>With 3 written reports, it’s increased workload for teachers. Currently, we have Meet the teacher night, 2 parent-teacher conferences, 2 written reports and a year end celebration (display of students work, portfolios). And we see and talk to parents on a daily basis.I think that enough reporting.</t>
  </si>
  <si>
    <t xml:space="preserve">Unsure about the two mandatory but informal. What responsibility will there be on parents to attend a meeting? What does informal mean? Will I have to watch my emails or voicemails. Just unsure. </t>
  </si>
  <si>
    <t xml:space="preserve">Would need to see more information or explanation of this. Unsure what it means. As long as it’s as clear as our current system of reporting. </t>
  </si>
  <si>
    <t>Don’t understand proficiency scale? How will it be determined? Criteria? Examples?</t>
  </si>
  <si>
    <t xml:space="preserve">More clarification. Unclear. Examples might help. </t>
  </si>
  <si>
    <t xml:space="preserve">I don’t mind reporting 5 times but leave how we report alone! We just navigated a new reporting way a couple of years ago. Parents are happy when they have something to hold and read that’s more simplistic than years prior. Leave it alone! Leave the primary reports alone! </t>
  </si>
  <si>
    <t xml:space="preserve">We use that language already but I want o report that on how they are doing with the standards not using descriptive language. That would take way too long, we’d be going backwards towards anecdotal and parents simply don’t read them that carefully to justify it. </t>
  </si>
  <si>
    <t>I thought the new way of thinking was to not be all about standardized testing! My son is in grade 10 and it’s all about tests! Boo</t>
  </si>
  <si>
    <t xml:space="preserve">Should keep to reporting on all 3. Perhaps 1 per term. </t>
  </si>
  <si>
    <t xml:space="preserve">We do goal setting in primary. Not needed to be reported on. Don’t turn it into a make-work project! Let it be authentic like we do! </t>
  </si>
  <si>
    <t xml:space="preserve">We already do on primary.  </t>
  </si>
  <si>
    <t xml:space="preserve">Take out that descriptive language part. We already report enough but do like to use the standards as well. </t>
  </si>
  <si>
    <t xml:space="preserve">None of your business </t>
  </si>
  <si>
    <t>Reducing the scale of grading will provide less accuracy on progress and development.  You're essentially going from 6 choices to 4 which amounts to less transparency to parents</t>
  </si>
  <si>
    <t>A percentage grade gives a lot of accuracy on progress</t>
  </si>
  <si>
    <t xml:space="preserve">Giving a softly worded assessment scale will only add cost to a system that works.  Stop wasting taxpayer dollars on stupid crap like this that adds no value to our children's education </t>
  </si>
  <si>
    <t>I feel knowing where your child thinks they stand compared to where they actually stand could give parents insight on ways to improve</t>
  </si>
  <si>
    <t>I think trying to teach our kids to be inclusive while actively discriminating against people in society right now is hypocritical and a horrible example to set.  Stop talking about it and demonstrate it is you want it to actually mean anything.  Otherwise it is just meaningless empty sentiment</t>
  </si>
  <si>
    <t xml:space="preserve">Kids can see the education system for the useless sham it is.  If you want to make a difference in education and retention, LEAD BY EXAMPLE. The government is failing miserably at this currently </t>
  </si>
  <si>
    <t xml:space="preserve">It’s already what we do. When you say “written” where does digital portfolio got in. I don’t want to do a portfolio and write two reports. One summary and year of digital is good. </t>
  </si>
  <si>
    <t xml:space="preserve">Better language for learners as continuum </t>
  </si>
  <si>
    <t xml:space="preserve">Not my area to comment </t>
  </si>
  <si>
    <t xml:space="preserve">Already doing this. At kindergarten level it’s useless I find but I still do it. </t>
  </si>
  <si>
    <t>How does digital portfolios fall into this and how will it be worded so that there is not added work on a teacher for a written report and digital evidence, (summary report excluded)</t>
  </si>
  <si>
    <t>I  like them to have letter grades as it is important for a child to know how well they are doing or how much help they need to be at the letter grade they desire. I find the developing, proficient etc more confusing then using letter grades</t>
  </si>
  <si>
    <t xml:space="preserve">No extra reporting periods. In fact one less than we do right now in middle school. </t>
  </si>
  <si>
    <t xml:space="preserve">No grades mean you can’t fail. This means less incentive to get work in. No tangible consequences for not doing it. It’s like the pandemic term we were remotely teaching. Kids knew they had passed so they didn’t go online. </t>
  </si>
  <si>
    <t xml:space="preserve">The world is not a Polly Anna bubble. You need the students to strive for better grades to compete with others trying to get into post secondary programs. I wish it was required before grade 10 in this new system. </t>
  </si>
  <si>
    <t xml:space="preserve">Adding extra work on to each reporting period. </t>
  </si>
  <si>
    <t xml:space="preserve">It could be a good way of getting kids to be mindful but it’s also taking class instruction time to get these reflections together. </t>
  </si>
  <si>
    <t xml:space="preserve">Many grade 9’s are in high school and need these grades to incentivize them to complete their work and strive to improve. </t>
  </si>
  <si>
    <t>It is a lot of reporting, especially when parents do not care about the formal reports.</t>
  </si>
  <si>
    <t>I think that students in middle school should understand percentages before their grades becomes very important for university entrance.</t>
  </si>
  <si>
    <t>Universities will require percentages.</t>
  </si>
  <si>
    <t>It is difficult to guide students (particularly young students) in developing goals early in the year when you may not have all necessary assessment data nor a strong relationship/understanding of each student in a way that would support them to identify and achieve meaningful goals.</t>
  </si>
  <si>
    <t xml:space="preserve">If we are always writing reports/giving feedbacks, we would have less time to teach. There is no need to send feedback home so often.
 We are already doing all sorts of assessments, students know exactly how they are doing.  Every week they get at least one feedback within class time.  </t>
  </si>
  <si>
    <t xml:space="preserve">The change is a waste of time.  No one was complaining about the old system of grading for grade 8 and above.  Parents and students understood the system. Why this change?  Students will need to adjust to the percentages and letter grades again when they reach grade 10.  </t>
  </si>
  <si>
    <t>Keep things that work the same would make sense.</t>
  </si>
  <si>
    <t>Ridiculous to have two scales.</t>
  </si>
  <si>
    <t>In the ideal world, students would be mature enough to self-assess accurately and thoughtfully.  In the real world, this does not happen.</t>
  </si>
  <si>
    <t xml:space="preserve">It’s too much reporting. Parents want a quick snapshot of how their child(ren) are doing. It should be short and to the point. Five times a year is way too much. Kids learn so fast that by the time I get the report it’s old news anyhow. What we need to know is “how is my child doing?” That’s it. </t>
  </si>
  <si>
    <t xml:space="preserve">Honestly, how is the scale different from grades? Why do you keep reinventing the wheel? Is “Beginning” any different than a C- or less? Is “Exceeding” and different than an A. You must be exhausted changing this language so frequently. </t>
  </si>
  <si>
    <t xml:space="preserve">Giving a letter grade is not indicative of how much a student learned, but rather, how good their study habits are. You moved away from grades to a sliding scale, but now you go back to grades. Why is this happening? Help us understand. </t>
  </si>
  <si>
    <t xml:space="preserve">Pick your reporting style! Is it grades, or is it a sliding scale….oh, but now it will be both…but just for a few grades. Honestly, help parents understand why you keep proposing and implementing changes when you can’t even commit to one system. So, no, adding in BOTH is not what parents want. </t>
  </si>
  <si>
    <t xml:space="preserve">Let’s be honest, the self assessment that my kids come home with is literally just another piece of paper that’s no different than an assignment. The purpose might have been self reflection, but the truth is my kids are not more reflective of their learning by doing this assignment twice a year. </t>
  </si>
  <si>
    <t xml:space="preserve">Goal setting is a good life skill. This is only effective if the child, parents and teacher actually keep on top of the student and remind them what they’re working towards. Without this effort, this is just another assignment that “looks” good on paper. </t>
  </si>
  <si>
    <t xml:space="preserve">What do you think teachers are doing right now? Not including all learners in their assessment practice? That’s not happening at the school my kids attend. Of course teachers have evaluation practices that include all learners. </t>
  </si>
  <si>
    <t>Schools should be viewed as a space of learning, not necessarily as a space of knowing it all. If you put all the emphasis on the end result, aren’t your taking away the whole point of what school is…it’s about learning, being curious, making mistakes, and growing. It’s not about getting straight As</t>
  </si>
  <si>
    <t xml:space="preserve">Concerned about what the written reports would look like with possibly 120 students and no in school time to work on it. </t>
  </si>
  <si>
    <t>What about the students who do not meet the emerging requirements due to attendance, effort or ability? Having multiple grading systems in one school (grades 8-12)</t>
  </si>
  <si>
    <t xml:space="preserve">When would it occur? Some courses are tight on scheduling and we would be losing more class time. </t>
  </si>
  <si>
    <t xml:space="preserve">Five assessments is way too many.  I’ll spend all my time assessing and not teaching.  How about a maximum of three formal reports and then letting teachers do ongoing informal assessment in class to let us set goals and plan lessons.  I don’t have time to share all these informal assessments </t>
  </si>
  <si>
    <t>This four point scale is inappropriate for K/1 students. A checklist of skills and competencies for each subject would be much more helpful to let parents know how to support their child.  The same checklist could be used for both grades. 
“Emerging” in language arts means nothing to a parent</t>
  </si>
  <si>
    <t xml:space="preserve">Students can be taught to self assess.  It is a life skill required for goal setting and future learning. </t>
  </si>
  <si>
    <t xml:space="preserve">Students of all ages should own their learning </t>
  </si>
  <si>
    <t>Aren’t we already doing this??</t>
  </si>
  <si>
    <t xml:space="preserve">And I would change the scale to a checklist for young learners </t>
  </si>
  <si>
    <t xml:space="preserve">The report we have is not developmentally appropriate for young learners.  If we had a checklist a teacher could check off skills as they are mastered and actually have a useful tool for setting goals and driving instruction on a daily basis. checklist and anecdotal comment  could be sent home 3x </t>
  </si>
  <si>
    <t xml:space="preserve">Two written report cards is more useful use of teacher's time, and is more meaningful. You really know your student's needs and abilities if the first written report is mid year. An informal goal setting conference in the mid Fall such as the first week of November will assist and inform parents. </t>
  </si>
  <si>
    <t>Scales are easy to do for teachers and easy to understand for parents</t>
  </si>
  <si>
    <t>Students at this grade level need accountability and feedback for performance</t>
  </si>
  <si>
    <t>The scale seems redundant if letter grades are given</t>
  </si>
  <si>
    <t>Students are not always the best judge of their performance, especially at younger grade level</t>
  </si>
  <si>
    <t>This is only good for grades 10 to 12, you cannot do this in primary grades</t>
  </si>
  <si>
    <t xml:space="preserve">No opinion </t>
  </si>
  <si>
    <t>Teacher's have such a huge workload as it is. The most stressful times come around report card time, I have. stayed up till 1am many nights around written reporting periods and am not able to maintain personal wellness by doing so. Having it twice a year, doable, 3 times equals burnout!</t>
  </si>
  <si>
    <t>Comprehensive reporting takes hours and hours. In a good year, it’s stressful. Amidst a global pandemic which takes away ONE day of instructional time due to healthy and safety protocols, changing and increasing the reporting policy now adds unnecessary additional stress.</t>
  </si>
  <si>
    <t xml:space="preserve">The scale used in PSR comments needs to align with these new scales. It’s ridiculous to have them different. </t>
  </si>
  <si>
    <t xml:space="preserve">This requirement at the primary level is too difficult. Good teachers already teach all these skills. Naming them and having kids assess themselves at such a young age isn’t educationally valuable for students 6-9 years old. </t>
  </si>
  <si>
    <t xml:space="preserve">If goals can be communicated at chosen times and in chosen ways they are helpful. Goal setting out of context to meet mandated guidelines is not. </t>
  </si>
  <si>
    <t xml:space="preserve">There are too many reporting requirements. It seems we settle into one reporting policy and another is adopted. Keep it simple but thorough. Provide teachers with some voice. Allow primary guidelines to be altered and simplified to fit our youngest learners. </t>
  </si>
  <si>
    <t xml:space="preserve">Currently we have three informal in person reports and two written reports.  This new format will add significantly to workload </t>
  </si>
  <si>
    <t>I like this system but parents find it confusing.  Have had complaints from parents when child gets a proficient mark as they think it is not an A.   if we could actually communicate grade level proficiency  in comments to let parents know better whether their child is at  grade level it would help</t>
  </si>
  <si>
    <t>We do weekly CC assessments and these could be included in reports</t>
  </si>
  <si>
    <t xml:space="preserve">We do this at the beginning of the year, but this proposal doesn’t say how many times a  year goals will be chosen by students </t>
  </si>
  <si>
    <t>The new language and requirements of reporting are extremely time consuming. To write 3 personlized paragraphs for each child on their social-emotional development, strengths and stretches, and collaborative goals takes around 1-2 hours per child. 20-40 UNPAID hours outside of work time per term!</t>
  </si>
  <si>
    <t xml:space="preserve">Less student anxiety and focus on grades. Increased engagement with love of learning. Process rather than products of learning. </t>
  </si>
  <si>
    <t xml:space="preserve">The regular duties of an elementary teacher are already so expansive! Making sure the students learn about and develop their core competencies as well as address the curriculum is time consuming. Elementary teachers are required to teach all subjects and it alot to teach, assess, and report on. </t>
  </si>
  <si>
    <t>The frequency is not an issue. Understanding  the significance of the reporting and how parents can support is the most important piece.</t>
  </si>
  <si>
    <t>There is no provincial proficiency scale in
Literacy or numeracy. It is up to individual teachers to create their own.</t>
  </si>
  <si>
    <t>The reporting in Grade 11/12 needs to make sense to post secondary institutions.</t>
  </si>
  <si>
    <t xml:space="preserve">It is an integral part of learning and the year end assessment is too simplified. </t>
  </si>
  <si>
    <t>The system is not funded to fully support diverse learners. The resources needed to be inclusive are not provided by the Ministry so inclusion does not work. Resource teachers, SSAs and non human supports should be funded and then we can talk about inclusion.</t>
  </si>
  <si>
    <t>Written reports for year end grade 10-12 is ridiculous and to time consuming. We can have upwards of 200 students if we teach linear courses. We DO NOT HAVE TIME!!!! There is not enough prep time as it is. Teacher burn out is worse than ever.</t>
  </si>
  <si>
    <t xml:space="preserve">I don’t teach K-9 so I have no comment </t>
  </si>
  <si>
    <t>It NEVER should have been changed to performance standards at high school that was a ridiculous, short sighted decision.</t>
  </si>
  <si>
    <t>So you essentially want to double my workload?? Pick one or the other, stop being wishy washy and make a damn decision already. If university wants percentage and letter grades that should be the end of discussion.</t>
  </si>
  <si>
    <t>We can barely get them to do work in the classroom and now you want to give them something else they won’t do? What’s the consequences if they don’t? Nothing, like most other policies in place.</t>
  </si>
  <si>
    <t xml:space="preserve">Have you worked with teenagers? And what criteria would you asses it with? How do you ensure fair reporting? Performance standards can’t even be clearly defined for academics let alone goal setting! </t>
  </si>
  <si>
    <t>What?</t>
  </si>
  <si>
    <t>Performance based grades do not work in the 10-12 setting. There is too much discrepancy in the grading system.</t>
  </si>
  <si>
    <t>We already do four reports a year. One at the end of each term . What is the point of a fifth one? So if I have 120 students I am expected to write a summative report on all hundred and twenty.</t>
  </si>
  <si>
    <t>Students are always asking what their percentage is in grades 10 to 12. Students are going on to University which is also percentage-based.</t>
  </si>
  <si>
    <t xml:space="preserve">Letter grades are concrete. A proficiency scale tells the parents nothing when they are in the higher grades.  </t>
  </si>
  <si>
    <t>Well this would work with some students unfortunately it would not work for all. What happens when the students self-assessment doesn't match with the teacher assesses? As well, in the high school we run into the questions from the students "is this for a grade?" And " do universities care"</t>
  </si>
  <si>
    <t>The students will ask what is the purpose of this.  Well this sounds like a great idea in theory in reality students don't care. If it doesn't get them a grade they won't put any effort into it and it will defeat the purpose.</t>
  </si>
  <si>
    <t>To difficult to do for the primary students as well as taking away classroom learning time having to do this for each reporting period.</t>
  </si>
  <si>
    <t xml:space="preserve">Many students in elementary school struggle to write meaningful goals. This would not be a true depiction of their personal learning. </t>
  </si>
  <si>
    <t>With many elementary students there goal setting would not be authentic since for many they struggle to think deeper.</t>
  </si>
  <si>
    <t xml:space="preserve">These CCs are basic requirements of being a functioning human. Parents should be responsible for this, not teachers. </t>
  </si>
  <si>
    <t>How are 5 year olds supposed to do this??? 12 year olds can't even do this.</t>
  </si>
  <si>
    <t>2 written reports and a parent-teacher interview are all that's needed.</t>
  </si>
  <si>
    <t>Teachers have been piloting a robust online electronic portfolio reporting platform where parents are able to consistently see, hear, and read about the progress and development of their children.  The new reporting policy is a step back from all the progress made by teachers in the province.</t>
  </si>
  <si>
    <t>It is important that the proficiency scales are being used uniformly throughout the provinced. What Emerging means on Vancouver Island should mean the same thing on the Mainland for example.  In this way teachers, parents, and students understand what the scales mean.</t>
  </si>
  <si>
    <t>It is important that high school continues the Profiency Scale language with their students because you measure what you treasure. If letter grades are introduced at grade 10 it suggests to parents and students that letter grades matter more.</t>
  </si>
  <si>
    <t>You measure what you treasure, why would teachers need to assign a letter grade after communicating on the proficiency scales where their child is. Having both is redundant and ultimately parents and students will value only the letter grade.</t>
  </si>
  <si>
    <t>Core Competencies are at the "core" of the redesigned curriculum.  Students are understanding the importance of self evaluation in the three Core areas, continuing this is vital as I am seeing a growing sophistication of self evaluation by students as they have been doing this every year.</t>
  </si>
  <si>
    <t>If the Core Competencies are being self evaluated by students, adding three more goal areas will be overwhelming for students and the power of self evaluation will become diluted and less meaningful if students are CONSTANTLY self evaluating. Constantly measuring leads to less growing.</t>
  </si>
  <si>
    <t xml:space="preserve"> All students should learn through the zone of proximal development, understanding where they are and where they need to go. The new policy is not clear on the reporting language for the students with diverse abilities. </t>
  </si>
  <si>
    <t>Honor the work teachers have been doing by making connections and communicating student growth through portfolios by informing parents at the natural conclusion of a learning cycle. The new reporting policy instead creates artificial time lines for students to perform to receive their progress.</t>
  </si>
  <si>
    <t xml:space="preserve">This is the same as already exists.  This is fine as long as it does not increase the stress on teachers.  </t>
  </si>
  <si>
    <t xml:space="preserve">Parents deserve to know where their child fits in the scale.  By knowing where they stand, everyone is more able to help them make progress.  </t>
  </si>
  <si>
    <t xml:space="preserve">I agree with letter grades not being used in younger grades.  I guess if they are needed for post secondary then they are needed.  Maybe post secondary needs to change tgeir requirements.  </t>
  </si>
  <si>
    <t xml:space="preserve">I believe this is a good, all encompassing way to do things. </t>
  </si>
  <si>
    <t xml:space="preserve">This process gives students skills they will need in the real world. </t>
  </si>
  <si>
    <t xml:space="preserve">As long as they are taught to do this i agree. </t>
  </si>
  <si>
    <t xml:space="preserve">Now train the educators to do this.  </t>
  </si>
  <si>
    <t xml:space="preserve">This is a new way of doing things for teachers.   Reporting frequently puts more stress on them at this uncertain time.  Covid has changed the world.  This may be moving too quickly. </t>
  </si>
  <si>
    <t>Would like clarification on the Summary of Learning and how it differs from the two written reports from earlier in the school year.</t>
  </si>
  <si>
    <t>The continuum makes it easy to evaluate student learning, and the visual of these words/the scale is easy for students to understand.
The issue is the confusion regarding "Emerging", and whether or not students ending the year at this level advance to the next Grade.</t>
  </si>
  <si>
    <t>Students expect this, as do many post secondary institutions. Many students are motivated by grades and percentages.
Students also seem quite open to a mix of the proficiency scale and letter grades on assignments throughout the year. They understand both.</t>
  </si>
  <si>
    <t>I do see value in including both. However, some parents and senior students may disagree and say this does not need to be used on the final report.</t>
  </si>
  <si>
    <t>This does not always seem to be completed throughout the year, and sometimes becomes a burden or "hoop" for students at the end of a course.</t>
  </si>
  <si>
    <t>There is clear value in this for students; however, getting all students to engage willingly with this may prove difficult. Buy-in can be tough.</t>
  </si>
  <si>
    <t>Student self-assessment of core competencies. Self-assessment in general is helpful.</t>
  </si>
  <si>
    <t xml:space="preserve">Because anything less would not give parents enough information, especially if there is an issue. </t>
  </si>
  <si>
    <t xml:space="preserve">Because percentages are not meaningful - they are a reflection of points collection, not data collection. </t>
  </si>
  <si>
    <t xml:space="preserve">University </t>
  </si>
  <si>
    <t xml:space="preserve">Sounds good but teachers will just map the grade onto the scale so no point really. </t>
  </si>
  <si>
    <t xml:space="preserve">I want to see children self assessing on learning standards. The core competencies are not related to teaching and learning, they are about trying to train personality. </t>
  </si>
  <si>
    <t xml:space="preserve">Nice idea but no teacher will have time for this. Teachers are not even getting prep time because of the teacher shortage, and administrators are teaching everyday. This is a totally unrealistic expectation. Maybe in middle/high school. </t>
  </si>
  <si>
    <t xml:space="preserve">Again, nice idea but what supports will teachers have for this? Also, how can assessment respond to individual needs when teachers are mandated to report out on grade level learning standards. This is a contradiction. </t>
  </si>
  <si>
    <t xml:space="preserve">Because this makes no sense if we have to report on grade level learning standards. This will have to be reconciled. Also teachers won’t have time to try to figure this out on their own, and teachers are well aware by this point the ministry will offer zero pro-d or support. </t>
  </si>
  <si>
    <t xml:space="preserve">It’s unclear what the written reports would look like, especially the summary. Report writing is extremely time consuming and as a gr 1 teacher, the data collection process for each written report requires a lot of class time as individual testing is required. </t>
  </si>
  <si>
    <t>How is this different from what we do now?</t>
  </si>
  <si>
    <t xml:space="preserve">Already doing this in grade one and feel like it’s a hoop to jump through. </t>
  </si>
  <si>
    <t xml:space="preserve">Personal Inquiry in an inner-city grade one class with poor support for special needs children and no one reads yet and they haven’t yet mastered lining up or putting on their costs?!? Seriously? </t>
  </si>
  <si>
    <t xml:space="preserve">As it should be. </t>
  </si>
  <si>
    <t xml:space="preserve">More is not necessarily better. </t>
  </si>
  <si>
    <t>I’m concerned that there’s the belief that more reports is better.  We are spending too much time changing reporting criteria, which has taken away from valuable teaching time. Immediate feedback directly to the students is far more important and effective than creating another document for parents</t>
  </si>
  <si>
    <t>Students are becoming more familiar with the scale and it provides more flexibility than precise letter grades.</t>
  </si>
  <si>
    <t>Currently, students are struggling to simply be engaged in their learning, let alone self-assess using core competencies throughout the year. For this to be valuable, it needs to be teacher guided, connected to their work, and not done to fulfill reporting guidelines</t>
  </si>
  <si>
    <t xml:space="preserve">Too many reporting changes over a very short period </t>
  </si>
  <si>
    <t xml:space="preserve">Teachers are overwhelmed with the current conditions and making more changes to reporting, specifically adding another formal written document, would not support better learning outcomes. The time-consuming task of writing reports always takes our energy and focus away from students and classroom
</t>
  </si>
  <si>
    <t xml:space="preserve">Teacher workloads have never been higher and adding to the reporting requirement further adds to the ridiculous expectations placed on teachers. As well, reports are written on personal time. This many reports aims to harm the mental well being of teachers and their families. </t>
  </si>
  <si>
    <t xml:space="preserve">The proficiency index is working. It makes students accountable for their achievement,
particularly when it comes to extending. </t>
  </si>
  <si>
    <t xml:space="preserve">They already are in my professional opinion. Teacher work very hard to individualize educations despite extremely high numbers of unsupported special needs students, ELL students, and very large class sizes. </t>
  </si>
  <si>
    <t xml:space="preserve">Increasing the number of reports significantly adds to the workload of teachers and put their focus on reporting rather than developing relationships with the learners in their class. It also puts greater stress on students in a time where too many already suffer from mental health concerns. </t>
  </si>
  <si>
    <t xml:space="preserve">I think it keeps parents well informed. Any more frequently wouldn’t allow time for growth between periods. </t>
  </si>
  <si>
    <t xml:space="preserve">At my level, it sufficiently describes growth in relation to expectations. </t>
  </si>
  <si>
    <t xml:space="preserve">Older students appropriately have more technical reporting and more summarize assessment (grading). This is a natural progression toward adulthood and post secondary institutions. </t>
  </si>
  <si>
    <t xml:space="preserve">I don’t have experience at this level to understand why additional grading above percentages would be useful or not. </t>
  </si>
  <si>
    <t xml:space="preserve">Currently we report on this once a year. To do a good job requires a substantial time commitment from the teaching and learning day. Extending this would take away form core subjects such as reading and numeracy. Constantly adding more required outcomes dilutes the effectiveness of everything. </t>
  </si>
  <si>
    <t xml:space="preserve">Again, this would necessitate reducing instruction practice and assessment in other core areas. There are only so many hours on a school day and I feel that we already have more than enough to teach without adding things like “goal setting” it would only be able to be fit in at a superficial level. </t>
  </si>
  <si>
    <t xml:space="preserve">I believe we already do this through the IEP process and I’m class differentiation for all students. </t>
  </si>
  <si>
    <t xml:space="preserve">We do not need one more non core area to try to fit into a full teaching day. If pushed through, it would only be able to be done on a superficial level, this being less than effective and also displacing core teaching. </t>
  </si>
  <si>
    <t xml:space="preserve">The number of report cards is not the issue, it is the quality of report cards that can really create a difference for how much value a parent gets out of them. </t>
  </si>
  <si>
    <t xml:space="preserve">My son is motivated by letter grades, and will not try as hard if he knows that carrot is gone. Also the meeting category has way too wide of a spread to provide meaningful feedback for parents. </t>
  </si>
  <si>
    <t xml:space="preserve">I have not seen a meaningful self assessment yet. Also I want to hear the assessment from the teacher, I can ask my child how they think they are doing at any time but that assessment isn’t based on where they should be as they don’t have that information. </t>
  </si>
  <si>
    <t xml:space="preserve">I feel like the kids don’t enjoy this process and therefore don’t put any effort into actually meeting those goals. </t>
  </si>
  <si>
    <t xml:space="preserve">Using the scale doesn’t provide parents with the data they actually need to determine what support their children need. It will allow lazy teachers to write report cards without having real assessment data as they aren’t having to back up letter grades. </t>
  </si>
  <si>
    <t>Not much would be reported every time… we are opting for quantity instead of quality, regarding teaching a unit and students learning. Not good!</t>
  </si>
  <si>
    <t xml:space="preserve">I’m not sure is that effective… </t>
  </si>
  <si>
    <t xml:space="preserve">Imagine the extra work load for teachers: mote evaluation, more marking, more reporting. </t>
  </si>
  <si>
    <t>Teachers mental well being
We have enough in our plate. Let’s keep it the way it is. We are tired of having to learn something new every two -three years. Why can we just leave things the way they are, so we can adapt and perfect our ways of reporting and assessing. Thank you.</t>
  </si>
  <si>
    <t>I need more information.</t>
  </si>
  <si>
    <t xml:space="preserve">We should return to Letter grades and stop confusing students and parents. </t>
  </si>
  <si>
    <t>All grade levels should be the same.</t>
  </si>
  <si>
    <t xml:space="preserve">All grade levels should be the same. </t>
  </si>
  <si>
    <t>Student self-assessment should not be required.</t>
  </si>
  <si>
    <t>This sounds like an IEP for every student and that sounds like a lot extra of work for the teacher with no extra time to support it.</t>
  </si>
  <si>
    <t>Student Goal Setting,Student Self-Assessment,,Diversity &amp; Inclusion</t>
  </si>
  <si>
    <t xml:space="preserve">An IEP takes a lot of time to organize and maintain. There is no time now and I doubt there will been extra time provided with this program  </t>
  </si>
  <si>
    <t>Same as before is fine</t>
  </si>
  <si>
    <t xml:space="preserve">I like the idea of a scale instead of definitive words or grades. I would love the opportunity to give my students feedback about their learning and be able to put them in between two places on the proficiency scale. </t>
  </si>
  <si>
    <t>I would like to see the Orion of a proficiency scale accompanying letter grades to give students a better idea about their progress</t>
  </si>
  <si>
    <t xml:space="preserve">Personal Goal setting can be hard for the younger students </t>
  </si>
  <si>
    <t xml:space="preserve">I don't love the use of letter grades. </t>
  </si>
  <si>
    <t>I feel this is more than enough reporting periods. Teachers have always responded to any request for information I have made - as an involved parent, the number of reporting periods are less if a concern to me than is the ability to get information from the teacher whenever I feel I need it.</t>
  </si>
  <si>
    <t>The scales are too broad to meaningfully identify areas if struggle. If a child is doing well in all but one or two ways within a subject, the report washes over areas of struggle, losing out on an opportunity to involve the parent in supporting the student when extra help is needed.</t>
  </si>
  <si>
    <t>Understanding the level of performance your child has compared to how others are doing gives a more transparent understanding of where my child is functioning within a subject area. Grading criteria are otherwise too broad to help families understand whether their child would benefit from extra help</t>
  </si>
  <si>
    <t>I don't care about consistency with a system I feel doesn't provide sufficient context for my kids' learning needs. 4-point scales don't give enough info. When performance is graded relative to others, it removes comparison to broad standards which don't tell you whether your kid needs help or not.</t>
  </si>
  <si>
    <t>Self assessment is meaningless if not given comparative context. These evaluations don't actually indicate whether a kid understands what, how and why to evaluate. It us meaningless. Parents can do this themselves, or ask teachers to gauge.</t>
  </si>
  <si>
    <t>Show evidence that these measures make a difference to performance or engagement. Otherwise it's a waste of time. Self evaluations may also undermine kids' understanding of their own skills unless it is known whether kids' understand the context. Prove that this is as wrong as yours is right.</t>
  </si>
  <si>
    <t>This should be happening. However, unless context is given - which it almost never is (I work in the system), kids are often applauded for minimal competencies because otherwise the teacher looks unaccomodating. The system is NOT sufficiently transparent foe this good idea to do right by such studen</t>
  </si>
  <si>
    <t>No choice for increased transparency was included, so this is a manipulative question. There are other options not "allowed".</t>
  </si>
  <si>
    <t>2 parent-teacher conferences and 3 written reports maximum</t>
  </si>
  <si>
    <t>Proficiency scales would be would be okay for younger grades</t>
  </si>
  <si>
    <t>This makes sense for older grades</t>
  </si>
  <si>
    <t xml:space="preserve">This would require extra work for teachers </t>
  </si>
  <si>
    <t>Students should be doing this in classes and not at the end of the year. It's superficial but also what is the consequence of not doing a self-assessment?</t>
  </si>
  <si>
    <t>I don't think students would buy in</t>
  </si>
  <si>
    <t xml:space="preserve">The second term in particular is so short that it is virtually impossible to do any sort of authentic assessment in 10 different subject areas. An interim report followed by two full report cards is much more reasonable and gives the parents more useful information about their child. </t>
  </si>
  <si>
    <t>I'm fine with the overall concept, but again, trying to accurately assess after a short period of time, leads to inaccurate assessment</t>
  </si>
  <si>
    <t>If students are not getting letter grades up to grade 9, why the sudden change. It is hard on students, parents and teachers. A student who is getting emerging may not realize that in letter grades they are failing or that developing means they are at a C.</t>
  </si>
  <si>
    <t>Based on the 'assessment' my own children make, it is the least valuable part of the report for me. I would rather hear the teacher's opinions on how things are going. I can talk to my child if I want to hear their assessment.</t>
  </si>
  <si>
    <t>While good in theory, I find in practice students make up goals because they have to and are often not invested in making them happen or they forget them as the term goes on</t>
  </si>
  <si>
    <t>It isn't possible to do this. I have a half time EA for 7 IEPs. How I'm supposed to 'fully respond to their needs' is a mystery I have yet to solve after 5 straight years in remedy. It sounds good, but without support (which we never seem to get) it isn't doable.</t>
  </si>
  <si>
    <t>As stated above, 2nd term is December, which is crazy with Christmas activities etc, followed by two weeks off and then we are back 7-8 weeks and having to start writing report cards. I cannot accurately assess my students in 10 subject areas in this time frame. It is not realistic</t>
  </si>
  <si>
    <t>6-9 should be excluded. % only with concept understandings for these grades.</t>
  </si>
  <si>
    <t>More specific details needed.</t>
  </si>
  <si>
    <t>I feel this will impact teacher load without much overall benefit to students especially in grades 7-10</t>
  </si>
  <si>
    <t>IIEP students would have difficulties. Extra load on teachers.</t>
  </si>
  <si>
    <t>Extra teachers needed to support all of this.</t>
  </si>
  <si>
    <t xml:space="preserve">We need more specific look at middle school understanding of specific learning outcomes to be ready for highschool. Especially math.
Too much work dowloaded to teacher and Leaning Support as well as Isp teachers. </t>
  </si>
  <si>
    <t>Wondering where online reporting platforms such as FreshGrade fit in. I am actually communicating student learning with parents all year in each subject area. Am I then still required to report on paper?</t>
  </si>
  <si>
    <t xml:space="preserve">I feel that for a parent population that is highly ELL, this language is not clear. As a teacher I like and support the idea of a continuum but I'm not sure parents completely understand it. Meeting grade level expectations is perhaps a little more clear. </t>
  </si>
  <si>
    <t>Self-assessment is a valuable tool.</t>
  </si>
  <si>
    <t>While goal-setting is important, from experience I can tell you that for elementary level children, particularly primary, this is very difficult.</t>
  </si>
  <si>
    <t>Sounds good in theory but not in practice. How are our non-verbal, non-communicative students going to contribute to their educational plan? Yes, we need to assess and communicate, but their role might look different.</t>
  </si>
  <si>
    <t xml:space="preserve">As mentioned above, it is very difficult for younger children to set and work towards goals. At my grade level (3/4), they might be able to identify a goal, but working toward that goal is much more difficult. Where is the time coming from to help each child work towards this goal? </t>
  </si>
  <si>
    <t>Ongoing, clear communication seems more valuable to families and students than this prescriptive plan. How is the summary of learning different from current practise?</t>
  </si>
  <si>
    <t>The current curriculum emphasizes focusing on individual student strengths and areas for growth. Isn’t using scales a step back to the style of assessment the “new” curriculum was trying to move away from?</t>
  </si>
  <si>
    <t xml:space="preserve">Let’s work with post secondary to change admissions policy. </t>
  </si>
  <si>
    <t>Why isn’t there a “slightly unsatisfied” on this scale? This scale seems to favour variations on “satisfied”</t>
  </si>
  <si>
    <t>Appreciate the focus on students</t>
  </si>
  <si>
    <t xml:space="preserve">Appreciate the focus on students </t>
  </si>
  <si>
    <t>But will you support actual inclusion? How will you promote more SSAs in our province? How will you allow for more collaborations between classroom teachers and resource teachers?</t>
  </si>
  <si>
    <t>Frustrating question. Concerned my reply will be misused to support changes I’d like to discuss</t>
  </si>
  <si>
    <t>This would mean another increase in teacher workload to collect and organize this self-assessment piece multiple times throughout the year. The job is already strenuous and we can never do everything we are already asked to do. Stop adding more and more and more. Are you trying to break us?</t>
  </si>
  <si>
    <t>Give us the lesson plans, give us the powerpoints pre-made, support teachers in implementing all of this new reporting, give us pro-d and time off to plan and learn how we are going to squeeze yet another huge task into our completely fully booked days. Take something else out so we can fit this in.</t>
  </si>
  <si>
    <t>Sounds great! Pleaswe provide more resource support so we can actually meet the needs of diverse learners. Hire more SLPs, counselors, resource teachers, ELL teachers, SSWs and specialized staff to actually support these kids. They are drowning and we can do nothing but watch.</t>
  </si>
  <si>
    <t>Something has to go. This plan is doing everything BUT making things more simplified for teachers, parents and students. Enter a school, see what is going on. We are in a pandemic. Read the room. This is not the time to ask teachers to do more. Think this through.</t>
  </si>
  <si>
    <t xml:space="preserve">Doesn't appear that much has changed. We already have to do 5 reports, 3 formal and 2 interims. This documents seems to say that the other 2 could be verbal or pictures, etc. That might make it less work in some districts. </t>
  </si>
  <si>
    <t>I like the 4 point scale.</t>
  </si>
  <si>
    <t>Necessary for post secondary studies.</t>
  </si>
  <si>
    <t xml:space="preserve">For some, letter grades are meaningless. </t>
  </si>
  <si>
    <t xml:space="preserve">I like student self assessments.  I'd like to see this replace one of the 2 informal reports as in Elementary at least, they still require a lot of planning, prep and admin time. </t>
  </si>
  <si>
    <t xml:space="preserve">This seems like a great idea but again in Elementary at least,  this will require a lot of planning, prep and admin work. Think of how to get primary students to set these goals. It will require a lot of frontloading before administering.  Maybe in K to Gr. 2 or 3 it again could replace an interim. </t>
  </si>
  <si>
    <t>This gets tricky as we also need to assess progress on IEP goals in the report cards. Also how to assess a designated student on his writing when it doesn't meet the standards of a rubric but still shows effort and improvement from where he started. Are all teachers assessing this in the same way??</t>
  </si>
  <si>
    <t>My comment falls somewhat in frequency of reporting but in light of the goal setting and self assessments. In Elementary schools, especially in Primary grades, these require a lot of extra work on the teacher's part. Think of a self assessment in Grade 10 compared to Grade 1. My thought  is that in Primary grades or Elementary these reports replace the need to do any written interims.</t>
  </si>
  <si>
    <t>In Primary grades self assessments and goal setting is a lot of work to help students understand it and do it.</t>
  </si>
  <si>
    <t xml:space="preserve">Our district 73 has been involved in a 2 year pilot program established by the government. We have found this yearly reporting to be more inline with student assessment, progress and communicating to the parents. Why is the government not requiring districts to report on the success of this pilot? </t>
  </si>
  <si>
    <t xml:space="preserve">Grades rank children unnecessarily. A students know they are A students, C- kids know they are C-, but it negates any progress, effort and learning  that child has accomplished to label them with a letter. A Proficiency scale lets parents know their child are still growing, and progressing.  </t>
  </si>
  <si>
    <t>Universities require these grades for entry, so I suppose the ministry has to use a grading system. However, the proficiency scale  is definitely in the best interests of the students.</t>
  </si>
  <si>
    <t>Those students and their parents who are on the lower end of the grade scale can also have a broader understanding of where they are at, and it is not a label of "you are not good enough no matter how much effort and progress you put in, you will still be a C".</t>
  </si>
  <si>
    <t xml:space="preserve">I don't feel this is necessary 3 times a year, particularly for the younger grades. </t>
  </si>
  <si>
    <t>This is quite a challenge to have k-1 students set meaningful goals, understand them and carry them out without A LOT of teacher scaffolding.</t>
  </si>
  <si>
    <t>Easy to put out a statement like that, very hard to put into practice with some high needs students, and to what benefit? LART's, teachers and the student should decide whether this is appropriate or will have a meaningful outcome.</t>
  </si>
  <si>
    <t>The feedback I have received from parents, and as a teacher, 2 formal and 3 informal reports with the prof. scale and a year end self assessment is very adequate for reporting. They have a very clear understanding of where their child is at, and the way forward.</t>
  </si>
  <si>
    <t>Currently parents have the ability to see their child's progress online through myed at ANYTIME.  Why would a formal written progress report be needed.  You need to work on getting parents involved in their childs education</t>
  </si>
  <si>
    <t>The scale in no way help the child understand where they are at in their education.  In a course like science there are facts, rights and wrongs.  In an art class or woodwork class this works. In the classroom it does.  We provide feedback daily to students.</t>
  </si>
  <si>
    <t>4 words cannot describe your learning.  Next time goverment tries to get a contract please use the words proficient and developing and see how that goes......</t>
  </si>
  <si>
    <t>So I can own up to not doing any work and pass a course?  Really wow!</t>
  </si>
  <si>
    <t>The format of the new report cards doesn't give a clear indication as to whether or not a student is actually performing at the level of the grade they are in.</t>
  </si>
  <si>
    <t>The reports don't give a clear indication of the student's level, the old reports with a grid that indicated not meeting, meeting, exceeding or grades (A,B,C.....) were much more informative</t>
  </si>
  <si>
    <t>Letter grades and percentages should be used throughout high school and from Grade 4 - 7.  So parents know clearly how their child is doing.</t>
  </si>
  <si>
    <t>Not realistic before entering University.</t>
  </si>
  <si>
    <t>Not appropriate for the younger grades,</t>
  </si>
  <si>
    <t>Most students goals are the same, particularly in the elementary school.  Learning to read and write, Math skills, thinking skills, problem solving.......  Creating goals and reporting on them throughout the year is a make work project for both students and teachers and kind of meaningless for paren</t>
  </si>
  <si>
    <t xml:space="preserve">Special needs students that are integrated in elementary school are not being given adequate support or the specialized programs that they need.  They are being plopped into classrooms with no support, this is not integration. </t>
  </si>
  <si>
    <t>all of the above and return to the old reporting system</t>
  </si>
  <si>
    <t xml:space="preserve">Written reports language is not clear.  If using an online platform that reports to families more frequently, does a teacher still have to "write up" a report?  Does this mean paper copies or can other forms of communication be acceptable to be considered "written" (email, portfolio reviews, etc.). </t>
  </si>
  <si>
    <t>Already using this language and it is very clear for families</t>
  </si>
  <si>
    <t>Are they necessary for entrance into universities?  Otherwise, why?</t>
  </si>
  <si>
    <t>Concerning if assigning grades AND proficiency scale remarks; they will be linked and the correlation will disseminate to the younger grades - dismantling the whole purpose of the proficiency scale</t>
  </si>
  <si>
    <t>This needs to be reasonable and developmentally appropriate.  Very young kids cannot make reasonable goals without direction from teachers/adults and therefore are not completely individualized and personal.</t>
  </si>
  <si>
    <t>already doing this within reason (support systems and technology need to be supported to support all learners)</t>
  </si>
  <si>
    <t>It's not the frequency of the reporting but the wording around HOW the information is being reported.  I think it is a move backwards to insist on written reports.  The key is to communicate with families about their child's progress - written reports are not always best for this.</t>
  </si>
  <si>
    <t>I feel this language is difficult for parents to understand.  The words are so vague and not descriptive at atll.</t>
  </si>
  <si>
    <t>This is challenging for primary teachers to do three times a year.  I would recommend teachers be able to focus on one competency each term.</t>
  </si>
  <si>
    <t>The level of detail that is being requested is that of the standard elementary school teacher who only teaches 30 students from September to June. At the high school level, we teach 110 students per semester (220 total) and that level of detail per report is not possible.</t>
  </si>
  <si>
    <t xml:space="preserve">I am in agreeance with Proficiency levels being used but the detailed level of reporting requested by high school teachers with the large number of students we have is not possible. We also currently provide this level of detailed reflection and insight to each student face-to-face in class. </t>
  </si>
  <si>
    <t>I understand that this is necessary for post-secondary but with the shift between proficiency to percentages will be a shock to the students and we need to continue our work with proficiency levels alongside percentages to eliminate the shock for students when they progress through the education sys</t>
  </si>
  <si>
    <t>I understand this but at the same time why are we going from the Proficiency Scale levels to the percentage grade when students are smart enough to know that an Emerging is equivalent to a 86-100 percent range if not higher depending on the teachers. There is no consistency and it defeats the levels</t>
  </si>
  <si>
    <t xml:space="preserve">This should be included within the classroom but not within the reporting. This is a classroom growth and mindfulness point that takes place in the classroom for students to grow and adapt and learn to advance their knowledge. But there should not be a place for this in the reporting sections. </t>
  </si>
  <si>
    <t>We already do this in our classes but this should not be included in the formal reporting as this is something students can build an online portfolio to reference back to and see their growth but the teacher reporting should not include this.</t>
  </si>
  <si>
    <t>How can this be practical for example in the trades classrooms? Or other classrooms when some learners have challenges that the classroom cannot accommodate for despite multiple efforts.</t>
  </si>
  <si>
    <t xml:space="preserve">I cannot just select one as all of the above need to be revised and looked through again. Please think of including current teachers working in the field to really see that what is being planned for is realistic/practical/etc. Right now there looks to be a disconnect from planning to current life practice. </t>
  </si>
  <si>
    <t xml:space="preserve">Notes have been provided above but there seems to be a disconnect between what is being planned to what happens in the field right now on the front lines. What is being asked to be formal is already being done in the classrooms and at the high school level such reporting is not realistic. </t>
  </si>
  <si>
    <t xml:space="preserve">I would like to see 2 written reports (one at the end of term 1 and one at end of the year) with the third being a student led conference in term 2. This way the focus is on the child's learning and progress and not the average of their progress over time. 
</t>
  </si>
  <si>
    <t xml:space="preserve">There is to big of a jump between 'developing' and 'proficient' in the definitions. There needs to be an inbetween for many students. 'Extending' means to go above and beyond and to use that as a marker, leads to unrealistic expectations.  </t>
  </si>
  <si>
    <t>When there is discrepancy between middle and high school, parents question the validity of our assessment. The whole system needs to be reevaluated to focus on learning and not letter grades, this includes post secondary.</t>
  </si>
  <si>
    <t>It is a contradiction. Stakeholders are putting 'letter grade' value on the proficiency scale, which defeats the purpose of student's learning.</t>
  </si>
  <si>
    <t xml:space="preserve">This should be one of the main focuses. Reflection is essential to leanring. </t>
  </si>
  <si>
    <t xml:space="preserve">Setting goals teaches our students resilency and how to deal with disappointment. It is a life skill. </t>
  </si>
  <si>
    <t xml:space="preserve">I would change the wording of the scale and no longer have to attach a letter grade as the summative report. </t>
  </si>
  <si>
    <t xml:space="preserve">I would like to see 2 written reports (one at the end of term 1 and one at end of the year) with the third being a student-led conference in term 2 so the focus is on the child's learning and progress. </t>
  </si>
  <si>
    <t xml:space="preserve">There is too big of a jump between Developing and proficient AND Extending to me, means that you are extending your thinking (going above and beyond). </t>
  </si>
  <si>
    <t xml:space="preserve">When there is a discrepancy between middle and high school, parents question the validity of our assessment. </t>
  </si>
  <si>
    <t>It's a contradiction</t>
  </si>
  <si>
    <t xml:space="preserve">Students are involved. This is how they learn. </t>
  </si>
  <si>
    <t xml:space="preserve">Setting goals teaches our students resiliency and how to deal with disappointment.   </t>
  </si>
  <si>
    <t>Two written reports with one at the end of term 1 and one at the end of the school year. The third being a student-led conference in term 2. This way the focus will be on the child's learning and progress and not the average of their progress over the whole year.</t>
  </si>
  <si>
    <t xml:space="preserve">There is too big of a jump between developing and proficient. And extending means to go above and beyond so to use that as a marker leads to unrealistic expectations. </t>
  </si>
  <si>
    <t>Students need letter grades to be accepted into university.</t>
  </si>
  <si>
    <t>Is it not a contradiction because the we're not supposed to be equating letter grades with proficiency?</t>
  </si>
  <si>
    <t>Setting goals teaches our students resiliency. The value of failure should be emphasized when it comes to personal development. It's a life skill.</t>
  </si>
  <si>
    <t>I would like to see a meet and greet and report in term 1, student led parent conference in term 2, final report in term3. I don't like the Summary of Learning as, we are working towards growth throughout the year and the average drops them halfway down.</t>
  </si>
  <si>
    <t>Too big of a jump from developing to proficient.  I like refining in between.  Also I feel extending is beyond grade level and therefore shouldn't be included as part of the scale for all but could be acknowledge to the few that are.</t>
  </si>
  <si>
    <t xml:space="preserve">Many parents question the validity of the use of a four point scale K-9 when it will be letter grades in high school and post secondary. </t>
  </si>
  <si>
    <t>We are moving away from attaching a letter  grade to the scale.</t>
  </si>
  <si>
    <t>Student reflection and voice is key in their learning.</t>
  </si>
  <si>
    <t>Student's need to set goals for themselves and learn how to work towards them as it is a skill that they need in life.</t>
  </si>
  <si>
    <t xml:space="preserve">If we are moving away from letter grades then we need to completely move away from them.  Post secondary institutions wont move forward with changing until we do. </t>
  </si>
  <si>
    <t xml:space="preserve">1. I would like to see a two written reports (one at the end of Term 1 and one at the end of the  year) with the third being a student led conference in Term 2 so that the focus is on the child's learning and progress and not the average of their progress over time </t>
  </si>
  <si>
    <t xml:space="preserve">There is to big of a jump between 'developing' and 'proficient' in their definitions.  There needs to be an in between for many students.  in my mind Extending means to go "above and beyond" so to use that as a marker leads to unrealistic expectations.  </t>
  </si>
  <si>
    <t xml:space="preserve">When there is discrepancy between middle and high school, parents question the validity of our assessment.  The whole system needs to be reevaluated to focus on learning rather than on letter grades, this includes post secondary.  
</t>
  </si>
  <si>
    <t xml:space="preserve">Its a contradiction.  Stakeholders are putting 'letter grade' value on the proficiency scale, which defeats the purpose </t>
  </si>
  <si>
    <t xml:space="preserve">This should be one of the main focuses.  Reflections is essential to learning. </t>
  </si>
  <si>
    <t>Setting goals teaches our students resiliency, and also how to deal with disappointment when goals are sometimes not achieved.  It is a life skill.</t>
  </si>
  <si>
    <t>I think 5 reporting periods is sufficient.</t>
  </si>
  <si>
    <t>The scale we use is arbitrary.  It's the language that surrounds the scale that is important.</t>
  </si>
  <si>
    <t>These grades and percentages are primarily used for post-secondary institutions.  At times, percentages can be subjective.</t>
  </si>
  <si>
    <t>This seems like an unnecessary addition.  Elementary teachers are told that the scale does not equate to letter grades...this would be a direct contradiction to it.  We should use one or the other.  It is redundant.  If a student is extending, they will likely have an "A".</t>
  </si>
  <si>
    <t>This is fine.</t>
  </si>
  <si>
    <t>Teachers already include goal setting in their teaching.  It doesn't need to be a requirement.  Most students who set a goal at the beginning of the year have long forgotten their goal come Spring time.</t>
  </si>
  <si>
    <t>Teachers are already doing this.  If this becomes part of the required reporting practice then the standardized testing needs to be removed as it is not diverse or demonstrate inclusion of all students and their needs.</t>
  </si>
  <si>
    <t>Teachers do not need to report on every subject 5 times a year. Teachers will burn out!  Literacy, numeracy and Social/Emotional are most important. Reporting on these 5 times a year is sufficient.  Once per year in other subject areas for K-7 is enough, with a summative report at the end is enough.</t>
  </si>
  <si>
    <t>the frequency and type (2 progress and 1 summative - applying district wide template and 2 interim (although nowhere does this word appear) of the teacher's choice has been the standard practice and makes sense with the teaching time in the classroom over the school year</t>
  </si>
  <si>
    <t>I am to understand that reporting in EACH subject area entails reporting on: the curricular competency learning standard (skills, strategies, processes) and essential topic and knowledge the student demonstrates at that point - too detailed and unnecessary of primary students esp. who are developing</t>
  </si>
  <si>
    <t>post-sec requires grades but this is an entirely diff. philosophical stance from what has been happening in K-9</t>
  </si>
  <si>
    <t>matches what will have been happening in K-9</t>
  </si>
  <si>
    <t>students should be developing a self-perception of how they think they are doing in relation to their learning -this is challenging however at k-3</t>
  </si>
  <si>
    <t>allows for use of IEP goals in place of curriculum where needed</t>
  </si>
  <si>
    <t>prov. prof. scale for reporting in all subject areas and where there are no performance standards (sci, ss, ADST...etc) is not relevant and especially at primary grades where students are still developing social, literacy and numeracy skills.  Use the prov. prof. scale reporting on literacy &amp; num</t>
  </si>
  <si>
    <t xml:space="preserve">I am satisfied that it does not change the number of reporting events, but it does seems redundant to have a written Summary of Learning at the end of the year when teachers are already sending home a summative report card at that time. </t>
  </si>
  <si>
    <t xml:space="preserve">I prefer the word Proficient over the current "Applying" as I think it will make more sense to parents. I hope teachers will still be able to put a learner halfway between 2 on the scale (ex: Emerging/Developing) to best indicate their performance. </t>
  </si>
  <si>
    <t>Letter grades and percentages are important for applying to post-secondary institutions.</t>
  </si>
  <si>
    <t xml:space="preserve">Seems unnecessary, but as long as it's not mandatory then those who think otherwise can use it. </t>
  </si>
  <si>
    <t xml:space="preserve">Increased workload with the collection and organization of these items. Additionally, the core competencies are woven into all subjects in the elementary classroom and having kids fill out a sheet about them is generally just time wasted instead of actually engaging with and practicing them. </t>
  </si>
  <si>
    <t xml:space="preserve">Increased workload with the collection and organization of these items. Need to recognize that what will work well in an intermediate or secondary classroom will not work well in a primary setting. </t>
  </si>
  <si>
    <t xml:space="preserve">This sounds very vague. </t>
  </si>
  <si>
    <t xml:space="preserve">Teachers facilitate goal setting with students in much more natural ways and formative assessment practices. </t>
  </si>
  <si>
    <t xml:space="preserve">5 reporting events for EVERY area of learning does not allow time for COMPETENCY development.  The current policy still favors reporting on CONTENT assessment.  COMPETENCY assessment takes time and is more complex. </t>
  </si>
  <si>
    <t>The provincial proficiency scale is an adequate tool for describing student learning.</t>
  </si>
  <si>
    <t xml:space="preserve">The provincial proficiency scale is an assessment of PROCESS, whereas the Letter grade system is an assessment of PRODUCT.  The two cannot co-exist in a meaningful way.  </t>
  </si>
  <si>
    <t>The STUDENTS must be required to "report" and reflect on progress towards goals. If teachers report on this, the ownership will NEVER be felt by students.  Teachers can provide guidance in meaningful reflection and self assessment, but students MUST BE RESPONSIBLE FOR REPORTING on their progress.</t>
  </si>
  <si>
    <t>What extra time will be given for this implementation?  This is an IEP for every learner.  In a class of 30 pubescent 11 year olds, I do not have adequate time to complete this task.  This is a BEAUTIFUL idea, but how will it be implemented in an authentic way?  Our current system does not support.</t>
  </si>
  <si>
    <t>We CANNOT expect teachers to report on 11 subjects and core competencies 5 times a year.  The information provided would NOT be authentic.  It does not allow time for COMPETENCY development.  This is still based on CONTENT reporting.  ASSESSMENT MUST CATCH UP WITH COMPETENCY BASED INSTRUCTION!!!!!!!</t>
  </si>
  <si>
    <t>Use of a scale and descriptive feedback is more clear and meaningful rather than simply reporting grades and percentages.</t>
  </si>
  <si>
    <t>Grades and percentages are a requirement for post-secondary.  With descriptive feedback, they are more clear and meaningful.</t>
  </si>
  <si>
    <t>Since the proficiency scale can be converted to letter grades and percentages, it can be a good option.</t>
  </si>
  <si>
    <t>Student self-assessment does not need to be included in each report card.  That seems excessive.  Students and parents are interested in the report card because they want to hear what the teacher has to say.</t>
  </si>
  <si>
    <t>Goal-setting, while important, does not need to be embedded in the report card.  It should be supplemental.  Goal-setting should be reported at the beginning of the year or semester and student self-assessed at the end.  Goals may have changed during that time, but that can be shared at the end.</t>
  </si>
  <si>
    <t>Unclear how students with disabilities will be assessed.  Sounds like there will be an IEP on top of the 4 learning updates and summary of learning.  Since progress is slow and, in some cases, static,  there is no need for so much reporting.</t>
  </si>
  <si>
    <t>The fact that reporting is to include student goals and self-assessment would make it less meaningful for both teachers and students.</t>
  </si>
  <si>
    <t xml:space="preserve">Way too many times to report on all 10 subjects. Language Arts (reading, writing), Math and Social Responsibility, these core subjects 3-4 times a year but the rest can be 2-3. Parents ask if they have questions or concerns. Give teachers time to teach. </t>
  </si>
  <si>
    <t xml:space="preserve">Makes more sense at an elementary level to use performance scales for reporting and assessment </t>
  </si>
  <si>
    <t xml:space="preserve">Makes sense </t>
  </si>
  <si>
    <t xml:space="preserve">Redundant. If parents or students have questions, they will ask Teachers. </t>
  </si>
  <si>
    <t xml:space="preserve">Mid year and end of year reflection sufficient. </t>
  </si>
  <si>
    <t xml:space="preserve">FSA assessment directly from the ministry does not follow this message. </t>
  </si>
  <si>
    <t xml:space="preserve">It is too much.  I want information on my child's GROWTH of abilities.  Skill development takes longer than a week or two.  
</t>
  </si>
  <si>
    <t>I am happy with proficiency scale</t>
  </si>
  <si>
    <t>This system is needed for post-secondary schools</t>
  </si>
  <si>
    <t>combining these two systems is confusing and does not work.  It is redundant and only creates more work for teachers and more for students to process.  the resulting "grades" are not authentic.  KEEP IT SIMPLE!!!!!!!!</t>
  </si>
  <si>
    <t xml:space="preserve">I do not care about core competency self assessment.  </t>
  </si>
  <si>
    <t>I do not care about my child setting their own goals</t>
  </si>
  <si>
    <t>Isn't this already happening?</t>
  </si>
  <si>
    <t>5 times a year for literacy and numeracy - good
5 times a year for art, social studies, science, etc....WHY?  I do not see any reason for this frequency.  It is TOO MIUCH information.  
YOU CANNOT MANDATE SO MUCH AND ALSO EXPECT PERSONALIZED INSTRUCTION!</t>
  </si>
  <si>
    <t>Seems like a lot of reporting. 3 times a year is fine.</t>
  </si>
  <si>
    <t xml:space="preserve">I am used to this now, it is more meaningful than letter grades, especially in elementary. </t>
  </si>
  <si>
    <t xml:space="preserve">Smooth transition to post secondary education. </t>
  </si>
  <si>
    <t xml:space="preserve">Sounds like a good tool to monitor how my child is doing emotionally </t>
  </si>
  <si>
    <t xml:space="preserve">Sounds like a good tool to get started on setting goals for post secondary, real life skills </t>
  </si>
  <si>
    <t xml:space="preserve">I don’t think that any institution can actually, or say that they are FULLY responding to individual needs for assessment or instruction. That is just misleading and unrealistic. </t>
  </si>
  <si>
    <t>Frequency of reporting and Inclusion and Diversity as proposed are way too unrealistic to achieve or expect our schools to authentically do.</t>
  </si>
  <si>
    <t>There needs to be more clarification on the reporting expectations for semester-run courses.</t>
  </si>
  <si>
    <t>I agree there needs to be consistency at the school/district level. The proposed Provincial proficiency 4- scale is vague and lacking. The term "proficient" is too broad and should be replaced.</t>
  </si>
  <si>
    <t>The new curriculum supports students’ continuous learning progression of competency development. Measuring a student’s learning progression with a percentage or letter-grade devalues this focus and is an inaccurate representation of the learning.</t>
  </si>
  <si>
    <t>Again, there should be consistency within schools/districts. The proposed provincial proficiency 4-scale is lacking and "Proficient" should be replaced with 2 descriptors to create a 5-scale: Emerging -&gt; Developing -&gt; Applying -&gt; Mastering -&gt; Extending</t>
  </si>
  <si>
    <t>The Core Competencies are at the heart of the new curriculum so why wouldn't you?</t>
  </si>
  <si>
    <t>This personalizes the learning, fosters growth mindset and increases motivation and engagement. However, it must all be student driven, student reflection and student reporting.</t>
  </si>
  <si>
    <t xml:space="preserve">How can this be done if you require teachers to report student learning using the proposed proficiency scale? </t>
  </si>
  <si>
    <t>The new curriculum focuses on student growth and learning as a progression. "Evaluation" of student learning should thus be based on this growth and how far the student got to by the end of the course/year - not an "average" of this growth. Percent &amp; letter grade does not show "growth".</t>
  </si>
  <si>
    <t xml:space="preserve">This is 3 reports which is not acceptable.  Each report takes a great deal of time and takes away time from developing good lessons and teaching effectively.  We need 3 conferences and 2 reports (Jan &amp; June) to give students a chance to practice the skills that we feel they need to improve. </t>
  </si>
  <si>
    <t>This scale is crap!  We need a 5 point scale to ensure those learners who are starting to extend (B students) can be acknowledged.  In the current system, they will always be proficient which is horrible.  We need performance norms to ensure a consistency of assigning any standards.</t>
  </si>
  <si>
    <t>This makes complete sense.  However, the loss of provincial exams and any performance norms has significantly impacted how letter grades are assigned.  There needs to be more consistency across schools, districts, and the province to ensure student success.</t>
  </si>
  <si>
    <t>Stupid!  Just give them a percentage and get rid of performance scales from grade 8 &amp; 9 too.  And students should be able to fail in grades 8 &amp; 9.  Ridiculous!</t>
  </si>
  <si>
    <t>There is too much focus on the CC's to the point that curricular learning is being impacted.  "Inquiry" has also meant many teachers don't teach.  The focus should be on teaching with the integration of CC's and not being so isolated and standing separately taking too much time away from learning.</t>
  </si>
  <si>
    <t>This takes too much time away from instruction.Yes,goals are okay, but every term creating and reflecting. To be done right this is a skill to teach which takes away from other teaching.Again this should be embedded within teaching and lessons and not as a stand alone that requires posting responses</t>
  </si>
  <si>
    <t>Many students cannot create their own goals or carry out CC reflections.  You are requiring all students to do what they are not capable of.  Let the focus for younger students of the CCs and goals be more focused on teacher, parent, student vs student which excludes many.</t>
  </si>
  <si>
    <t>2 reports (Jan &amp; June) and 3 conferences are best.  Allow students to practice skills before we are assessing them - is this not the purpose of goal setting?  You set a goal in the fall, but have no time to work on it before a teacher rights a report card?  Ridiculous.  High workload for little gain</t>
  </si>
  <si>
    <t xml:space="preserve">While frequent reporting is informative for the parents and students, please note that as teachers, we already provide frequent feedback in the classroom.  An increase in reporting events doesn't add benefit to the current policy.  
</t>
  </si>
  <si>
    <t>The proficiency scale is a good way to indicate where the student is in terms of how much knowledge they have learned.  However there must be a consistent scale with definitions from one source for all courses, otherwise there is inconsistency from school to school and even from district to district</t>
  </si>
  <si>
    <t>Letter grades and percentages are important to use.  Students need to know in the context of the knowledge "what they knew" and "how much" they knew in terms of the course learning outcomes.  Letter grades and percentages have been very easy for students to understand.</t>
  </si>
  <si>
    <t xml:space="preserve">Including both the letter grades/percentages and the proficiency scale would only cause confusion.  At the end of the day, Grades 10 - 12 course grades may be needed for university application.  No one looks at the proficiency scale at the university level. </t>
  </si>
  <si>
    <t xml:space="preserve">Self-assessment is important but not to be included in student reporting.  It should only be used as an exercise throughout the year in their courses.  </t>
  </si>
  <si>
    <t>See response in previous question.</t>
  </si>
  <si>
    <t xml:space="preserve">Students of diverse abilities or with disabilities would have specific needs and also individualized goals that are frequently not common with other learners.  You need a different set of reporting policies to be able to highlight the needs and goals more thoroughly for these learners. </t>
  </si>
  <si>
    <t>This is the least beneficial.  Since grades and percentages are needed for university, the proficiency scale doesn't add any benefit.  We frequently give feedback in class anyway, so this is just and extra piece of work that doesn't add any benefit.</t>
  </si>
  <si>
    <t xml:space="preserve">Excessive reporting.  The workload for teachers is already excessive without having to report these amount of times.  In addition, students and parents do not read the reports we do write.  </t>
  </si>
  <si>
    <t xml:space="preserve">I have experience using the proficiency scale in Grade 9.  It has created a system that actually creates less motivation then the traditional students.  In addition, there is no consistency between teachers, school, districts on how this scale is used.  </t>
  </si>
  <si>
    <t xml:space="preserve">Very simple way of showing achievement that is understood by all.  With a written strength based comment I believe this is superior to the proficiency scale because it is more descriptive and students and parents understand it.  </t>
  </si>
  <si>
    <t xml:space="preserve">It has created a system that actually creates less motivation then the traditional system.  In addition, there is no consistency between teachers, school, districts on how this scale is used.  Parents and student do not understand this system because of a lack of consistency in how it is used.  </t>
  </si>
  <si>
    <t xml:space="preserve">The idea of teaching students what each competency is and having them self reflect on it when teachers are already strapped for time is unrealistic.  In addition, the competencies are difficult for an adult to reflect on, not to mention 12 year old.  </t>
  </si>
  <si>
    <t xml:space="preserve">The idea of setting goals is always a positive thing, however, I believe that time again is the issue.  Students already set these types of goals in career life courses.  </t>
  </si>
  <si>
    <t xml:space="preserve">We are all aiming for this as educators.  </t>
  </si>
  <si>
    <t>The idea of using a four category scale to assess students skills without teaching knowledge or facts is flawed, undescriptive, and unmotivating.  The extending category (above grade level) is not reachable my most students and the emerging category you will rarely give out. Down to two categories!</t>
  </si>
  <si>
    <t>Provides enough feedback for parents, keeps students on track.</t>
  </si>
  <si>
    <t>Scale is too limited.  Sufficient information has not been provided to clearly define each level of the scale  in each curricular content area at each grade level.  Wide range of assessment from teacher to teacher.</t>
  </si>
  <si>
    <t>By the senior grades curricular content become very specific, especially in the Science and Math.  Proficiency scale is too vague for concentrate sequential learners and teachers who are influenced by data.  Proficiency scale is to subjective, based more on teacher discretion then data.</t>
  </si>
  <si>
    <t>At senior grades courses used for post secondary entrance are often prerequisites for post secondary studies.  Mastering content is required to be successful.  A percentage is a better indicator of mastery.  Proficient is too vague.</t>
  </si>
  <si>
    <t>A percentage and letter grade makes students very aware of their growth.  
Too much time and emphasis  is spent on the process of learning instead of actual teaching and learning.</t>
  </si>
  <si>
    <t xml:space="preserve">Ownership - this is not possible when students are no longer responsible for their work habits.  Have you not been paying attention to diminishing attendance.  Students and parents are well aware if a student does not attend, it is the teacher's responsibility to provide the lesson missed.  </t>
  </si>
  <si>
    <t xml:space="preserve">Again, pay attention to what is actually happening in school.  This is already happening, with more time and effort being placed on students with diverse needs, little is left for the rest of the class.  </t>
  </si>
  <si>
    <t>continue to allow a work habits comment at every grade level</t>
  </si>
  <si>
    <t>Too much emphasis is being placed on the process of learning instead of actual teaching and learning.  If Career Education were being taught effectively in schools, goal setting, learning styles, even personality type would be incorporated into the curriculum in a more meaningful way.</t>
  </si>
  <si>
    <t>I don't mind the number of times, however, the process needs to be more clear while also being less cumbersome. 
Also changes in reporting SHOULD NOT OCCUR IN THE MIDDLE OF THE SCHOOL YEAR WHEN REPORTING PROCESSES HAVE ALREADY BEEN SET WITH COURSE OUTLINES AND EXPECTATIONS! start in sept</t>
  </si>
  <si>
    <t>It is not the concept that is the problem, it is the wording. Developing is a very wide range and covers anything that would have been failing to almost perfect which is an A. So "developing" does not indicate where they are in that pathway.  Most students would be expected to be anything but dev</t>
  </si>
  <si>
    <t xml:space="preserve">If we have C-, C and C+ for the C range, why don't we use the same for the A's and B's?  That makes no sense.  I would love to give students A-, or B+, etc if that is where they are or what they achieved.  </t>
  </si>
  <si>
    <t xml:space="preserve">The math competencies aren't bad but the science ones are terrible.  The are key skills that are missing. There isn't even the word "research" as a competency.  They need to be more realistic.  I have worked as a scientist in many jobs and there are key skills missing.  And many are irrelevant to </t>
  </si>
  <si>
    <t xml:space="preserve">Student self evaluation is a good idea.  It just can't really be done with the current skills because they aren't relevant in science courses.  I AM using self evaluations of the skills that are listed in the BC Science curriculum textbooks. Those are skills that are required.  </t>
  </si>
  <si>
    <t xml:space="preserve">What is the plan for students that do not do that.  How are you going to require them to do the evaluation? </t>
  </si>
  <si>
    <t>The content of competencies - most don't make sense in my fields</t>
  </si>
  <si>
    <t xml:space="preserve">As a parent of elem kids, I don't find the pathways helpful. I have no idea how my children are doing in school.  It was even better when it was met or exceeding expectations. 
As a teacher of high school in science, the competencies are terrible.  They don't include extremely important skills.  </t>
  </si>
  <si>
    <t>I'm neutral because I don't understand how this would apply to schools in the semester system.</t>
  </si>
  <si>
    <t>I think it's a much more effective reporting system that accurately communicates student learning</t>
  </si>
  <si>
    <t>I would like to see grades 10-12 move to the proficiency scale as well.</t>
  </si>
  <si>
    <t>I think this is great.</t>
  </si>
  <si>
    <t>I think this is crucial to student learning.</t>
  </si>
  <si>
    <t>This is also crucial for student learning.</t>
  </si>
  <si>
    <t>I'm definitely in favour of this, though I think the only way this will truly work is if we have smaller class sizes to allow for teachers to actually meet the needs of diverse learners.</t>
  </si>
  <si>
    <t xml:space="preserve">I think moving away from percentages for K-12 is imperative. </t>
  </si>
  <si>
    <t xml:space="preserve">Curious how this affects Semestered courses in high school as compared to courses that are full year. </t>
  </si>
  <si>
    <t>I like the 4 point scale as a way of communicating progress.</t>
  </si>
  <si>
    <t>I think it would be good to require both the 4 point scale and letter grades.
I understand that letter grades are required for post secondary as our kids can transition to a post secondary institution. However, I think the proficiency scale is equally important.</t>
  </si>
  <si>
    <t xml:space="preserve">I think both should be required. the assessment language a student learns from grades k-9 will all of a sudden be meaningless in grade 10 without the proficiency scale. </t>
  </si>
  <si>
    <t>I think that self assessment of the core competencies are excellent. I think there's the possibility at secondary for it to be just a checkbox without a dedicated course or teacher to work with the students on this. I understand it should be cross-curricular, but that may not be reasonable.</t>
  </si>
  <si>
    <t>I think this is good. I worry that if there are no standards or examples from the Ministry that students in different districts will  have different experiences with this. This could mean that students with disabilities are not assessed equally.</t>
  </si>
  <si>
    <t xml:space="preserve">If I could change one thing, i would want both percentages and proficiency scale required for grade 10-12. </t>
  </si>
  <si>
    <t xml:space="preserve">too much !! With all the new things constantly being added to our plate and nothing coming off our plate ...It takes so long to write all of these reports that the quality is diminished by the quantity expected. Could give higher quality feedback with less to report on, less frequently. </t>
  </si>
  <si>
    <t>Parents will still equate it to A, B, C, D scale regardless of terminology. Administrators need to train and teach the parents about this scale, not leave it up to teachers as one more thing they have to explain and train the parents to understand about education. too much is downloaded onto teacher</t>
  </si>
  <si>
    <t xml:space="preserve">I think they need grade 6-12 to adjust to this percentages/grading format and build up stamina for achievement needed for Univsersity </t>
  </si>
  <si>
    <t>Its kind of pointless ... just more work for the teacher.</t>
  </si>
  <si>
    <t>This is not developmentally appropriate for young children. It's very difficult to fit into our day on top of everything else, it is painfully slow for young children to grasp and it takes so much guidance and time to do this effectively. We don't have TIME!!! Our days are jam-packed already.</t>
  </si>
  <si>
    <t xml:space="preserve">Too Much. Way too much to dump on teachers. We don't have enough time to cultivate this with each child along with everything else in the curriculum. Also, it goes way over the heads of young children. Not suitable for k-3 students, this would take weeks and weeks of teaching and interview time. </t>
  </si>
  <si>
    <t xml:space="preserve">Reduce class size by half. Teachers are already stretched too thin trying to meet so many diverse needs. We are drowning in personalization demands. We need more support. Smaller class sizes, more learning support teachers, more EA positions needed. So much more funding needed. </t>
  </si>
  <si>
    <t xml:space="preserve">Its so time-consuming and usually not at all accurate no matter how much teaching and guidance is given. Kids think they are awesome at everything, or they are too hard on themselves. We need to get back to BASICS. it is too much to add more to teachers plates. </t>
  </si>
  <si>
    <t>I think formal reports 3x per year is adequate. I feel that teacher communicate much more regularly now with parents on an ongoing basis through email and video conferencing as well as sharing student success through various platforms.</t>
  </si>
  <si>
    <t>more meaningful than letter grades... which are arbitrary and subjective depending on teacher. Too much value placed on the number as opposed to the learning... proficiency language focuses on learning.</t>
  </si>
  <si>
    <t>Would rather consistent from K-12</t>
  </si>
  <si>
    <t>reasons above</t>
  </si>
  <si>
    <t>Think this is a positive move but would like to see a consistent platform that students could use and add to every year....K-12</t>
  </si>
  <si>
    <t>Think it is importatn to include student voice</t>
  </si>
  <si>
    <t>Education should be about individual growth... I think (some) our teachers are headed in the right direction by providing different entry points in their units and meeting students where they are.... we still have a long way to go.</t>
  </si>
  <si>
    <t xml:space="preserve">The written reports are not as meaningful, specific and easy to understand for our huge ELL parent population. Face-to-face, in person meetings to report on student learning is a much more effective way to show how their child is doing. </t>
  </si>
  <si>
    <t>I like the four point scale, but I wish we could break it down further in each subject. For example, in Math, they may be good with number equations but not in estimation or geometry. The overall four point scale is too vague and needs to be broken down more as it is a good visual for parents</t>
  </si>
  <si>
    <t>I think reporting out twice a year would be great</t>
  </si>
  <si>
    <t xml:space="preserve">I think most of us already to this </t>
  </si>
  <si>
    <t>Some support and time for those teachers with multiple IEPs in their class would be helpful as it is verrrrrrry time consuming</t>
  </si>
  <si>
    <t>I like the way VSB does it now. 2 formal reports and 3 meetings (parent/teacher, student-led, and goal setting). The feedback I have gotten from parents is positive and they like the in person communication and find if very valuable</t>
  </si>
  <si>
    <t>There are a reasonable number of required reports.</t>
  </si>
  <si>
    <t xml:space="preserve">The proficiency scale is too general to use for all subject areas.  It does not work for content driven courses like Mathematics and Science.  Students are reaching high school years receiving a 2 or 3 in a particular subject.  Nobody knows what this means.  The range of 2 or 3 is vast.  </t>
  </si>
  <si>
    <t>At the high school level teacher should be able to define an exact level of learning.  Students need to know exactly where their learning is.</t>
  </si>
  <si>
    <t xml:space="preserve">if you are given an exact percent are you really going to look at the less precise unit of measure? Where its a problem is when teachers are using the proficiency scale to determine a percent.  If a student is Developing you can't magically turn that into a percent. </t>
  </si>
  <si>
    <t>I believe using self assessment is an important tool in educating life long learners.</t>
  </si>
  <si>
    <t>I believe using goal setting is an important tool in educating life long learners.</t>
  </si>
  <si>
    <t>All students must be considered when constructing an assessment.</t>
  </si>
  <si>
    <t>K-6 proficiency scale, 7-9 letter grades, 10-12 percentages.</t>
  </si>
  <si>
    <t xml:space="preserve">It is important to clearly communicate to parents/guardians on how their child is doing in a course. </t>
  </si>
  <si>
    <t>K-4 should be on the Proficiency Scale. Grades 5-9 should be letter grades.  Currently, the proficiency scale does not clearly communicate to parents how their child is doing. If a child is emerging, parents do not clearly know their child is below grade level.</t>
  </si>
  <si>
    <t>Students and parents need clear communication on how their child is performing in a course.  A percent does this. Many students go to some form of post-secondary, they need a clear grade on their achievement.</t>
  </si>
  <si>
    <t>Proficiency Scale can be used for certain courses where it fits best, but other classes can use a percent (Science/Math). A percent grade at the end is very important so students know the score they have achieved for the work they produced. 80% is a very different score to 90%, but both Proficient.</t>
  </si>
  <si>
    <t>Students need to reflect on their learning and how they are growing, developing and progressing.  Employers want students to have these skills.</t>
  </si>
  <si>
    <t>Gives purpose as to why students are reflecting on their learning when they need to reflect on goals, education and careers.</t>
  </si>
  <si>
    <t>Every student needs to demonstrate their level of learning and understanding.</t>
  </si>
  <si>
    <t>Grades 6-9 need to have a letter grade or percent on the final report to clearly indicate the level of understanding students have in subjects as well to notify parents how their child is understanding concepts taught in school.</t>
  </si>
  <si>
    <t>Teachers have provided 3 written reports in the past.
The summative report is redundant. It is more relevant to report per term.</t>
  </si>
  <si>
    <t>In primary grades I don't feel it's necessary to use the proficiency scales in Science and  Socials. The curriculum is repetitive through the grades and they will be assessed on it when they are older.</t>
  </si>
  <si>
    <t>It is clear and easy to understand for parents, students and easier to compare between courses and schools for post secondary institutions.</t>
  </si>
  <si>
    <t>Extra work for teachers and unnecessary communication as students won't look beyond the letter grade.</t>
  </si>
  <si>
    <t>The language of the competencies are too extensive, wordy and difficult for primary children. It would take all year to cover them all at the expense of other subject areas. Teaching self-assessment is difficult. The majority of students just repeat what is in class discussion</t>
  </si>
  <si>
    <t>Very time consuming to goal set with individual primary children. From what I've seen their goals remain the same throughout their school years into middle school and high school. They are redundant and repetitive. It takes up too  much teaching time.</t>
  </si>
  <si>
    <t>Self assessment is not possible for some diverse learners. It would be decided by the educators.</t>
  </si>
  <si>
    <t>I cannot pick just one! I would get rid of the goal setting and self-assessment for every report - it is too time consuming in class and redundant therefore freeing up time to teach actual curriculum and competencies like reading, writing and math.</t>
  </si>
  <si>
    <t>3 reporting events should be optional in their delivery method. Only 2 written</t>
  </si>
  <si>
    <t>In the Primary grades, the proficiency scale is useful for math and Language Arts, but unnecessary for Science, Socials, Art etc in which the student's understanding is not easily graded and changes by the day</t>
  </si>
  <si>
    <t>The language of the core competencies is too difficult and lofty for primary students.  It is too much and takes away from learning to read, write  and do math.
Students in primary are not developmentally ready to self-assess, they just repeat an idea brainstormed by the teacher.</t>
  </si>
  <si>
    <t>Goal setting becomes a hoop to jump through.  Doing so many goals, so often becomes meaningless to the students who are bored of the whole process</t>
  </si>
  <si>
    <t>Decrease the amount of reporting, thus decreasing the amount of goal setting and self assessment to leave time to actually teach the important areas of the curriculum. The ministry keeps asking for more and more busy work that encroaches on teaching and personal unpaid time.</t>
  </si>
  <si>
    <t>Sometimes the reporting process takes away from the learning of students in the class.  For example, if I am continually using an online grades program to keep students up to date every 2-4 weeks, then the need for a formal report before the end of the course is unnecessary.</t>
  </si>
  <si>
    <t>I work in  9-12 school. It seems more appropriate to align Grade 9 reporting with what is happening at 10-12.   The four-point scale gives a good snapshot, but if "converted" (even mentally) to a percentage, then it is incredibly imprecise.</t>
  </si>
  <si>
    <t>Teachers who are working in a gradeless classroom can still convert the performance of the student to a letter grade/percentage at the end of the course.  However, if we are only giving grades for the sake of universities wanting to see where students fall on a scale, then this is not a good reason.</t>
  </si>
  <si>
    <t>Using the proficiency scale AND a percentage scale in official reports creates more work for teachers who then need to use two different modes of assessment.</t>
  </si>
  <si>
    <t>I love the idea of students self-assessing the core competencies, but the province needs to create a platform for students to communicate their self-assessment with parents. The process of creating and distributing unique student self-assessment is a burden on already over-worked teachers/schools.</t>
  </si>
  <si>
    <t>i love the idea, as long as the government creates the infrastructure to allow students to self-report, rather than teachers/schools creating a system at the school or district level.</t>
  </si>
  <si>
    <t>For classrooms to be fully inclusive, teachers will need more time for planning (universal design for learning) and support (EA's, team teaching).  In our district, it seems more money goes to district-level jobs (helping teachers, district vice-principal of... but this money doesn't read students.</t>
  </si>
  <si>
    <t>Universities are still expecting high schools to sort students upon graduation.</t>
  </si>
  <si>
    <t>The number of reporting periods is perfectly reasonable, no change is needed.</t>
  </si>
  <si>
    <t>I would like to clarify that my "Not at all clarified" is actually a "Fully displeased". The four-point scale is less transparent and more subjective especially for courses and classes that are more process and content driven.</t>
  </si>
  <si>
    <t>The letter grade and percentage system allows for students to have a range of achievable goals and there is a clear methodology on how their assessments conclude to their final report.</t>
  </si>
  <si>
    <t>The Provincial Proficiency Scale is not a transparent method of reporting.
There is an implication that there is no written reporting occurring with lettergrade and percentage reporting, which is patently false. The ability to statistically analyze a students progress is valuable.</t>
  </si>
  <si>
    <t>It is an admirable goal to have students be self-aware and attempt to self-assess.</t>
  </si>
  <si>
    <t>This isn't new. Students already have Individualized Education Plans. This style of questioning seems to be deliberately misleading.</t>
  </si>
  <si>
    <t>Proficiency reporting for Grades 10-12 is (depending on subject) not particularly useful, and lacks transparency. While there are positive applications in some courses, the lack of appropriate and applicable Curricular Competencies in some subjects make it useless.</t>
  </si>
  <si>
    <t xml:space="preserve">I'm confused:  Our district requires  some kind of targetted contact each month.  This does NOT cover every subject area, but perhaps a feedback form attached to a student project, a phone call for a specific reason, parent-teacher conference, student-led conference... including Three MyEd reports. </t>
  </si>
  <si>
    <t>Kindergarten should not have the Learning Summary currently used on MyEd. There is not enough focus on social skills (personal and inter-personal); personal responsibility (cleans up after self, hands to self, competes task); comprehension of language; &amp; motor skills. It is  geared for older grades.</t>
  </si>
  <si>
    <t>Definitely, grades are needed.  Reasons:  1. Human psychology - kids will strive to improve themselves or at least be able to determine their level of success.  Humans are efficiently lazy and most will not read the reams of descriptive reporting teachers are expected to do now.  2. Simplicity.  etc</t>
  </si>
  <si>
    <t>Trusting that by 'Proficiency scale,' you mean Emerging, Developing, etc.</t>
  </si>
  <si>
    <t>It hasn't been easy to break self-assessment down to a kindergarten level, but my colleagues and I did a version and I'm pleased to teach the students some self-reflection.  It also provides the opportunity to discuss priorities... why we do what we do.</t>
  </si>
  <si>
    <t>I teach Kindergarten.  They don't distinguish between what they knew and could do a year ago and what they are capable of now.  Once they learn something, they assume they've always know it.  Understanding even what a goal is (beyond soccer) is hard.  This is an activity for intermediate and higher.</t>
  </si>
  <si>
    <t>That is a sweeping statement &amp; includes 'evaluation practices."  You mean to tell me that a non-verbal 12 year old who has the intellectual functioning of a 2-year old should be subjected to attempting to write a test or similar?  Or evaluation tools be adapted for the whole class to include her?</t>
  </si>
  <si>
    <t>Kids often don't know what they don't know, aren't very self-aware, or should be given challenges by a professional who will then guide the students to success at those goals.  If kids know, how is a teacher expected to help them monitor &amp; achieve these goals while also supporting mastery of curricu</t>
  </si>
  <si>
    <t xml:space="preserve">I am satisfied with the amount of reporting that we currently do.  </t>
  </si>
  <si>
    <t xml:space="preserve">Four point scale is fine but requiring DESCRIPTIVE feedback for EVERY subject area is not necessary for kindergartens.  Kindergarten is about social/emotional development, play, and learning alphabet and numbers.  No need for feedback on CONTENT of careers, health, drama, etc. </t>
  </si>
  <si>
    <t xml:space="preserve">Letter Grades are only needed.  </t>
  </si>
  <si>
    <t xml:space="preserve">Self-assessment in kindergarten (and primary grades) is not realistic.  Abstract concept for kindergarten students. </t>
  </si>
  <si>
    <t xml:space="preserve">It does not provide ownership.  Goal setting in kindergarten is too abstract.  </t>
  </si>
  <si>
    <t xml:space="preserve">Descriptive feedback in key subject areas only: Reading, Writing, Math, for kindergarten.  Plus comments on workhabits, social emotional development, etc. </t>
  </si>
  <si>
    <t xml:space="preserve">Sometimes it feels like it is one too many reporting periods., that with other online progress programs that we use, such as Check My Progress, that we could have one less official reporting period.  As well, at the beginning of the year, it feels we barely know the students... </t>
  </si>
  <si>
    <t xml:space="preserve">Percentages and letter grades provide some information for post-secondary entry requirements as well. </t>
  </si>
  <si>
    <t xml:space="preserve">It would help to keep things consistent through K-12 Assessment practices. </t>
  </si>
  <si>
    <t xml:space="preserve">Sometimes it feels the students are not consistent with self-assessment practices so their reporting at report card times doesn't feel as authentic. </t>
  </si>
  <si>
    <t xml:space="preserve">Goal setting is a great idea, but we need to see if we can have all teachers assessment practices at our Middle School allign, have teacher "buy in" so that it will be more consistent across different subject areas/courses. </t>
  </si>
  <si>
    <t>Must include (re)training for teachers re diff forms/ language of evaluations/ assessments
Concern re amount of time given or not given to allow teachers to prepare these assessments</t>
  </si>
  <si>
    <t>Has led to using traditional marking methods to decide where students sit on the scale.
Question- A student may be "viewed" as a 3-4/4 at the end of one Grade but the next year the may be considered a 2-3/4. This may also vary from teacher to teacher. Who decides?</t>
  </si>
  <si>
    <t>Why fix what isn't broken? A 100% scale is better than 4!</t>
  </si>
  <si>
    <t>more work... see previous comments re. traditional marks being used to determine the scale. Variation from teacher to teacher.</t>
  </si>
  <si>
    <t>Would this be required for all classes or would it be done separately/outside class as formal interviews?
Time constraints/ conflicting with course content delivery time.</t>
  </si>
  <si>
    <t>More teacher training.</t>
  </si>
  <si>
    <t>Everyone deserves to succeed.</t>
  </si>
  <si>
    <t xml:space="preserve">time for training </t>
  </si>
  <si>
    <t>To create uniformity in assessment and language used there should be effective ongoing training sessions delivered. Not just peer teaching during lunch and after school. In other words time needs to be set aside as was done when introducing core competencies years ago.</t>
  </si>
  <si>
    <t>There is no place for students who have provided evidence that they are below Emerging.  There is no place for failure in this scale.  Four catergories does not provide enough range.  There is no middle and there is nothing to indicate failure.</t>
  </si>
  <si>
    <t>This scale makes more sense.  There is a wide range and there is a place that indicates a student did not meet minium requirements.</t>
  </si>
  <si>
    <t>I think the proficientcy scale is not a good tool.  I like that I can op out of using it in grades 10-12.  I won't be using it.</t>
  </si>
  <si>
    <t>This is okay if it is the same as we are doing now.  If it requires more reporting out that we are doing now, than it is not okay.</t>
  </si>
  <si>
    <t>How is this helpful in a formal report to parents?  They can ask their child what their goals are.  The report card should come from the teacher about what is happening.  I understand student ownership, but why include this in a report card?  This is going to be a time-consumming and useless additio</t>
  </si>
  <si>
    <t>The Proficiency Scale is too vague and does not allow for a wide enough range of possiblities including middle-of-the-road or not meeting minium requirements/failure.</t>
  </si>
  <si>
    <t>My son was so discouraged and frustrated with the 4 point scale as an assessment tool in math.  I have never seen an assessment be less helpful as a learning tool academically and emotionally.
It also seems like a lot of work for teachers, and I would rather they spend their time teaching.</t>
  </si>
  <si>
    <t>My son and his friends are not truly engaged in the core competencies nor in self-reporting.  They go through the motions, and don't like it.  It feels like we are teaching them how to jump through hoops. I am in favour of self-reflection, but only 1-2x/year and not in every subject.</t>
  </si>
  <si>
    <t xml:space="preserve">Limit the goals and you will increase student engagement.  </t>
  </si>
  <si>
    <t xml:space="preserve">I do not feel like one is responding fully or meaningfully to all individual needs with this model.  </t>
  </si>
  <si>
    <t>I would like the policy at the secondary level to assess life skills, such as handing in work on time, rather than just subject specific skills.</t>
  </si>
  <si>
    <t>I have always thought of our secondary education system as preparing young people to become healthy and contributing members of Canadian society and the world.  This assessment system does not adequately prepare students for post-high school life.</t>
  </si>
  <si>
    <t>2 written formal summaries (June summary + 1 other) as proposed in previous change was sufficient. Having teacher choice for 3rd was more meaningful.</t>
  </si>
  <si>
    <t>using Beginning, Developing, Applying, Extending is more matched to a growth mindset model and more meaningful language for students and parents.</t>
  </si>
  <si>
    <t>Research shows letter grades decrease student performance.</t>
  </si>
  <si>
    <t>Proficiency scale and meaningful feedback should replace letter grades and percentages.</t>
  </si>
  <si>
    <t>More teacher resources required to make language of the core competencies accessible for students.</t>
  </si>
  <si>
    <t>This is already something I incorporate into my teaching practice. The ministry needs to create and provide resources to support this process because it cannot be donw in a whole class setting. Must be done 1-1 and very difficult with no in class supports for students who have high needs.</t>
  </si>
  <si>
    <t>Yes! But cannot be incumbent upon teachers to create these resources. Teachers need training and in-class support.</t>
  </si>
  <si>
    <t>return to previous model that allows for teacher autonomy.</t>
  </si>
  <si>
    <t xml:space="preserve">We are doing the pilot project, of which there are only 2 written reports required.  This format has worked well the last three years, as when we report in November, many of us feel we still do not have an accurate assessment of all students.  </t>
  </si>
  <si>
    <t>Students are now used to this reporting scheme in our district.</t>
  </si>
  <si>
    <t>Continuity is very important</t>
  </si>
  <si>
    <t>If this looks like self assessments already done in class this is okay, but if this is extra assessments on top of what the teacher is already doing, this is just adding to an already very full workload and curriculum load.</t>
  </si>
  <si>
    <t>This sounds like a lot of work when we all already feel there is not enough time to do everything.</t>
  </si>
  <si>
    <t>Because we have been doing two written reports in the pilot, and it has worked very well.  I feel like the first written report includes a more accurate assessment of students as it falls later in the year.</t>
  </si>
  <si>
    <t>We have been doing the pilot program with 2 written reports total during the year and it has worked very well. Having to write a report card in November is hard to do because we are still working on units that are not yet finished and don't have enough work in yet.</t>
  </si>
  <si>
    <t xml:space="preserve">The words don't really explain well enough where the students are at. Having the two words that begin with E are also confusing for students and others. Emerging and Developing seem very similar in their definitions. </t>
  </si>
  <si>
    <t>It is important that students are ready for University and high school should prepare them as much as possible. I would like to see letter grades throughout high school. I also think letter grades encourage students to try harder.</t>
  </si>
  <si>
    <t xml:space="preserve">I don't see it being necessary to do both. Letter grades should be enough. </t>
  </si>
  <si>
    <t xml:space="preserve">This is a lot of extra work for teachers to set this all up. We teach the competencies and I feel it should still be enough to have the students self assess just once at the end of the year.  I don't think the parents at our school at least care about this enough to have it 3 times each year. </t>
  </si>
  <si>
    <t xml:space="preserve">Teachers always do goal setting with students and it already part of our curriculum so we don't need to formalize it and add yet another thing to reports. Again the simplicity of the pilot program reports has been received well by teachers, parents and students. </t>
  </si>
  <si>
    <t xml:space="preserve">I think we do this with IEPs which make parents and teachers fully aware of what individual needs of learners are and the meetings in the year allow us to discuss and update. </t>
  </si>
  <si>
    <t>Teachers are burnt out and November is too soon to write a report anyway. 2 written reports is enough for parents and is easier on schools and staff.</t>
  </si>
  <si>
    <t>What we use in k</t>
  </si>
  <si>
    <t xml:space="preserve">Seems like it would take more time out of our teaching time. </t>
  </si>
  <si>
    <t xml:space="preserve">No needing to report on more than literacy and numeracy. Science and socials etc happen throughout the day/year big picture not minutia. </t>
  </si>
  <si>
    <t>We were just introduced to a new reporting policy 3-4 years ago and you want to change it on us AGAIN!</t>
  </si>
  <si>
    <t>Self assessments are really difficult to obtain when teaching 4/5/6 years olds. ESPECIALLY at the beginning of the school year (aka first term)</t>
  </si>
  <si>
    <t xml:space="preserve">We report 3 times a semester. I feel like that is more than adequate. </t>
  </si>
  <si>
    <t xml:space="preserve">I feel like that summarizes student learning well. </t>
  </si>
  <si>
    <t xml:space="preserve">Grades don't matter. Work habits and  a willingness to learn do. </t>
  </si>
  <si>
    <t>I think a proficiency scale would be useful.</t>
  </si>
  <si>
    <t xml:space="preserve">self assessment and student advocacy is important. </t>
  </si>
  <si>
    <t>Some students would struggle with this, although these are core UDL strategies.</t>
  </si>
  <si>
    <t xml:space="preserve">All learners should be included. </t>
  </si>
  <si>
    <t xml:space="preserve">We are reporting once a month right now. It feels like a lot of reporting on top of all the other things teachers do. </t>
  </si>
  <si>
    <t>This new requirement would be EXTREMELY ridiculous. Full report cards every two months.....</t>
  </si>
  <si>
    <t>We are currently using this scale and the students and parents are familiar with the language</t>
  </si>
  <si>
    <t>These are unrealistic expectations</t>
  </si>
  <si>
    <t>Grade 9’s are housed in high school but are receiving a different grading system which is incongruent with senior grades. Also, numeric values are neatly specific and provide information. People will likely see numerical value behind the euphemisms of emerging, developing…it’s just human to do so.</t>
  </si>
  <si>
    <t>This is language that we understand. It doesn’t hurt students if they receive lots of comments and varied feedback.</t>
  </si>
  <si>
    <t xml:space="preserve">As a guide this is important for the meta cognitive piece of learning. </t>
  </si>
  <si>
    <t xml:space="preserve">Grade 9’s are not receiving the same as seniors. </t>
  </si>
  <si>
    <t xml:space="preserve">What is the difference between a complete understanding and a sophisticated understanding?  I do not feel like the scale is well defined.  </t>
  </si>
  <si>
    <t xml:space="preserve">Why change the lower grades if you're not going to change the senior grades.  Change everyone. But I think a 6 point scale would be a better option. </t>
  </si>
  <si>
    <t xml:space="preserve">why bother.  Pick one.  </t>
  </si>
  <si>
    <t>Students should be more involved in the assessment process every where.  Isn't our goal to encourage life long learning?  They need to learn how to assess what they know, and how to use that to move forward.</t>
  </si>
  <si>
    <t>This is a great idea.  Please provide support for teachers to learn how to help students do this.</t>
  </si>
  <si>
    <t>I think a 6 point scale would be better.  The scale needs to be better defined.  Teachers need to be able to agree on what proficient and extending look like.</t>
  </si>
  <si>
    <t>-Positive = first update provides opportunities for early intervention; written updates have no set dates so can be flexible for portfolio reporting
- Negative = set number of written reports still lend themselves to snapshot "term" reporting as opposed to ongoing reporting for early childhood (K-3)</t>
  </si>
  <si>
    <t>Positive = performance scale rather than numerical or letter ranking
Negative = the term "Proficient" does not reflect the student-centered, culturally responsive tone of the revised curriculum but is industrial and colonial language rather than an everyday parent friendly term</t>
  </si>
  <si>
    <t xml:space="preserve">The sudden change to percentage rankings could change student motivation. Students and parents will focus on the numbers rather than the descriptive feedback.  Until we can change the mark inflation and numbers race enforced by university admissions, this may be the only choice. </t>
  </si>
  <si>
    <t xml:space="preserve">The Proficiency Scale and descriptive feedback should be required for grades 10-12 to continue the focus on personal goal setting and self-assessment.  </t>
  </si>
  <si>
    <t>The core competencies are key to creating safe and inclusive learning communities as well as self-reflective learners.</t>
  </si>
  <si>
    <t>I agree with this rationale</t>
  </si>
  <si>
    <t xml:space="preserve">I am not completely clear as to how the proficiency scale would be used for learners with IEPs.  This needs to be clear for all Districts with training for inclusive education teachers  in how to support the practice. </t>
  </si>
  <si>
    <t>the term "Proficient"</t>
  </si>
  <si>
    <t>Can't have two systems really. Students and parents will just ignore one. Also muddy's the waters too much. Either go all in on proficiency or don't use it.</t>
  </si>
  <si>
    <t>I think the reporting order speaks to K-7 but does not at all comprehend what reporting actually looks like for secondary teachers who have 150 students (semester) or 200 students (linear) to report on, at every reporting period.</t>
  </si>
  <si>
    <t>I used the Proficiency scale extensively in grade 8 and it worked well. However, there was a BROAD RANGE for Proficient, from just beginning proficient, to those close to extending.  It is such a wide range that most students are labeled proficient even though they progress throughout the course</t>
  </si>
  <si>
    <t>Students need to understand their level of comprehension and there needs to be data to back that up. This does not exclude feedback such as using the proficiency scale alongside, which is a very valuable set of feedback as well.</t>
  </si>
  <si>
    <t>If it became a requirement to report on the proficiency, then, as stated before, secondary teachers would have one more thing to add to their reporting, and I know that it would eventually become a meaningless attachment of each category to an A, B, C, C-.  Use only when valuable for feedback.</t>
  </si>
  <si>
    <t xml:space="preserve">Self reflection is a formative assessment and development of metacognition is extremely valuable, BUT...How does the Ministry think this will be accomplished by Sec teachers of hundreds of students?  I feel a major disconnect to what they think reporting periods look like for teachers beyond gr 7. </t>
  </si>
  <si>
    <t>Again, complete disconnect as to what reporting looks like in gr 8 to 12. Rather than understanding what teaching + assessing looks like in 2021, Ministry is looking to add things that look good optically. Trust that teachers are adopting such practices, + communicating to parents. NOT IN REPORTS!</t>
  </si>
  <si>
    <t>Often, in order to manage 30 students in  high school classroom, effectively assess them, and carry out in class activities, usual options for learning activities are omitted to accomodate diverse learners that can not keep up. It is just impossible for teachers to teach to so many different levels.</t>
  </si>
  <si>
    <t>Curious as to why asked to just choose one. Goal setting + Self assessment go hand in hand &amp; both require an extra step where student takes part in formal reporting. Each comment box so restricted in length- I can't state how I actually feel. Is this intentional? Will my response matter in the end</t>
  </si>
  <si>
    <t xml:space="preserve">We are already overloaded with work and making more decreases the time spent with students. </t>
  </si>
  <si>
    <t xml:space="preserve">It allows for a sliding scale of performance.   There is no perfect 1,2,3 or 4.  Progress in the students ongoing work should be stressed rather than a statistic. </t>
  </si>
  <si>
    <t xml:space="preserve">If they are used as a self examination tool, yes.  If not, it is a wasted exercise. </t>
  </si>
  <si>
    <t xml:space="preserve">Teaching goal setting is a good beginning to practicing success strategies. </t>
  </si>
  <si>
    <t xml:space="preserve">We know that isn't true because of the FSA.  I have challenged students who can not even read and will never be able to make it through logging onto the computer never reading the instructions and completing the tests.  It makes them cry.  There are not enough assistants to help them. </t>
  </si>
  <si>
    <t xml:space="preserve">Institutionalized racism </t>
  </si>
  <si>
    <t xml:space="preserve">Cut down on silly ridiculous repetitive reporting. Teachers are swamped enough. How could you even contemplating during this period in time. I am shocked and disappointed that this is taking place now.  </t>
  </si>
  <si>
    <t xml:space="preserve">Why do you keep changing things. Remember the old phrase - "if it ain't broke dont fix it"?????? </t>
  </si>
  <si>
    <t>Have the same reporting system as k-9. Use a 4 point comment scale like k-9. Kids are suffering due to the competition over grades. Have some compassion. Think like a veteran classroom teacher please. We should not be using letter grades nor percent for grade 10 to 12 - this is for universities.</t>
  </si>
  <si>
    <t xml:space="preserve">Ditch percentages. Quit doing the work for universities. Let them come up with their own means to accept students. Kids are emotionally suffering over the pressure of percentages. Stop it please. Be progressive and take a huge leap forward basing on a 4 point scale like k-9. </t>
  </si>
  <si>
    <t>Whatever!</t>
  </si>
  <si>
    <t xml:space="preserve">Kids even teenagers are too young emotionally to be making these decisions. </t>
  </si>
  <si>
    <t>I grade on individual ability and take into account what the student is going through in their life as well.</t>
  </si>
  <si>
    <t>Grades 10 to 12 do not need this kind of pressure. Keep it the same as k-9. Please!!!! Kids in gr 10 to 12 are not the same as kids from 20 to 30 years ago. They are much more fragile and the use and competition of percentages is causing mental health issues.</t>
  </si>
  <si>
    <t>Redundant. # Grades are more informative.</t>
  </si>
  <si>
    <t>Not practical. Can do this with my own child myself. L</t>
  </si>
  <si>
    <t xml:space="preserve">Not useful .i would rather have the conversation with my child than second hand through teachers. </t>
  </si>
  <si>
    <t xml:space="preserve">That is enough communication to know what is going on in the school. Teachers do not need more work. </t>
  </si>
  <si>
    <t>I want to know what % or A, B, C, D, F  with clear representation of what percent they stand for.</t>
  </si>
  <si>
    <t>All grade levels should be this way.</t>
  </si>
  <si>
    <t>This is just stupid and does not prepare them for any future education.</t>
  </si>
  <si>
    <t>Complete waste of time for both the student and teachers. This means absolutely nothing to them or the parents.</t>
  </si>
  <si>
    <t xml:space="preserve">This is a useful skill that can help them in the future. </t>
  </si>
  <si>
    <t>I am unsure as to what is being done as of now in these cases.</t>
  </si>
  <si>
    <t xml:space="preserve">This is a total waste of time - my kids just write one of the 'forced' statements to make the teacher happy they wrote something. </t>
  </si>
  <si>
    <t>Under semester system, our school has always provided 4 reports per school year (two per semester).  Five would create an imbalance between semesters.</t>
  </si>
  <si>
    <t>It would create inconsistency in reporting when students reached grades 10 to 12.</t>
  </si>
  <si>
    <t>Extremely satisfied, as long as the same reporting procedure is also for K-9.</t>
  </si>
  <si>
    <t>slightly satisfied, as long as Proficiency scale is an "option", not a requirement, as an addition to grades and percentages.</t>
  </si>
  <si>
    <t>Self-assessment might not be accepted as adequate for admission to post-secondary institutions.</t>
  </si>
  <si>
    <t>Who is responsible for keeping track of students' written goals, besides the students themselves?</t>
  </si>
  <si>
    <t>We are already doing all that.</t>
  </si>
  <si>
    <t>By using Proficiency Scale for Gr 10 to 12, we can't differentiate between students who, for example, are getting between 75% or 85% (letter grade = B, or "Proficient").  But this is a 10-point difference, and it might make things difficult for admissions office at post-secondary institutions.</t>
  </si>
  <si>
    <t xml:space="preserve">Students have never cared less about their performance with the sliding scale. Student who receive letter grades/percentages are more aware of themselves as a learner. Now you can have a wide range of abilities all fall under “meeting” which has made these sliding scales meaningless. </t>
  </si>
  <si>
    <t xml:space="preserve">Letter grades and percentages are important to prepare for post secondary schools. </t>
  </si>
  <si>
    <t xml:space="preserve">This would not prepare them for post secondary school. </t>
  </si>
  <si>
    <t xml:space="preserve">The core competencies may be okay for older grades but grade five and under do not connect and struggle to really understand what they are.  </t>
  </si>
  <si>
    <t xml:space="preserve">Again, students have no idea who they are as a learner with the sliding scales. So trying to get them to goal set has become incredibly hard. They don’t care if they are PM or M because no matter what they move on to the next grade. </t>
  </si>
  <si>
    <t xml:space="preserve">Not sure how this will work. </t>
  </si>
  <si>
    <t>Please stop, we parents hate these scales because it is so general.  Just give us a percentage, yes it's boring from your side but I remember the glow in my daughter's eye running up to me telling me when she got 98% on her test.   She has NEVER run up to me saying she got a 'Proficient'...</t>
  </si>
  <si>
    <t>Please don't change.   We all want to know what our pay is at a job, students want to know what MARK they got.</t>
  </si>
  <si>
    <t>Teachers always want to do the 'next best thing' that their Principals are talking about, it's NOT what parents want.   Please take that into consideration</t>
  </si>
  <si>
    <t>💩</t>
  </si>
  <si>
    <t>In a linear system, the four reports can be a bit much. The first interim reports are always a little difficult. The current amount works well in semester set ups.</t>
  </si>
  <si>
    <t>The proficiency scale is not enough by itself, so the grades should remain.</t>
  </si>
  <si>
    <t xml:space="preserve">Probably overkill on the proficiency scale. It is enough to use it consistently on assessment criteria. </t>
  </si>
  <si>
    <t>This, if not implemented well, will likely be busy work for the students/staff. It would be better to be implemented within certain subjects, which I already do.</t>
  </si>
  <si>
    <t xml:space="preserve">I think this has always been important and most places for above and beyond already. I do worry it will be used to water down standards in some cases. </t>
  </si>
  <si>
    <t>I think three written reports a year is more than enough. Reports are time consuming and a lot of work to be done properly and adding more is make work projects for teachers and will take away from actual learning. If home/school communication is solid, regular and ongoing that is the rest</t>
  </si>
  <si>
    <t>I fully agree k-7 with proficiency scale. I’m undecided on using it at the High school level</t>
  </si>
  <si>
    <t>Yes, post secondary as well as other countries if applying outside of Canada, then grades are necessary.</t>
  </si>
  <si>
    <t xml:space="preserve">Core competencies self reporting is tricky in the younger primary grades and does feel very adult led most often, unsure it’s very authentic data vs “getting it done”. </t>
  </si>
  <si>
    <t xml:space="preserve">Goal setting is important for sure, however, setting goals in the early years, is a pain. Five year olds don’t really grasp this concept. </t>
  </si>
  <si>
    <t xml:space="preserve">The time needed to do these reports is excessive. The two districts that I have worked in use check my progress which will give the student and the parent information weekly on their performance.  How is my child doing is an email away.  One report card at semester end or at the end of the year.  </t>
  </si>
  <si>
    <t xml:space="preserve">this may increase parent contacts requesting a percentage for their child rather than Proficient or Extending. </t>
  </si>
  <si>
    <t xml:space="preserve">You are not going to get into UBC with Proficient.  Universities use marks as their gates for entry. </t>
  </si>
  <si>
    <t xml:space="preserve">The Proficiency Scale should be used as a guide on the report card but the percentage should be their also. </t>
  </si>
  <si>
    <t xml:space="preserve">Students could be wildly optimistic regarding their competencies which are not reflected in their marks. There will also be the challenge of the collection of the self assessments in a format that can be put on permanent record.  </t>
  </si>
  <si>
    <t xml:space="preserve">Their is certainly value in this concept but implementation for many immature students will be a challenge especially where the goals are set more by the parent than the student.  Are we assessing completion of easy goals or the attempt to complete difficult ones. </t>
  </si>
  <si>
    <t xml:space="preserve">This should be reflected in all teachers assessments but if you are teaching 7 courses with 30 students over the year will the teacher be able to meet that goal with 210 students. </t>
  </si>
  <si>
    <t xml:space="preserve">Teachers want to teach, not do paperwork.  A program like Check My Progress gives assessment information to student and parent.   This will be especially difficult for new teachers as they usually have the most preps.  The school system cannot afford to lose new teachers due to excessive paperwork </t>
  </si>
  <si>
    <t xml:space="preserve">there is no change from previous years </t>
  </si>
  <si>
    <t>proficiency scale works well for younger grades but doesn't work for older grades as students have no idea how they are actually doing and the scale is too wishy washy.  Every teacher approaches the scale differently so there is no consistency or understanding of your child's progress</t>
  </si>
  <si>
    <t>psot secondary have not changed and therefore students need to be prepared</t>
  </si>
  <si>
    <t>no aligned with post secondary entrance requirements</t>
  </si>
  <si>
    <t xml:space="preserve">these are rushed and are only done to check a box...rarely see any of the above at the secondary level brought home.  Not meaningful </t>
  </si>
  <si>
    <t>liek the idea but but not during an 8 minutes parent teacher interview...totally silly...how can you do a meaningful goal in an 8 minute interview with a teacher? Ridiculous</t>
  </si>
  <si>
    <t>just makes sense</t>
  </si>
  <si>
    <t xml:space="preserve">It depends on the teacher. Some teachers will provide great feedback and others do not. Hence, it's indifferent in my opinion on weather or not there is a change in feedback sessions. </t>
  </si>
  <si>
    <t xml:space="preserve">A four point scale is too broad and is more opinion based by the teacher, since it is not always based on sheer percent. A set number will allow parents to understand their child's progress from k-12 with an abrupt change in grade 10. </t>
  </si>
  <si>
    <t>The letter grade system is internationally used. Changing the system now would cause more confusion for other countries when students are applying to overseas schools. Four point scale is too broad to properly select students who meet requirements for certain courses.</t>
  </si>
  <si>
    <t>Letter grades are pretty straight forward and adding another scale would be pointless; since there is always the three point work ethic scale which provides the information a grade wouldn't.</t>
  </si>
  <si>
    <t>Self assessments that are forced lead to either being hard on one's self or just a careless answer to just get through it. In my time in school, very minimal students take a self assessment seriously. It should be an optional assessment for just the personal interest of students who care to improve.</t>
  </si>
  <si>
    <t xml:space="preserve">Goal setting is great for those who are interested in the subject, otherwise it is another copy paste cliche that students fill out and forget about. Every class tends to do these at the beginning of the semester rather than jumping into the course subject. Once again, it should be a choice. </t>
  </si>
  <si>
    <t xml:space="preserve">Students who have learning challenges are not going to get an adjusted assessment outside of school. Being lenient only takes away credibility to the grade system. </t>
  </si>
  <si>
    <t xml:space="preserve">Letter grades are more credible as it is a set number from a set test score. Having assessments and a four point scale causes less of a clear answer on where a student may be as it's only based on assumptions rather than numerical proof. </t>
  </si>
  <si>
    <t xml:space="preserve">Some districts allow for written reports to use a different format which fits all criteria.   Having to use only MyEd would not allow for this.
</t>
  </si>
  <si>
    <t>Many disciplines in primary education are intertwined and big ideas/outcomes are met through an integrated approach.  Most learning for very young learners is on a continuum and this will not allow for the reporting on the whole child.</t>
  </si>
  <si>
    <t>I am not in a position to offer an opinion.  I trust the opinions of my colleagues who teach at that level.</t>
  </si>
  <si>
    <t>Self assessment in the very early grades is challenging as they are done through interviews and pictorial representations.  This is currently done once in the year but throughout the year, self reflections are conducted regularly on the core competencies.  One formal self assessment is sufficient.</t>
  </si>
  <si>
    <t>This is appropriate for older students not very young learners.</t>
  </si>
  <si>
    <t>Why change what we are already doing?   This is met through current IEP assessments whether students are on modified or adapted IEPs.</t>
  </si>
  <si>
    <t xml:space="preserve">This takes away from a language development/theme based approach to teaching the very early grades.   </t>
  </si>
  <si>
    <t xml:space="preserve">The current number of reports is sufficient, however comment sections are time consuming. </t>
  </si>
  <si>
    <t>This current four-point scale works well.</t>
  </si>
  <si>
    <t xml:space="preserve">In my opinion it should be one or the other. We want to lesson the amount of work for teachers. </t>
  </si>
  <si>
    <t xml:space="preserve">All of these are great, however we need to keep in mind the added workload on teachers. </t>
  </si>
  <si>
    <t>Post-secondary will adjust to it if we did away with percentages. What is the difference between 86 and 92? They are the same letter grade in the end. There is a growing body of evidence to suggest that percentages are meaningless and harmful to students. Reporting should be on the learning, not a %</t>
  </si>
  <si>
    <t>We should use the proficiency scale rather than a percentage. It provides an explanation as to where the student is at in their learning.</t>
  </si>
  <si>
    <t>Self-assessment provides student agency and to really get involved and invested in what they have learned.</t>
  </si>
  <si>
    <t>Students should always be making goals for themselves. This is their learning and ultimately their life.</t>
  </si>
  <si>
    <t xml:space="preserve">The number of reporting periods is frequent enough to inform families formally of a student's progress, but not too frequent to become unmanageable.  As assessments are now all posted on MyEdBC anyways, families can monitor a student's progress on a continual basis throughout the year.  </t>
  </si>
  <si>
    <t>As students approach high school I feel a letter grade and percentage is more appropriate than the proficiency scale as descriptive feedback is also given along with the letter grade/percentage.  It actually provides more information than the proficiency scale, which I find to be too nebulous.</t>
  </si>
  <si>
    <t>It provides more information than the proficiency scale, and descriptive feedback can also be given along with the letter grade/percentage.</t>
  </si>
  <si>
    <t>The percentage and letter grade already indicates where a student is on the proficiency scale.  It is redundant.</t>
  </si>
  <si>
    <t>Self-reflection included in the K-8 reports are feasible, but in grades 9-12 there are multiple courses that students take, which become more and more rigorous each year.  It is not feasible to include a self-reflection for each course at each reporting period as there would be too much paperwork.</t>
  </si>
  <si>
    <t>Again, a good idea from K-8, but this would only be feasible to include in perhaps one reporting period each year.  Teachers are responsible for upwards of 200 students in grades 9-12, and doing this for each student each reporting period is unfeasible.</t>
  </si>
  <si>
    <t>This is very important, and teachers already try to use inclusive assessment strategies that respond fully to individual needs of each student.  The reality is that the lack of funding/supports make the implementation of this very difficult at times.</t>
  </si>
  <si>
    <t>I find the proficiency scale to be too vague, especially at the grade 9 level.  This is the transition year to high school, and percentages and letter grades actually provide more information than the 4 words of the proficiency scale.  You can still use descriptive feedback with letter grades!</t>
  </si>
  <si>
    <t xml:space="preserve">As of now,K-9 the expectation is the same as above. The only difference I see is the expectation for monthly communication. That would mean 10 times parents would receive communication rather than only five times. I see this happening now in the elementary school and very necessary. 
</t>
  </si>
  <si>
    <t>Students are very familiar with this scale, and many are comfortable assessing themselves using these terms.</t>
  </si>
  <si>
    <t>I think it is important to have letter grades if they are needed for applying to post secondary schools.</t>
  </si>
  <si>
    <t>I think it would be great if this were still used although may be more work for teachers to do both.</t>
  </si>
  <si>
    <t>In the early years it takes time to teach students about the core competencies and self assessment is more difficult, but I think the more students are aware of their strengths and weaknesses in regards to the core competencies the better.</t>
  </si>
  <si>
    <t xml:space="preserve">Personal goal setting in k/1 is nearly impossible, it would be possible to set goals as a class but I can’t see kids this young setting appropriate and achievable goals. I think this could work for intermediate grades and up. </t>
  </si>
  <si>
    <t xml:space="preserve">The focus on reporting to parents/care-givers every 6 - 8 weeks has not changed.  It has been onerous and will continue to be so.  </t>
  </si>
  <si>
    <t>Vocabulary for reporting proficiency has varied over the years and its standardization with the scale has not changed the fact that a student demonstrates weak, satisfactory, good, very good or excellent proficiency.  Changing the jargon does not change the essential message....</t>
  </si>
  <si>
    <t>Aligning with requirements of post-secondary institutions would seem obvious, so bravo if it is now finally happening...</t>
  </si>
  <si>
    <t xml:space="preserve">Continuing the Proficiency Scale in the higher grades only makes extra work for teachers.   Besides, students should feel that they have "graduated" to a more "mature" system when they reach the higher grades.  </t>
  </si>
  <si>
    <t>Two self-assessments should be sufficient.  The younger the students, the more time teachers need to dedicate to this element to satisfy the requirements.  Besides, students in K-3 need to first learn basic skills, which require practice, practice, practice, before engaging in self-assessment.</t>
  </si>
  <si>
    <t>As per the Core Competences, reporting on them 2 X  in a school year should be sufficient. As for outside goals, please hand them over to sports coaches, music instructors, religious educators or heaven forbid, parents/guardians. There is more than enough material in the school curriculum as it is.</t>
  </si>
  <si>
    <t>It is one more way of pretending that inclusion is working for all, when some students have very special needs that are not being met because there are insufficient or no longer specialists engaged for those roles. Special needs also include advanced students, who no longer have "enrichment."</t>
  </si>
  <si>
    <t>Previously stated.   As for inclusion, supporting students with special needs has been downloaded onto teacher aides over the past number of years and those aides are no longer, or rarely, available to support other students in their learning, or teachers more directly.</t>
  </si>
  <si>
    <t xml:space="preserve">There is no change from the previous policy. This level of reporting provides adequate school-home communication to inform parents or guardians and to support students’ learning. </t>
  </si>
  <si>
    <t xml:space="preserve">The focus on measuring progress toward the development of proficiency rather than on grades is research-backed and better for students’ overall learning; it also has demonstrably positive effects on students’ self-image as learners. </t>
  </si>
  <si>
    <t xml:space="preserve">Research supports the idea of gradeless, proficiency-driven reports to create lifelong learners. Percentages are worse than grades, allowing students to more directly rank themselves against their peers, leading to a focus on the number of the percentage instead of the learning it should represent. </t>
  </si>
  <si>
    <t xml:space="preserve">Requiring teachers to essentially report in two different manners is unreasonable, especially as there is no time provided in the school calendar to account for the extra time required to do so. I would prefer to drop percentages and focus on proficiency, though, as stated above. </t>
  </si>
  <si>
    <t>I agree with the idea of self-assessment, as we learn best when we reflect on our learning. However, without a course or time within the school day to teach students how to do it, it is a hoop that has little benefit - &amp; most existing classes haven’t the time to teach this &amp; their learning standards</t>
  </si>
  <si>
    <t xml:space="preserve">I agree with the idea of setting goals, as it focuses student on their learning and provides agency. Again, however, students need to be taught how to do it for it to have any benefit - and again, most existing classes haven’t the time to teach this and their learning standards. </t>
  </si>
  <si>
    <t>I fully support inclusion, yet it is inarguable that some students are cognitively incapable of meeting the Learning Standards even at a minimal grade level. Assessing them against the Standards without adapting or modifying  them (and indicating this on reports) is unfair to them and other students</t>
  </si>
  <si>
    <t xml:space="preserve">The requirement for descriptive feedback at the high school level  </t>
  </si>
  <si>
    <t>In a semester, secondary teachers may have 120+ students. Descriptive feedback takes a significant amount of time, (half to a full day per class to do well). Either reduce instructional hours to provide time for this or remove the requirement.</t>
  </si>
  <si>
    <t xml:space="preserve">I like the way reports have been done in the past with 5 communications from teachers. </t>
  </si>
  <si>
    <t xml:space="preserve">The proficiency scales are very wide and not as specific as letter grades. I think Gr 10 is too late to start giving letter grades to students. It should begin in Gr 8 or earlier. </t>
  </si>
  <si>
    <t xml:space="preserve">I think it is necessary to give letter grades and percentages to grades 10 to 12 but feel this should start earlier, at least by gr 8. Gr 10 -12 are too important to just be learning about letter grades. </t>
  </si>
  <si>
    <t xml:space="preserve">Students find this tedious to do year after year. </t>
  </si>
  <si>
    <t xml:space="preserve">Lots of pressure on young people. They should be involved ion the process but not required to do it alone if it causes stress and anxiety. </t>
  </si>
  <si>
    <t xml:space="preserve">Good idea but not realistic without proper support and staffing. Inclusion is not effective without enough support. </t>
  </si>
  <si>
    <t xml:space="preserve">Grade 10 is too late to start giving letter grades. </t>
  </si>
  <si>
    <t>I feel that it would be appropriate for the summarize report to be included as one of the 2 written reports shared. Perhaps there could be more flexibility with this. For example, continuing to keep the 5 events, but including the summarize report as one of the two written options.</t>
  </si>
  <si>
    <t xml:space="preserve">What is the real difference between developing and emerging? They seem very similar - need more clarity to help teachers and parents understand this. Concerned that exceeding expectations is used. Consider using excelling instead of exceeding. </t>
  </si>
  <si>
    <t xml:space="preserve">Need more flexibility at K-3 where students need time to learn how to set goals and reflect. They need time to learn  what the core competencies are, and what it means to self-assess and reflect. Perhaps this could be informal at K-3 and then be formalized for Gr 4 and up. </t>
  </si>
  <si>
    <t xml:space="preserve">Same as previous response. This is too much for K-3 students who are learning so many new skills. Need more flexibility for how and when this is done for K-3 students. </t>
  </si>
  <si>
    <t xml:space="preserve">Inclusion is important and I think this is a big step forward in a positive direction. </t>
  </si>
  <si>
    <t>Would like to see greater flexibility with the overall number of written reports by including the summative year-end report in the two required written reports. Keep five points of communication. For parents with language barriers, written reports are a lot to take in. Verbal communication is better</t>
  </si>
  <si>
    <t>It is an overwhelming increase to teacher workload IN THE MIDDLE OF A PANDEMIC</t>
  </si>
  <si>
    <t>Again, it is an unreasonable increase to workload IN A PANDEMIC</t>
  </si>
  <si>
    <t>It is standard, and helps to NOT INCREASE WORKLOAD IN THE MIDDLE OF A PANDEMIC</t>
  </si>
  <si>
    <t>It's an unreasonable additional increase to both teacher and student workloads IN THE MIDDLE OF A PANDEMIC</t>
  </si>
  <si>
    <t>It's completely unclear</t>
  </si>
  <si>
    <t>I actually don't understand why we can only choose one.  Overhauling assessment without time, without support, after overhauling curriculum without time, without support, during a pandemic, is actually traumatizing.  We're in a pandemic.  Think about it</t>
  </si>
  <si>
    <t xml:space="preserve">You need to specify exactly how many written reports must be done.  Districts will interpret the number of written reports differently.  There should be fewer written reports.  Each term I give up 20 hours minimum of my weekends and evenings to write reports. </t>
  </si>
  <si>
    <t>It should be either a written comment or Proficiency scale.  Many parents are just interested in the bottom line.  In my long career, I have had people come to an interview with the report still in the envelope.  Those who email them out have had a large percentage not even open the pdf.</t>
  </si>
  <si>
    <t xml:space="preserve">Parents relate to percentages.  I had a family member who was livid when he received a report card about his child  with approaching expectations on it in Gr. 11.  </t>
  </si>
  <si>
    <t>Parents in Grades 8 - 10 want percentages.</t>
  </si>
  <si>
    <t xml:space="preserve">Do you have any idea the amount of time it takes to work on this in primary grades? We have so many split grades. We have less time to teach them to read and write because we have to teach 2 curriculums, deal with social-emotional issues, and self-evaluate.  </t>
  </si>
  <si>
    <t xml:space="preserve">I can spend the first term teaching kids to set goals.  However, I can't teach them to follow routines, be kind to others, read, write, understand math concepts, AND self-evaluate.  I would have nothing to report first term because we spent the whole time learning how to self-evaluate. </t>
  </si>
  <si>
    <t xml:space="preserve">Good luck getting a child who is non-verbal to do goal setting.  I have a family member who has three children with autism and was extremely unhappy with the new IEP's where the child had to set their own goals.  She said the child couldn't do it without a lot of coaching. </t>
  </si>
  <si>
    <t xml:space="preserve">You spend more time assessing than teaching.  You finally are seeing progress and then you need to stop teaching so you can assess students for the report.  With younger students it is often 1-1 and takes a significant amount of time.  Get rid of the student self-assessment as well. </t>
  </si>
  <si>
    <t>I like that the proficiency scale can be included in 10-12. It is an excellent measure of how students are meeting learning standards.</t>
  </si>
  <si>
    <t xml:space="preserve">Every student is developing - whether they are proficient, extending, or emerging in their learning. This word should be changed to something that better encapsulates the proficiency scale - perhaps "approaching" is better between emerging and proficient. </t>
  </si>
  <si>
    <t>Letter grades and percentages are an abstraction of competency. What does an A  or a 78% in a subject mean? I would rather state/see a competency-based reflection of learning (like the proficiency scale). With the language in the curriculum, this makes much more sense.</t>
  </si>
  <si>
    <t>To meaningfully engage students in their own learning requires time. This time must be taken from instructional hours. How can we do it?</t>
  </si>
  <si>
    <t>Students SHOULD be involved in goal-setting. I wonder how to make in meaningful for them.</t>
  </si>
  <si>
    <t>Students should be able to see where they are at and use these yearly benchmarks to learn about their learning.</t>
  </si>
  <si>
    <t>letter grades and percentages are meaningless abstractions of student's abilities and understanding of subject areas.</t>
  </si>
  <si>
    <t xml:space="preserve">If it was 5 reports (or even 6) per actual school year of 10 months, that would be fine. Currently, this has been interpreted to be 5 per semester, which is too much work to be manageable. </t>
  </si>
  <si>
    <t xml:space="preserve">Lumping K-9 together seems an unnecessary infantilizing of high school students. Grade 9 students are curious to know how they are doing in a more concrete way. It is okay for me as a teacher as it leads to fewer "fails" and a kinder way of assessing students. </t>
  </si>
  <si>
    <t xml:space="preserve">I like the system as it was before for all high school students, so having it the way it was for grades 10-12 is better than changing it all. It gives a clear judgement of how they are doing. It is necessary for post-secondary. </t>
  </si>
  <si>
    <t xml:space="preserve">Primarily too much work - as it would need to be explained in comments to be meaningful. It is unneccesary. </t>
  </si>
  <si>
    <t xml:space="preserve">It is more time taken out of class to teach how to do this. I am not sure if it will improve engagement in students who are not engaged. </t>
  </si>
  <si>
    <t xml:space="preserve">It seems unnecessary. It is more time taken out of class to teach how to do this. I am not sure if it will improve engagement in students who are not engaged. </t>
  </si>
  <si>
    <t>Isn't it already like this?</t>
  </si>
  <si>
    <t xml:space="preserve">Having to report once a month is not manageable at all. If we are expected to do that, we need significantly more prep time. </t>
  </si>
  <si>
    <t xml:space="preserve">Easy to understand language. </t>
  </si>
  <si>
    <t xml:space="preserve">Early primary grades lack the self-regulation and understanding to complete these meaningfully. </t>
  </si>
  <si>
    <t>How will this be done if teachers don’t have the resources?</t>
  </si>
  <si>
    <t xml:space="preserve">Not having k or grade 1 students complete these. </t>
  </si>
  <si>
    <t xml:space="preserve">Portfolios are in place. Teachers are constantly communicating student learning. The 5 formal times are in addition to all the other communication. 2 written reports a year are adequate. As a teacher and a parent, the most effective communication is student led conferences. </t>
  </si>
  <si>
    <t>Kids just convert the scale to letter grades. It makes little difference what language is attached to progress measurement.</t>
  </si>
  <si>
    <t>If they haven't had them before, it might be a shock to the system in grade 10. Will we discourage, and lose kids at that point?</t>
  </si>
  <si>
    <t xml:space="preserve">Make sure it is age appropriate. Consider brain development. </t>
  </si>
  <si>
    <t xml:space="preserve">This statement is vague. We are hiding illiteracy with flexible assessment practices. Success for all and inclusion are important to me. We should also be aware of how many kids can't read and write, so we are obligated to do something about it. </t>
  </si>
  <si>
    <t>I would like more valid universal data collection. The FSAs are not giving a full picture of our learners. Assessment and administration of the FSAs is hugely corrupted. Tests are being pre-taught, and students are being heavily supported during the assessment. The data is false.</t>
  </si>
  <si>
    <t xml:space="preserve">I do not believe 5 assessments a year is necessary. 3 final reports is enough. The responsibility should be put on the teachers to have connected, informative and supportive relationship with their students so that when report period comes there are no surprises. </t>
  </si>
  <si>
    <t>We have been using this at our school and it has been wonderful because it is clear feedback and empowers students to improve.</t>
  </si>
  <si>
    <t xml:space="preserve">This is the step in the right direction. Hopefully one day universities won't require letter grades solely for acceptance. </t>
  </si>
  <si>
    <t>This is a FABULOUS option</t>
  </si>
  <si>
    <t xml:space="preserve">This is a FABULOUS option because it empowers students to know themselves as well as their support systems. </t>
  </si>
  <si>
    <t xml:space="preserve">Helps to build self and other accountability and empower change </t>
  </si>
  <si>
    <t xml:space="preserve">I appreciate the updated policy because it allows a strength based, more student centered, growth mindset approach to a process that has traditionally been more close minded and not empowering. </t>
  </si>
  <si>
    <t xml:space="preserve">Too much reporting on teachers takes us away from the quality of our job and showing up with care. </t>
  </si>
  <si>
    <t>I like knowing how my children are doing at school. I'm fine with formal reports but actually much prefer informal portfolio type platforms and student led type conferences. I am in contact with my children's teachers regularly but would rather hear from my children about what and how they are doing</t>
  </si>
  <si>
    <t xml:space="preserve">I've seen this language change over the last few years. It's fine this way and it was fine last year. It's somewhat irrelevant as I know how my child is doing regardless of the wording used. </t>
  </si>
  <si>
    <t xml:space="preserve">I'm curious about how the transition from grade 9-10 would be for students. Will they understand the change and will their performance change? I wonder if it will be a huge source of stress for anxious and sensitive students. </t>
  </si>
  <si>
    <t xml:space="preserve">I worry that this might be 'make work' for teachers? to use two types of reporting (proficiency scale as well as percentages/letter grades). </t>
  </si>
  <si>
    <t xml:space="preserve">This does not need to be a formal reporting period and could be communicated regularly using portfolio or informally by the student? </t>
  </si>
  <si>
    <t xml:space="preserve">I don't think  I need regular reporting on my child's goal setting/progress in a formal format. I would leave this to the discretion of the teacher. </t>
  </si>
  <si>
    <t xml:space="preserve">I would like this to be at the discretion of the teachers. Yes, assessment should be inclusive but it needs to be well documented to ensure assessment actually reflects what the student can do. </t>
  </si>
  <si>
    <t xml:space="preserve">This should be ongoing anyway and I don't need it reported on formally. </t>
  </si>
  <si>
    <t xml:space="preserve">That is the current system I am used to so it's fine. I would much rather have less formal written reports (maybe 2) and more informal student led options. </t>
  </si>
  <si>
    <t xml:space="preserve">I've watched the language and the format change so many times over the last decade and the half that I've lost count. None of this matters. Parents need to know how their children are doing. It is my job to let them know. The most effective way is through student led conferences and portfolios. </t>
  </si>
  <si>
    <t xml:space="preserve">I am actually not sure about this. I need more information or time to think about it. </t>
  </si>
  <si>
    <t xml:space="preserve">I think this is too much work and not sure what the benefit is of having two systems of reporting at the same time. Choose the most effective one. </t>
  </si>
  <si>
    <t xml:space="preserve">I already have students self assess core competencies throughout the year. Does this need to be formally communicated with parents? no. I would rather use an informal platform to share this information with parents. </t>
  </si>
  <si>
    <t xml:space="preserve">I think this is something I already do, but don't feel I should be reporting on it formally. Again, I can do this through an informal platform at my own discretion. </t>
  </si>
  <si>
    <t xml:space="preserve">My assessments are already inclusive. That is best practice. How would this change? </t>
  </si>
  <si>
    <t xml:space="preserve">I don't think goal setting should be reported on formally. It's already a learning outcome that is reported on. I am not sure why there needs to be a major focus on it. </t>
  </si>
  <si>
    <t xml:space="preserve">Adding a third written report significantly adds to a teacher’s workload which is already very demanding and continually increasing. Conferences are a more effective way to communicate with parents. Keeping 2 conferences and 2 reports works better and is more authentic as it allows the time needed. </t>
  </si>
  <si>
    <t xml:space="preserve">This is currently what we use and seems to work fine. </t>
  </si>
  <si>
    <t xml:space="preserve">This is not my grade range but it seems to make sense to keep grades/percentages to align with university requirements. </t>
  </si>
  <si>
    <t xml:space="preserve">Not my grade level but doesn’t seem necessary if grades/percentages are already reported. </t>
  </si>
  <si>
    <t xml:space="preserve">Self-assessment is challenging for many students and takes time for them to do authentically. As long we continue to monitor growth and practice self-assessment and share in conferences, keeping it a part of the year end report (as is done currently) works. </t>
  </si>
  <si>
    <t xml:space="preserve">Goal setting already takes place and is shared in conferences. In elementary, it is more valuable for students to share verbally with parents and to discuss with teachers during conferences. </t>
  </si>
  <si>
    <t xml:space="preserve">Assessment is already inclusive of all students including those with diverse needs and abilities so I am not sure what this is referring to. More information is needed to be clear. </t>
  </si>
  <si>
    <t xml:space="preserve">Adding a third report does not give younger students the time needed to adequately learn/apply skills before summative style assessment takes place. Especially with our new curriculum which focuses on building skills. Time is needed to show those skills &amp; use assessment for learning not as learning </t>
  </si>
  <si>
    <t xml:space="preserve">Scale should be moveable, with the option of being in the middle of two areas.  </t>
  </si>
  <si>
    <t>Not enough support in classrooms to ensure that every student received their "individual (academic) needs"</t>
  </si>
  <si>
    <t>Prefer the thrice yearly, comprehensive report card of the past.</t>
  </si>
  <si>
    <t xml:space="preserve">The wording is ambiguous. </t>
  </si>
  <si>
    <t>Kids are motivated by grades and percentages.</t>
  </si>
  <si>
    <t>Only a percentage is necessary. It better prepares kids for the real world.</t>
  </si>
  <si>
    <t>Kids don’t take this seriously!</t>
  </si>
  <si>
    <t>It is a good concept for higher grades but feels like going through the motions for the younger kids.</t>
  </si>
  <si>
    <t>Kids needs aren’t being met under inclusive strategies or reporting. It’s going through the motions.</t>
  </si>
  <si>
    <t>More reporting is not necessarily better, it can become trite and meaningless if it is continuous. Children need time to learn and grow and space to be themselves. Pushing the expectation of meeting curriculum goals can be damaging for those children who do not fit a predetermined outcome.</t>
  </si>
  <si>
    <t>Oh please, this is just another way to say the same old thing. A, B, C, D.  Can we please just focus on success and growth and stop telling people they are not measuring up. Surely we have at least come that far in our thinking.</t>
  </si>
  <si>
    <t>Again, archaic. If you want to do something new, stop packaging the same old stuff under different names.  High school grades mean very little these days, let it go.</t>
  </si>
  <si>
    <t>Same old same old, A, B, C, D.  It means nothing different. It will not decrease the damage of grading children. How about if we all focus on what people can do, what they have learned, and what they are working on. Why rate and compare?  Times are changing. Education needs to take some risks .</t>
  </si>
  <si>
    <t>This is ridiculous. This is asking for higher level thinking and deep self knowledge and self reflection. I propose that administrators and politicians try it first. You let me know how it feels and how helpful it is. Mindful of growth...you do know that some people struggle, right?</t>
  </si>
  <si>
    <t>This is not possible for young children, it is not developmentally appropriate. For older children they would be constricted by curriculum, course choice, teachers and administrators decisions. Asking for this within the box of school limitations makes it an empty, hoop jumping activity.</t>
  </si>
  <si>
    <t>That would be wonderful. But if you are a teacher you know this does not happen. You can't do this without money, staff, and resources. It is not happening now, why would you say it is going to happen? This statement need to be backed up with significant funding increases and a mindset to meet needs</t>
  </si>
  <si>
    <t xml:space="preserve">I am not going to pick one area of weakness, this is a whole package of nothing new. Show me: Funding. Student Centered. Celebration and Support. Resources. Developmentally Appropriate. And let go of the A, B, C, D ranking of learners.  </t>
  </si>
  <si>
    <t>The definition of "per year" does not seem to take into account the diversity of timetables throughout the province, and even specifically designed courses within a school. Communication to parents is important, but a full-time, linear system teacher has 200+ students. For people already stretched??</t>
  </si>
  <si>
    <t>Younger students should not become focused on a percentage, but rather the process of learning. Teachers are better able to communicate progress using proficiency scales, and can emphasize that learning does not have a finite end.</t>
  </si>
  <si>
    <t>"...a requirement when applying to many post-secondary institutions" does not make a policy good pedagogical practice. High school students, particularly those with post-secondary aspirations, often obsess over percentages and marks; very few show the same obsession for learning.</t>
  </si>
  <si>
    <t xml:space="preserve">With percentages still being the driving force behind achievement with the older students, proficiency scales will not do much more for both students and their parents beyond the feedback that is already being given to them in both real-time and on individual assessments. </t>
  </si>
  <si>
    <t>For anyone who has actually taught at the 10-12 level of high school will know that students, if mandated, do not take self-assessments of this kind seriously. The teachers that I know encourage such introspection and self-assessment in a variety of ways at the classroom level.</t>
  </si>
  <si>
    <t>Formal goal-setting can be beneficial for some students, most likely those that already do it informally themselves, but it can also be an added stressor to those that do not know what they want. Many students are often put off by those adults who tell them they must goal set and know what they want</t>
  </si>
  <si>
    <t>Of course teachers should strive for assessment strategies that accomplish such an ideal classroom. Unfortunately, many do not have the knowledge or skill to accomplish what is an extremely complex practice, and learning such skills requires effective forms of professional learning</t>
  </si>
  <si>
    <t>The term II is a very short term - its difficult to get all the work completed and write a report - before the term has even concluded.  A Brief report during this time - and or removing it entirely would be best - instead a COre Competency self assessment report from the student goes home with goal</t>
  </si>
  <si>
    <t>It is a good scale</t>
  </si>
  <si>
    <t>Term II is a very disrupted term, jam packed with learning.  Trying to report our within the term is very difficult.</t>
  </si>
  <si>
    <t xml:space="preserve">Reporting is done at a minimal frequency for students who are progressing in an acceptable overall manner. Increased frequencies of reporting, usually via email or telephone calls, currently are the professional standard practice and are tailored to the student's and guardians' needs. </t>
  </si>
  <si>
    <t>The terms, especially 'emerging' are very poor and even misleading expressions of student progress and engagement. If 'emerging means has a pulse and occasionally shows up for school, I stand corrected. BTW, proficiency scales are not new and are interpreted as A,B,C etc by most students gr7-12</t>
  </si>
  <si>
    <t>Any accessed grade is only as valid as a standard by which it is being compared to. The 2016 curriculum is bereft of measurable learning outcomes, no longer has any standardized testing attached to it, is by most accounts meaningless... so the grades are also meaningless.</t>
  </si>
  <si>
    <t>Meaningless words, meaningless grades, no standards to be met, demoralizing for teachers and students. The MOE needs to get real, experienced educators to reinstitute meaningful standards and specific content into the curriculum before grading systems will matter at all.</t>
  </si>
  <si>
    <t>One size does not fit all. When an attempt is made to be all things to all people a new, lowered level of meaninglessness, rhetoric and hyperbole results. This serves no one well. Nevertheless, the details of such an assessment reporting model would need  to be scrutinized for a fuller analysis.</t>
  </si>
  <si>
    <t>Frequency is already in place via e-grade books, proficiency scales are meaningless rhetoric, recognizable standards are the only way back to a meaningful edu. system. No one flies with a non-standards-met pilot, allows a dentist into their mouth who has not met a standard, yet learners 'graduate'.</t>
  </si>
  <si>
    <t>Reasonable</t>
  </si>
  <si>
    <t xml:space="preserve">Letter grades are necessary...parents and students want concrete feedback about their learning....not abstract phrases </t>
  </si>
  <si>
    <t>So post secondary institutions will know who the best students are...also for scholarships</t>
  </si>
  <si>
    <t>Not necessary...grade and comment from teacher is more than adequate</t>
  </si>
  <si>
    <t>Not their job</t>
  </si>
  <si>
    <t>Students should have goals and work hard to achieve them</t>
  </si>
  <si>
    <t>To an extent...competition needs to remain in schools...academically and athletically as that is the best preparation for what real life is like</t>
  </si>
  <si>
    <t>Letter grades are needed...I would say from grade 8 to 12</t>
  </si>
  <si>
    <t>Frequent enough without being redundant.  At the high school level marks are available throughout the school year on MyEdBC anyways.</t>
  </si>
  <si>
    <t>The proficiency scale tells me nothing, really.  I have no idea how my children are doing.  I prefer percentages and letter grades, along with descriptive feedback.</t>
  </si>
  <si>
    <t>Letter grades and percentages, along with descriptive feedback, give me a better understanding of where my child is at rather than the proficiency scale.</t>
  </si>
  <si>
    <t>The proficiency scale would be redundant, and I don't feel it really gives me much information.</t>
  </si>
  <si>
    <t>I believe self-assessment would be a great sill for my children to learn, but it really only needs to be included at the end of the year.</t>
  </si>
  <si>
    <t>I like my children to learn to set goals and to work towards them.  Their self-assessment would then be how they feel they did working towards these goals.</t>
  </si>
  <si>
    <t>The proficiency scale really tells me very little about how my children are doing in school!</t>
  </si>
  <si>
    <t>Adequate feedback throughout the term.</t>
  </si>
  <si>
    <t>I do not feel this gets the best out of the students. In fact, students have become lazy and know that they can get by with very little effort. This creates an atmosphere of complacency. We are not doing these students any justice reporting with the proficiency scale. They don't even like it...</t>
  </si>
  <si>
    <t>Students want to know their overall letter grade and percentage with feedback. You cannot take the competition out of academics. Not everyone should be lumped in as proficient when there are varying abilities within in this scale.</t>
  </si>
  <si>
    <t>Percentages and letter grades along with feedback provide more to the student and parents.</t>
  </si>
  <si>
    <t>Students do not take these serious and will just regurgitate what people want to hear.</t>
  </si>
  <si>
    <t>Students often do not take this serious.</t>
  </si>
  <si>
    <t>We have always done this as teachers. As a high school teacher I am dealing with over 100 students in a semester and still find the time to do my best with this. Its shameful that teachers are not being recognized for doing this already!</t>
  </si>
  <si>
    <t>All grades in high school should have letter grades and percentages.</t>
  </si>
  <si>
    <t xml:space="preserve">Very difficult to do in primary grades for every report. When would secondary students do this? Who is responsible for keeping track of it? </t>
  </si>
  <si>
    <t xml:space="preserve">Student goal setting and self assessment are difficult to do multiple times in the year </t>
  </si>
  <si>
    <t xml:space="preserve">If a student has to self-assess for each of their semester classes (I'm thinking grades 11-12), it's going to be redundant, and the students will start to not look forward to the process.  But, I don't know how the student is doing in English - I only know how they are doing in my class (Physics).  </t>
  </si>
  <si>
    <t>Parents and students are struggling with this - what does a 'P' mean? Do I need to get my son a tutor or no?  On the other hand, marks are so inflated, what does a 90% mean, anyways?</t>
  </si>
  <si>
    <t xml:space="preserve">I was very worried for Post-secondary applications.  Do universities know how to interpret a proficiency scale?  A grade means more. </t>
  </si>
  <si>
    <t>Consistency is good, I get that.  But for universities, do they know what  a P means?  Will this force uni's to start having an entrance exam?  What's the chain reaction if we go away from grades all together (which is how a proficiency scale is intended to be used?).  Will BC students be disadvanta</t>
  </si>
  <si>
    <t>Do they have to do this in each of their classes? Work habits - need to improve x8?  If students only do one reflection, who reviews this with them? Thinking specifically grades 10-12.  Our homeroom teachers don't necessarily teach those students, so any one person doesn't know the whole picture.</t>
  </si>
  <si>
    <t>Needs to be in a way that students aren't turned off by goal setting. It's so valuable. Who is going to do this? Is this just another thing to heap onto teachers plates?  Right now, I'm teaching 165 students, who are not independent learners. The emails, tutorials, etc. - too much. Can't handle more</t>
  </si>
  <si>
    <t xml:space="preserve">Love it. As long as we are able to be honest, and we aren't sugar coating failure 'room for improvement' and 'emerging' are nice, but sometimes kids need to hear the blunt truth (lovingly).  Out of a job interview, does someone give feedback and say 'emerging'? That's not real life! </t>
  </si>
  <si>
    <t>Just need clarification on some things.</t>
  </si>
  <si>
    <t xml:space="preserve">Want to know how this affects university applications - universities are a big business to change. I don't want my students to be disadvantaged.  </t>
  </si>
  <si>
    <t xml:space="preserve">This is extremely difficult and mostly put on teachers shoulders as both students and parents are not sure what their children should be able to do, especially at the early primary (k-3) level. Need more student led conferences for this age range. </t>
  </si>
  <si>
    <t xml:space="preserve">Workload &amp; lack of report preparation time - Currently, I get half a day (in Term 1 and Term 2) to prepare 210 reports as I teach 7 different classes in a middle school.  I'm already using too much family time for report card preparation.  In Term 3, we don't even get any prep time at all. </t>
  </si>
  <si>
    <t>MyEdBC- not designed for this type of reporting, forces teachers to type in proficiency levels (no drop down menu)
One overall proficiency level is not informative- forces us to do more work by reporting different competency levels in writing
Content is not emphasized- doesn't work for some subjects</t>
  </si>
  <si>
    <t>Why change the method of reporting (for all grades) if universities are not changing theirs as well?
Currently, the reporting order allows parents to ask for a letter grade while reporting is done with proficiency levels of curricular competencies.
We weren't given any extra time to report BOTH ways</t>
  </si>
  <si>
    <t xml:space="preserve">Please DO NOT give parents an option to DEMAND reporting in two different ways, without giving teachers double the prep time to report in both ways.
</t>
  </si>
  <si>
    <t>Good idea, but how do we include this in the report card?
Will it result in more work for teachers as we scan student responses to email? Do students type answers, and we cut and paste them into the repost card? Where are the devices for students to use?- every teacher will scramble to book laptops.</t>
  </si>
  <si>
    <t>Good idea- but who determines the progress made on these goals? Do teachers  interview each student to determine progress on these goals, and then report on them?
To make this work, MyEdBC has to let students log in and self-report, and automatically incorporate responses into the report cards.</t>
  </si>
  <si>
    <t>Please provide enough student support (even for gifted students) so that we can respond fully to individual needs.</t>
  </si>
  <si>
    <t>Report Card Prep time</t>
  </si>
  <si>
    <t xml:space="preserve">Asking teachers to spend more time reporting without also providing more time to prepare report cards is not sustainable.  Half a day is woefully inadequate to prepare 210 reports. It is impossible to use class time to prepare report cards as students are not able to work independently.  </t>
  </si>
  <si>
    <t xml:space="preserve">Teachers have too much to do already. the priority needs to be on teaching children and not paperwork! Enough of the paperwork as too many children are falling between the cracks.
</t>
  </si>
  <si>
    <t xml:space="preserve">Focus on what children can do and bring them forward. There is too much emphasis on deficits lead by Psych-Eds. that are often given by people who don't teach!
</t>
  </si>
  <si>
    <t xml:space="preserve">Always ask what kind of assessments are students given? ... We need to go beyond multiple choice.
</t>
  </si>
  <si>
    <t>Please have the courage to change with the times!</t>
  </si>
  <si>
    <t>Students need to taught how to self assess!</t>
  </si>
  <si>
    <t>Students require lots of guidance in this process.</t>
  </si>
  <si>
    <t>Please back up what is said above as we still have a long way to go regarding this issue.</t>
  </si>
  <si>
    <t>Anciety and stress is a an all time for students and our assessment practice needs to reflect the societal change.</t>
  </si>
  <si>
    <t>Less is often more ... Assessment needs to authentic and must reflect our current teaching practices. Pysch-Eds. for example don't come any where close to mirroring how we currently teach. Please listen to teachers as our voices need to be heard!</t>
  </si>
  <si>
    <t>frequent communication prevents misunderstandings and allows families to support students who are struggling before it is too late</t>
  </si>
  <si>
    <t>can show progression
but some families may not understand exactly what the words mean so it's important to communicate how the progression looks so they are aware where their child is along the progression (ie. have a diagram/image?)</t>
  </si>
  <si>
    <t>required for post secondary so important to include this information</t>
  </si>
  <si>
    <t>kind of redundant as letter grades/percentages offer similar/same information</t>
  </si>
  <si>
    <t>sometimes not very meaningful especially for younger students - often just copy down ideas given without real understanding
older students complete it without true reflection but as another task to complete</t>
  </si>
  <si>
    <t>good idea in theory but difficult for students/teachers to constantly be reflect on them throughout the year in a meaningful way in addition to all the other reflections/material being covered</t>
  </si>
  <si>
    <t>we are an inclusive system so important for assessment and evaluation to reflect this</t>
  </si>
  <si>
    <t xml:space="preserve">not sure if this meaningful and an effective way to use time.  </t>
  </si>
  <si>
    <t xml:space="preserve">Teachers have been disrespected about as much as us, the aboriginals.  </t>
  </si>
  <si>
    <t xml:space="preserve">Evidence of success too hard to justify. No numbers to add up. Too subjective. </t>
  </si>
  <si>
    <t xml:space="preserve">Its really the only way. </t>
  </si>
  <si>
    <t xml:space="preserve">Hard to distinguish if your child is ready for university.  Extending? Is this a joke? </t>
  </si>
  <si>
    <t xml:space="preserve">Waste of time. Are kids seriously supposed to do this? Why would you put a child in charge of their education? </t>
  </si>
  <si>
    <t xml:space="preserve">See above answer. Kids can't do this. It would just be teachers steering them into competing. No meaning if forced to do it. </t>
  </si>
  <si>
    <t xml:space="preserve">Sped kids need to be in a special school. They are destroying the education of all the other students. </t>
  </si>
  <si>
    <t>Its idiotic and not needed. Teachers are doing a wonderful job, even during a pandemic, even with all the govt screw up and changes. Shame on you!!!!!!</t>
  </si>
  <si>
    <t>Teachers are given no extra time to do these reports and at the primary level when they are only learning there letter sounds, and names they are unable to do much if any of their own writing which puts an untenable amount of responsibility and EXTRA work for primary teachers to supply these reports</t>
  </si>
  <si>
    <t>TOOOOOOO MUCH WORK!!!! I would rather go back to writing 3 sets of reports cards each year than all of these ongoing communications of learning - at primary it is to MUCH, tooooo cumbersome and not as 'authentic' as you might think, wish, or like - a lot of it is completely teacher guided</t>
  </si>
  <si>
    <t>Do not teach that level and do not know all of the ramifications...</t>
  </si>
  <si>
    <t>As stated above in previous questions - it is NOT as 'authentic' as one might think especially in lower primary and many of these concepts they just do not understand yet. It is just a BIG waste of time.</t>
  </si>
  <si>
    <t>My students always have goals that they are working on, but again the views expressed above are the reason for the answer to this question - too much work, not truly authentic, and the students do not truly understand what is really being asked of them</t>
  </si>
  <si>
    <t>TOOO much, not authentic, it is 'busy work' for both students and teachers and as a teacher I have found no value in them - parents don't truly understand them either - it's just a waist of time, resources, and valuable learning time.</t>
  </si>
  <si>
    <t>We are currently piloting the Interim Report in November at our school which I like but I feel like there has been too many changes in the last 5 years with a variety of templates, e portfolios etc, My Ed pitting teacher against teacher. I felt more supported under consistent Province reporting.</t>
  </si>
  <si>
    <t>The wording has changed from not yet meeting to emerging which am not sure has the same weight with parents.</t>
  </si>
  <si>
    <t>I teach Primary.</t>
  </si>
  <si>
    <t>Does not apply.</t>
  </si>
  <si>
    <t>It is useful for students and parents to see into the classroom.</t>
  </si>
  <si>
    <t>This is very difficult for Grade 1/2s until we get to know them and see where they need to go. More support in-class with adult help, LSS etc would help to implement those goals.</t>
  </si>
  <si>
    <t>When dealing with behaviours that negatively impact learning for the whole class until designation or student supports are met, this continues to be huge challenges in the classroom.</t>
  </si>
  <si>
    <t>Currently our Student Assessment goes home at the end of the year, which is a one shot event on a paper. Without support in class, to manage a Primary room and do meaningful self evaluation ( meta cognition ) this is very difficult.</t>
  </si>
  <si>
    <t>Three full, written reports requires that one is written in "Term One," when one is just getting to know students.  We lose 1 hr of our 4.75 hrs of instructional time to hand-washing.  Add to that the serious social-emotional and executive functioning issues and it is meaningless to do at this time.</t>
  </si>
  <si>
    <t>I generally feel comfortable with the proficiency scale, though as parents currently have the option to request a letter grade as well, it can be time consuming in those cases.</t>
  </si>
  <si>
    <t>Not informed enough on the issue.</t>
  </si>
  <si>
    <t>As above - though this seems quite time-consuming for teachers.</t>
  </si>
  <si>
    <t>I am supportive, but this is time-consuming to do well, especially in elementary.  Where is this time coming from?  Curriculum and teaching.  As are hand-washing and other required and important procedures.  If you're asking for more, you need to find that time by reducing expectations elsewhere.</t>
  </si>
  <si>
    <t>I need more information to know what this means precisely and thus, to have an opinion to share.</t>
  </si>
  <si>
    <t>Please do the math on how much time we actually have for teaching at this point (3.5 hours/day at maximum, closer to 3 when you add special events, etc.).  Every reporting cycle - especially if it includes student input - requires extra time dedicated in-class.  Be realistic please!</t>
  </si>
  <si>
    <t xml:space="preserve">The wording is different, but the policy is identical: 3 reporting periods; at least 2 informal progress reports. </t>
  </si>
  <si>
    <t>The prescriptive terminology actually reduces teachers' ability to communicate effectively. The lack of gradient means that these terms are not accurately communicating learning. A larger scale and/or vocabulary freedom would be far superior.</t>
  </si>
  <si>
    <t>Pick one! You want percentages and grades only for when students are not legally obligated to stay in school. So they are hit with a very hard reality as the lack of failure or scope of knowledge gaps is absent. Drop-out rates will increase as students cannot cope with the sudden shift in reality.</t>
  </si>
  <si>
    <t>This is ineffective for placement to post-secondary (trades, college, university all included) and thus disrupts setting up students' futures. This is not preparation for real life. And parents, more than anyone, will need constant coaching which puts excessive burdens onto teachers to communicate.</t>
  </si>
  <si>
    <t>Yes, it is more meaningful for students to self-assess. But getting meaningful feedback from early grades is limited. Most students who start to understand what the structure is supposed tobe will often default to "what do you want to hear?"</t>
  </si>
  <si>
    <t>This exists already within classes either explicitly or worked into every class. Now it is trying to check a box that takes away any meaningful reflection and goal setting.</t>
  </si>
  <si>
    <t>We already incorporate inclusiveness in classes; this is not a new victory to pat yourselves on the back for.</t>
  </si>
  <si>
    <t>Ineffective communicating. Parents need to be continually coached on the vocab. The terms are too broad and do not give a clear indication of student learning (might as well be "Don't Got It; Kinda Got It; Really Got It; Really Super-Duper Got It" based on your breakdowns. It's not an improvement!</t>
  </si>
  <si>
    <t xml:space="preserve">This will add to our workload and is not needed. Reporting  3 times a year is more than adequate. These 3 reporting periods are in addition to parent teacher conferences and student led conferences. The system works as it is. We shouldn't change it. </t>
  </si>
  <si>
    <t>Why change to only 4 areas w/o the sliding scale? Kids do not land on Proficient exactly for example. They often land between d to p or p to e on the scale. After having moved away from letter grades because we were told a scale would be better we are going back to what we changed from to begin with</t>
  </si>
  <si>
    <t xml:space="preserve">This works and kids reflect on their own learning better when they are involved with their own assessment. </t>
  </si>
  <si>
    <t xml:space="preserve">I feel as though this will give parents/guardians and students a good amount of times with feedback to get a sense of how their child/they themselves are doing. This would work out to 2 reports per semester (with the exception of 1 extra at the end of the year), which is very valid. </t>
  </si>
  <si>
    <t xml:space="preserve">I like that the Proficiency Scale is to be paired with descriptive feedback, so that both students and their parents/guardians know why they fall within that proficiency scale level. </t>
  </si>
  <si>
    <t>It helps students think about their grading in levels of mastery, and not just as letter grades which are rather abstract.</t>
  </si>
  <si>
    <t>It teaches students metacognition and gives them goals to work towards. The students themselves are also the only ones that truly can report on some of the Core Competencies, such as "Personal Awareness and Responsibility".</t>
  </si>
  <si>
    <t>Grade 9's are semester and in a high school.  I see 120 grade 9's a day.  How can I complete that many written reports?  Is the ministry going to provide release time?</t>
  </si>
  <si>
    <t>Speaking only for grade 9's, they are now in high school and should be treated as young and responsible adults.  They should be able to see the marks they have earned.</t>
  </si>
  <si>
    <t>Many are tracking to post secondary and need to know if they have the skillset to do the requisite training.</t>
  </si>
  <si>
    <t>I think that it will become redundant.</t>
  </si>
  <si>
    <t>I think setting goals is important for self development</t>
  </si>
  <si>
    <t>We are doing this already with IEP's and adaptations</t>
  </si>
  <si>
    <t>Use letter grades and percentages for grade 9 - 12 or reconfigure schools</t>
  </si>
  <si>
    <t>Grade 9's are in high school.  They need to be treated as young adults, and they should be able to see the marks they have earned.</t>
  </si>
  <si>
    <t>Since the proficiency scale my son has lost interest in his mark.  He says it doesn't matter everyone get proficient.  He used to be an A student now he is waiting to try again when he is in greade 10</t>
  </si>
  <si>
    <t>My daughter is motivated to achieve good grades</t>
  </si>
  <si>
    <t>Continue to use grades for Grade 8 &amp; 9  especially in a 8 - 12 school</t>
  </si>
  <si>
    <t>Your options above from which to choose "Not at all satisfied " to "No opinion" are all positive-bias options. This is not acceptable. Not does it allow me to fully express my opinion. Who wrote this survey?? Also there is a minimal letter count here for me to explain my comments...</t>
  </si>
  <si>
    <t>Using a proficiency scale with descriptive comments, with goal setting and self-assessment, really requires you to know your students. This is all fine in elementary, wherein a teacher has 28 students all day, every day. However, this isn't feasible for high school with 210 students per teacher .</t>
  </si>
  <si>
    <t>Once again, there is not enough word count here for me to fully explain my thoughts. Well done, Ministry of Education. Besides, we are already using percentages.</t>
  </si>
  <si>
    <t>I don't even know what the Provincial Proficiency Scale looks like. Is it Developing, Extending, etc??</t>
  </si>
  <si>
    <t>This is not a feasible or even realistic option in high school, where I have up to 210 students in a given year!!!!! You have got to be kidding...</t>
  </si>
  <si>
    <t>So students in high school would have to do this for all 8 subjects for 8 different teachers; again, not realistic.</t>
  </si>
  <si>
    <t>I believe assessment is already inclusive at present.</t>
  </si>
  <si>
    <t>The new expectation to report in the first 25% of the year is challenging in K. It is early for a written report. Planned parent meetings occur in Sept. and Nov. and adding writing a full page per child to that meeting schedule in early November is very hard.</t>
  </si>
  <si>
    <t>If a scale is required, this 4 step growth focused scale and language are fine.</t>
  </si>
  <si>
    <t>Not my grade level. I teach K. I endorse the idea that letter grades prompt teachers/students/parents to focus their energies on tasks and interactions that promote success in obtaining high grades over engagement in learning, but I focus on the youngest students in my practice.</t>
  </si>
  <si>
    <t>Worthwhile attempt to put engagement in learning above designing teaching/learning to suit success in obtaining high grades.</t>
  </si>
  <si>
    <t>Very important self awareness skills and expression are promoted by expectation that Core Competencies are reported on all year. This is useful to students, teachers, and families.</t>
  </si>
  <si>
    <t xml:space="preserve">In Kindergarten, I begin this process in Term 2. It may not be useful to focus on this as a reportable skill/learning in Term 1 because so much getting used to school is happening that developing learning goals may be hard to sincerely do. </t>
  </si>
  <si>
    <t>important consideration</t>
  </si>
  <si>
    <t>first written report in first 25% of year - just a few weeks later please</t>
  </si>
  <si>
    <t xml:space="preserve">Workload for teacher in completing parents meetings and written reports within 25% of year very demanding. I see parent meetings as very important at this time and early reports may deter comprehensive verbal communication for the need to prepare written reports so early. </t>
  </si>
  <si>
    <t>It would be good to have a consistent scale from K-12</t>
  </si>
  <si>
    <t>That should be plenty of feedback for the student and communication between the student/family and teacher.</t>
  </si>
  <si>
    <t>too vague and not goal oriented.</t>
  </si>
  <si>
    <t>mainly post education requirements</t>
  </si>
  <si>
    <t xml:space="preserve">simplicity as well as the standard grading. </t>
  </si>
  <si>
    <t>accountability and another way to see where the student is at</t>
  </si>
  <si>
    <t>I believe the timing of each report matches the current length of time my elementary aged children are in session.</t>
  </si>
  <si>
    <t>I like how the child has a say in their educational experience.  Their progress is not solely based on their educational experience from their teacher, but on a collaborative approach.</t>
  </si>
  <si>
    <t xml:space="preserve">To switch suddenly from 10 years of a proficiency scale to 2 years of percentages and/or letter grades can be quite hard on some individuals.  </t>
  </si>
  <si>
    <t>Continuity from K-12 not only makes it easier on the educators, it also allows the individual student an opportunity to take an active role in their education from start to finish.  Also encourages the student to become more self-aware and accountable for their education.</t>
  </si>
  <si>
    <t>Individuals who have the opportunity to self-assess tend to be stronger and more vocal with their educational experiences.  They also tend to be more comfortable to speak up or seek help if they need it.</t>
  </si>
  <si>
    <t>Teaches and allows the student to assess where they are currently and how they can continue forward with age-appropriate guided steps to get there.</t>
  </si>
  <si>
    <t>In my view, the frequency of updates is sufficient to ensure updates on any progress or areas of improvement where our children excel or may need assistance.</t>
  </si>
  <si>
    <t>In my view, a scale may help to ensure my children develop their confidence during elementary years. However, it remains unclear to me how useful a proficiency scale would prepare my children for the competitiveness of more senior levels of high school.</t>
  </si>
  <si>
    <t>I agree that letter grades and percentages will better prepare my children for the competitiveness of post-secondary education.</t>
  </si>
  <si>
    <t xml:space="preserve">I think goal setting provides a level of motivation and guidance. Conversely, my view is that goal setting may also result in a focus in some subjects more so than others that would reduce my child's overall level of general knowledge and foundational learning. </t>
  </si>
  <si>
    <t xml:space="preserve">I don't understand the context - As an example, does a student with a learning disability and a student without a learning disability who both receive an "Extending" assessment mean they have both demonstrated an equal level of "extending" their proficiency in a subject? or is it still relative? </t>
  </si>
  <si>
    <t>Letter Grades and Percentages are extended to grades 8-12 rather than 10-12 only.</t>
  </si>
  <si>
    <t>It's already hard enough to have three reports completed, especially the second report as the second term is a lot shorter than the first and third term. Using a platform like FreshGrade provides instant feedback in terms of how a child is doing. We aren't given time to do report cards as it is.</t>
  </si>
  <si>
    <t xml:space="preserve">Already using this, so I have no issue with it. However there is great discrepancy between teachers as to what extending is and can often create confusion for parents when their child doesn't get extending in the next grade level. </t>
  </si>
  <si>
    <t>I completely agree with this and think that grade 10 - 12 should continue with letter grades, it makes it easier for post secondaries to understand.</t>
  </si>
  <si>
    <t>I think letter grades is enough, why confuse parents and teachers with provide another option as well as creating more work for teachers. Let's keep things simple and to the point, creates less confusion for everybody.</t>
  </si>
  <si>
    <t>This sounds great but in reality this is a lot harder to implement in lower grades such as Kindergarten etc...teachers aren't provided with extra time to do one on on with students to develop goals. I can see this more for upper grades or high school.</t>
  </si>
  <si>
    <t>I believe many teachers are already doing this.</t>
  </si>
  <si>
    <t>We aren't provided with time to actually write report cards, teachers are burning out as it is. Report cards are written outside teaching time, so making it more frequent causes more frustration and burn out for teachers. We really should be trying to ease things on teachers not make it harder.</t>
  </si>
  <si>
    <t xml:space="preserve">Adequate communication with parents </t>
  </si>
  <si>
    <t>Language is appropriate and clear</t>
  </si>
  <si>
    <t xml:space="preserve">Important for students to reflect and communicate their abilities in the core competencies </t>
  </si>
  <si>
    <t xml:space="preserve">Also important for students to recognize, reflect and communicate </t>
  </si>
  <si>
    <t xml:space="preserve">This spreads teachers too thin, encourage more time for face to face contact with parents rather than reports. </t>
  </si>
  <si>
    <t>The language used in the above statement is confusing. Currently we do two written reports, we have a goal setting conference and a student led conference. I consistently communicate with parents and guardians. More is unnecessary.</t>
  </si>
  <si>
    <t>The scale is a good start to getting away from marks. I hope it will be used from k-12, and beyond.</t>
  </si>
  <si>
    <t>We must move away from numbers, it causes emotional problems.</t>
  </si>
  <si>
    <t>Why? Pick one!</t>
  </si>
  <si>
    <t>Most teachers are already doing this!</t>
  </si>
  <si>
    <t xml:space="preserve">I supposes I could use the careers blocks to do this, this is all we will be able to do. </t>
  </si>
  <si>
    <t>We goal set, students complete self assessments, our schools accommodated different learning styles...what are we fixing here?</t>
  </si>
  <si>
    <t xml:space="preserve">I don't think it makes sense for teachers to have to report 5 times during the year. If my child's teacher has an issue, they speak to me. The official written report is enough for me. If I have concerns, I reach out. </t>
  </si>
  <si>
    <t xml:space="preserve">I like it for grades k-6. However, I think there has to be a clearer picture as to what each proficiency level is. When child in grade 2 does grade 4-5 work and gets proficients, I wonder. I prefer to see it be letter grades for 7-9 to get kids ready for percentages. It helps with motivation. </t>
  </si>
  <si>
    <t xml:space="preserve">It brings accountability and so long as universities evaluate on a percentage scale, it stands to reason we should as well. If BC changes this, it may affect our kids getting into an out of province post-secondary school. </t>
  </si>
  <si>
    <t>This is ridiculous. How are post secondary schools going to evaluate students? If teachers in elementary can't even see eye to eye on the levels of proficiency, how are we really preparing students? Some teachers have told me they only sometimes give an extending when a kid gets 95%+ others, 80%+.</t>
  </si>
  <si>
    <t xml:space="preserve">I don't think they care, nor do I think they all understand the language. If it continues, it needs to be simplified. Stop with the adult words. Break it down. Maybe ask a teacher what they think?! </t>
  </si>
  <si>
    <t xml:space="preserve">I like it in concept. I don't think it's working in its current practice. </t>
  </si>
  <si>
    <t>I think it's dumb and it's going to cause our students to have less opportunities after they graduate. Some kids want to leave BC, we have to allow and consider this!</t>
  </si>
  <si>
    <t>How would parents know about Term 3?
Report card 3 is normally a summery of the year already as ell as Term 3.
This makes it sound like the Term 3 report will be a very lengthy written report.</t>
  </si>
  <si>
    <t>Consistent language throughout the province would be helpful.
However, in my  experience this language is difficult for ELL parents to understand.</t>
  </si>
  <si>
    <t>Too much work for teachers
Might be confusing to parents</t>
  </si>
  <si>
    <t>Self assessments are difficult to do with kindergartens and I some IEP students</t>
  </si>
  <si>
    <t>Young students have a hard time making significant goals. This is taught in class and I don't believe that it needs to be included in the report card. If it is them only in Term 3 once elementary teachers have time to significantly teach goal settings.</t>
  </si>
  <si>
    <t>They are now, when possible.  Not all students are learning the same curriculum as their classmates and are assessed without tests or projects.
How would this be included in reporting cards?</t>
  </si>
  <si>
    <t>As mentioned above I find the language used not parent friendly. Report cards in general need to be more parent friendly. Many of my ELL parents don't read the report card because it is too wordy (competencies are not easy to read (even for teachers), comments are too lengthy and repetitive, etc..)</t>
  </si>
  <si>
    <t>reporting should be on going and reflected in the communication between teacher, student and parent. Report cards  are stressful and school should not be stressful to families. Having a different structure of strengths focused evidence (by portfolio or apps like freshgrade/seesaw can facilitate that</t>
  </si>
  <si>
    <t xml:space="preserve">We need to get away from judging and sorting, and shift both practice and reporting to describing learning with a plan of where they are, where they're going and how to get there. </t>
  </si>
  <si>
    <t>Post secondary institutions will adapt to current best practice - it ought not be the other way around. Going from a 4 point scale to a 100 point scale is incongruent practice. Having three ways to give a C and have one point separate a b and and A is colonial, old fashioned and frankly, ridiculous.</t>
  </si>
  <si>
    <t xml:space="preserve">Research shows that feedback is disregarded when a letter grade or percent is attached. Also, now teachers will be trying to make letter grades fit proficiencies. Is "emerging" below a C? Is it a C-, C+? Is extending an A? Why isn't Proficient an A? </t>
  </si>
  <si>
    <t xml:space="preserve">Kids need to be empowered and feel a part of reporting their learning, but we need to do work to ensure it's more than a check list and that kids have voice so that teacher comments change based on what kids think. This needs to be a partnership which has not been the model for a hundred years. </t>
  </si>
  <si>
    <t xml:space="preserve">In theory this would be great. Again, in-service on how to support meaningful student engagement is required. </t>
  </si>
  <si>
    <t xml:space="preserve">How is this different? </t>
  </si>
  <si>
    <t xml:space="preserve">We need to find a better way of making communication between teacher/families and kids more authentic and less judgmental. Apps can make communication more frequent with pictorial evidence of learning. I understand we need some required check ins, but that limits what's possible . </t>
  </si>
  <si>
    <t>This gives parents adequate feedback without being so frequent that it takes time away from the classroom.</t>
  </si>
  <si>
    <t xml:space="preserve">I like the idea of a proficiency scale, but I think the same scale should be used across all documents (Quick Scales) and assessments (FSA). Currently the terms used on the scale vary across Ministry materials. </t>
  </si>
  <si>
    <t>Student goal setting is important, and should be happening, but the reporting requirement mandates that much more paperwork/tracking for teachers who are already stretched. The extra tracking and reporting will take time away from other important tasks.</t>
  </si>
  <si>
    <t>For students with sever developmental delays, some of these requirements (goal-setting, self-assessment, etc.) are impractical. If a student can't speak, write, talk, or self-toilet, how would self-assessment and goal-setting work?</t>
  </si>
  <si>
    <t>See above responses re: the added requirement for teacher paperwork</t>
  </si>
  <si>
    <t>it seems to be working</t>
  </si>
  <si>
    <t xml:space="preserve">Students need letter grades as a strong form of communication on where they are.  Students need to be held accountable for their grades and marks both positively and in struggles.  Gr 9 needs to become pass/fail.  It's imperative!  The high school can't handle the backlog of failing classes.  </t>
  </si>
  <si>
    <t>If kids don't have the basics understood and passing in Gr 8/9, it's a hard mountain to climb in 10-12!  We need to bring back pass/fail in 8 and 9, to help our kids succeed in the long term!</t>
  </si>
  <si>
    <t>it would be fine</t>
  </si>
  <si>
    <t xml:space="preserve">many students struggle with their executive functioning skills needed for this to be accurate.  It wouldn't be a true assessment.  </t>
  </si>
  <si>
    <t>How will students be made accountable for the goals they set?  We need accountability for our children!</t>
  </si>
  <si>
    <t>letter grades K-12, pass/fail K-12</t>
  </si>
  <si>
    <t xml:space="preserve">We need kids to learn the basics, and if they can't and we push them through, its not setting up for success both academically, emotionally and mental health.  </t>
  </si>
  <si>
    <t xml:space="preserve">The parent-teacher session in Fall is appropriate to establish curriculum, expectations and goals. 
There should a final parent-session in May/June to discuss the year, achievements, areas for improvement. Just a written report isn't quite enough for parents/students to build on. </t>
  </si>
  <si>
    <t xml:space="preserve">It seems subjective on what teachers' expectations are for the 4-points. This system only works if the teacher explicitly explains how the scale was used, and what would be necessary to achieve the next scale. Its also unclear whether it is based ont he average of other students, or is individual. </t>
  </si>
  <si>
    <t>If this is what post-secondary institutions require, then that is what should be provided. It's a much more indicative system, and I would encourage it to be used in earlier grades as well!!</t>
  </si>
  <si>
    <t xml:space="preserve">There should always be personalized comments to any type of assessment. Without identifying what was wrong, or what could have been better, students will not learn and improve. </t>
  </si>
  <si>
    <t xml:space="preserve">This is a good method, but it requires the student and teacher and parents to discuss the self-assessments so that they are meaningful and useful. </t>
  </si>
  <si>
    <t xml:space="preserve">Yes! The more a student can take responsibility for, the better! However, the teacher must support these responsibilities and have regular check-ins and discussions on the steps required to meet these goals. It shouldn't just be a piece of paper with some filled in questions and left in a binder. </t>
  </si>
  <si>
    <t xml:space="preserve">I think that there should be letter and grades reporting as early as possible. Grade 8 onwards. </t>
  </si>
  <si>
    <t>It is increasing our workload.  We are already using online portfolios as areas of evidence that are always available to parents to view and see their child's progress.  Why add on more?  Do written reports really benefit parents?  I think conferences more valuable means of communicating learning.</t>
  </si>
  <si>
    <t>We use it all the time in elementary.  How will it change things in highschool?</t>
  </si>
  <si>
    <t>How does it affect university admissions?  Will univeristies adapt to proficiency scales?</t>
  </si>
  <si>
    <t>It's too much!</t>
  </si>
  <si>
    <t>As a parent, I know I would appreciate this quantity of reports.  As a teacher, it is still quite a lot of work to produce all the written reports.</t>
  </si>
  <si>
    <t>I like using this Proficiency Scale with any grade of students (K to 12).  Having the same scale across districts will make it easier when students are transferring schools.</t>
  </si>
  <si>
    <t>I recognize that it will be a long process to get colleges/universities to move to Proficiency-based grading, so at least our High School students (and their parents) will have a familiar system of grading.  I do believe that High School teachers should be moving towards using the Proficiency scale.</t>
  </si>
  <si>
    <t>I like using the language of the Proficiency scale with my High School students.</t>
  </si>
  <si>
    <t>It is good for students to do these self-assessments.</t>
  </si>
  <si>
    <t>This is good for students to do on an ongoing basis.</t>
  </si>
  <si>
    <t>I have a preference for Proficiency-based grading, so I do not like having to determine a percentage for my students' progress.</t>
  </si>
  <si>
    <t>I think that 3 written reports is a good amount.</t>
  </si>
  <si>
    <t>I think that having 4 choices allows teachers to be more specific in terms of progress.</t>
  </si>
  <si>
    <t>It makes sense since some students will likely be going to take post-secondary courses in the future.</t>
  </si>
  <si>
    <t>I believe that self-reflection and assessment of these areas are important for students to do. These areas will help students in their learning and in developing important skills including the ability and importance of self-reflection that will help them in life.</t>
  </si>
  <si>
    <t>Setting goals and helping encourage student ownership over learning is important to help student become successful in their life and more independent.</t>
  </si>
  <si>
    <t>I have continued communication with my child's teacher so I know how to support my child.</t>
  </si>
  <si>
    <t>I like this new model rather than letter grades.</t>
  </si>
  <si>
    <t>I don't understand the reason for moving to different model of reporting for younger kids if we are going to go back to the percentages in secondary level.</t>
  </si>
  <si>
    <t>Hmm...</t>
  </si>
  <si>
    <t>I think it's important to have well rounded students rather than straight A students that don't know how to function as a member of the community.</t>
  </si>
  <si>
    <t>It's important for students to be aware that they are coming to school for themselves and not their parents.</t>
  </si>
  <si>
    <t>It's important to have an environment where every child can participate at their level.</t>
  </si>
  <si>
    <t>I think it's important to have a set way of marking understanding and ability to demonstrate it.  What's the point of changing the way of reporting if we are going to go back to letter grades and stress tests!  I loved education courses in University because I could learn without worrying about mark</t>
  </si>
  <si>
    <t xml:space="preserve">Bring back the paper report card for parents. I will read it, I don’t always use my ed. It My Ed is complicated and frustrating and needs to be more streamlined.Parents receive way too many emails from schools and mixed directions on procedures to access their children’s grades. </t>
  </si>
  <si>
    <t xml:space="preserve">This grade system groups middle learners together with such a vague description in their progress. There is too much fluff with “positive”descriptions of what they can do that to grasp the concept of what they need to work on and how to help students is devastatingly not provided enough. </t>
  </si>
  <si>
    <t>I feel the letter grades should be provided for all high school students. I want to know how to help my child if their understanding needs extra work and in what areas. Letter grades have clear categories, proficiency scale not enough. I don’t even know if they are close to failing or doing ok.</t>
  </si>
  <si>
    <t>Why have two if it is in addition?  It is better to have continuous with letter grades from grade 8-12 rather than proficiency scale.  I am mad that my child is being given this ambiguous assessment when COVID made learning really challenging. To change it will disconnect more than they already are</t>
  </si>
  <si>
    <t>If they don’t know where they stand how are they supposed to evaluate themselves. It will be based on who they see around them in the class. Kids are influenced by their peers.</t>
  </si>
  <si>
    <t xml:space="preserve">All grades or elementary? </t>
  </si>
  <si>
    <t>If kids need adaptations then spend the time to give them the adaptations. High school kids need hard lines to prepare them for the realworld . Not to do this is a disservice to them and does not prepare them for life outside of high school.</t>
  </si>
  <si>
    <t>Letter grades from 8-12</t>
  </si>
  <si>
    <t>High school is a new building and one step closer to adulthood through adolescence. The assessment language should reflect this right of passage, and provide to a firm description of their progress. Kids get jobs, they have more responsibilities. We shouldn’t coddle them at this stage of development</t>
  </si>
  <si>
    <t xml:space="preserve">this is very difficult for the youngest students </t>
  </si>
  <si>
    <t>We have 3 terms. Currently we have 3 formal reporting periods, plus we have the informal periods halfway through each term. These reports are enough to give parents a good idea of where their children are at.</t>
  </si>
  <si>
    <t>I like the consistency from K-9. I think it provides a good clue to how kids are doing. It lessens the need for a letter grade.</t>
  </si>
  <si>
    <t>Academics become a larger component above grade 9. Students by this age are more able to understand and accept these letter grades.</t>
  </si>
  <si>
    <t>I don't think they need a proficiency scale, a letter grade, and a percentage. It doesn't provide any more useful information for academic students. The descriptive feedback covers this.</t>
  </si>
  <si>
    <t>I like the self assessment. I would like to see a more consistent tool to use for students to use for this assessment across the province. Something that parents and kids would recognize between schools and school districts.</t>
  </si>
  <si>
    <t xml:space="preserve">I'm not sure how useful goal setting is for many of our learners. It seems more like a contrived hoop to jump through. It's a tough concept for younger students to grasp. We usually see things like "I want to get better at Math" </t>
  </si>
  <si>
    <t>I don't think it's that useful.</t>
  </si>
  <si>
    <t xml:space="preserve"> We are wondering how the learning update in October is going to be different from the written update receive by parents at the end of June. With the summer drop, October is often the point where the students catch up with the level of proficiency they were showing at the end of the previous year. </t>
  </si>
  <si>
    <t>But developing should be further detailed. From one school to the other, this scale level is used in a different way. The difference between Emerging and developing should also be further explained to parents and teachers.</t>
  </si>
  <si>
    <t xml:space="preserve">Still, teachers have to get better opportunity to learn about effective way to self-assess. Some schools use long self-assessment that students fill in just because they are asked to. </t>
  </si>
  <si>
    <t>Should not be done in a "one size fits all" way.</t>
  </si>
  <si>
    <t>Not enough guidelines provided for how assessment should be carried out for grades 8-9 who were previously getting letter grades. What is the rational of having two different assessments within the same school - Grades 8-9 and Grades 10-12?</t>
  </si>
  <si>
    <t>It makes sense to continue this practice. If not, students in our province will be disadvantaged when applying to post-secondary both in and out of province and country. How is assessment supposed to be done for grade 8 or 9 students who are in higher level classes?!</t>
  </si>
  <si>
    <t>This sounds like additional work. And, as I mentioned above, the proficiency scale is in no way helpful when it comes to Post Secondary.</t>
  </si>
  <si>
    <t>How is this going to be done?</t>
  </si>
  <si>
    <t>Again, how is this going to be done/included?</t>
  </si>
  <si>
    <t>Guidelines? Sample evaluations/examples need to be provided.</t>
  </si>
  <si>
    <t>Using the proficiency scale makes sense for K-7. But in high schools, assessment should be the same throughout. So, why change assessment for some, but not others? In grades 10-12, it needs to remain letter grades. A shift in assessment part way through high school would be more stressful to student</t>
  </si>
  <si>
    <t>If divided into ech term, the reporting is uniformaly spread over the year incluidng mid term informal reporting.</t>
  </si>
  <si>
    <t>I am confused over the fact tat if a parent wants to know the actual percentage of thier child what would you answer as a teacher and how would we orient the parents for switch to letter gades once their kids move to grade 10...</t>
  </si>
  <si>
    <t>I feel a standardised system is required for the qulaity in higher education and it is more objective too.
The question I have is,
since BC's curriculum is competency based, what would the assessment system looks like for competency assessment and how diversified it would be to address diverse needs</t>
  </si>
  <si>
    <t>I feel it would be a good idea to have a scale on competencies in additon to the letter grades.</t>
  </si>
  <si>
    <t>this will give students an authentic reason for doing the self-reflections based on various core competencies.</t>
  </si>
  <si>
    <t>I am not very sure about to what extent we could actually create diversification and inclusion...</t>
  </si>
  <si>
    <t>all the proposed categories can be included with a detailed information for teachers, parents, and students</t>
  </si>
  <si>
    <t xml:space="preserve">Too much reporting. </t>
  </si>
  <si>
    <t xml:space="preserve">Does not let parents know if there is a serious issue. </t>
  </si>
  <si>
    <t>You are increasing the workload for Teachers of at least 100 students on a semester system or 200 on a linear system with no prep time to generate these new report cards.
Principal is encouraging us to COPY and PASTE comments, so the reporting will not be authentic, genuine or thoughtful.</t>
  </si>
  <si>
    <t>Parents will see this as a Cop-Out by teachers.</t>
  </si>
  <si>
    <t>Students and parents prefer this</t>
  </si>
  <si>
    <t>Students will not do work to show learning outcomes and be passed.  Not creating or rewarding conscientious students.</t>
  </si>
  <si>
    <t>Students do not take this seriously, waste of time.</t>
  </si>
  <si>
    <t>We already do this in regular classes</t>
  </si>
  <si>
    <t>No training or supports for this to be successful in large classes</t>
  </si>
  <si>
    <t>Don't do this.</t>
  </si>
  <si>
    <t>I think students should have percentages in high school. Percentages give the student and parent a better idea where they stand in the course. Also, Why does Proficient say “complete understanding.” That gives a false impression. The student may actually be at 70%. Replace complete with good.</t>
  </si>
  <si>
    <t xml:space="preserve">This better prepares students for life. They are not going to use performance standards in post secondary. We are trying to shelter students by using euphemisms like emerging or developing. Why do you think they have anxiety when they start getting percentages? </t>
  </si>
  <si>
    <t>This might work in elective classes.</t>
  </si>
  <si>
    <t xml:space="preserve">Self-reflection is part of growing and learning. </t>
  </si>
  <si>
    <t xml:space="preserve">Please provide samples of how you expect this to be reported. How much time do you think high school teachers have? We have potentially up to 200+ students. </t>
  </si>
  <si>
    <t xml:space="preserve">I can see how changing reporting for elementary can work. You have one class to report on and you really know your students. This is not the case in high school. Also, it appears grade 8 &amp; 9 teachers will have more work come reporting times compared to their colleagues who teach 10-12. </t>
  </si>
  <si>
    <t>double the workload
putting information on e portfolio then being asked to write in my ed as well defeats the purpose of the e portfolio</t>
  </si>
  <si>
    <t>like the consistency between districts, same language we have been using</t>
  </si>
  <si>
    <t>proficiency language to letter grades doesnt seem like a logical connection for students</t>
  </si>
  <si>
    <t>too many written  summaries which is defeating the point of the e portfolios</t>
  </si>
  <si>
    <t xml:space="preserve">As a teacher writing these reports it feels to be enough formal reporting times. Informally I connect with parents a lot and sometimes the informal connections can feel more beneficial. </t>
  </si>
  <si>
    <t xml:space="preserve">I am glad to see “not yet meeting” would be gone. </t>
  </si>
  <si>
    <t xml:space="preserve">It will be very difficult for students/parents who have gone through w/out letter grades to understand expectations for grades given. Also it negates the use of the scale as grades are still being seen as the most valuable for post secondary. </t>
  </si>
  <si>
    <t xml:space="preserve">The emphasis will still be on the grades, </t>
  </si>
  <si>
    <t xml:space="preserve">In theory this is great but I wonder how much it will be a “make work” project. I’m doubtful all teachers would adapt their teaching towards these goals. </t>
  </si>
  <si>
    <t xml:space="preserve">Students should not be made to fit into round holes. The teachers need to adapt what they are doing for the diverse students so I fully agree with this. </t>
  </si>
  <si>
    <t xml:space="preserve">Having a variety of these reports allows us to connect with families personally or written. </t>
  </si>
  <si>
    <t xml:space="preserve">The proficient area is so big. It needs to be a 5 point scale </t>
  </si>
  <si>
    <t xml:space="preserve">There is some benefit to it but they students really need to be guided in elementary. They get tired of doing it </t>
  </si>
  <si>
    <t xml:space="preserve">It’s a lot of work for specialized teachers when they could be helping students. It takes away from the learning that they are getting less and less every year </t>
  </si>
  <si>
    <t xml:space="preserve">I wish the question allowed for a "Slightly unsatisfied" option.  I think the number of reporting events is acceptable.  I just don't know if I am yet a fan of the detailed written reports.  I think it might be a lot of extra work for teachers. </t>
  </si>
  <si>
    <t>I do use rubrics in my class for assessment for several reasons, and we use the four point scale indicated above. However, in MyEd I still use percentages/letter grades simply because I do think they often provide more accuracy than the four point scale.</t>
  </si>
  <si>
    <t>Like many things different students will have different experiences/benefits doing such an activity. Some students will take it seriously. Others will rush through it/see it as busy work.</t>
  </si>
  <si>
    <t>By making Provincial Proficiency Scale as a requirement in Grades K-9 reporting I think it allows less flexibility for teachers to report/communicate learning in a way that they agree with philosophically.  Currently I use both rubrics/proficiency scale and percentages for both different things.</t>
  </si>
  <si>
    <t>IEPs should be reported on by classroom teachers and be part of the classroom  report card</t>
  </si>
  <si>
    <t xml:space="preserve">Students can't fail. There's no point in reporting anything. We are destroying our society by teaching kids that there are no consequences to failure. </t>
  </si>
  <si>
    <t>students can't fail. This renders the scale meaningless.</t>
  </si>
  <si>
    <t xml:space="preserve">transitioning from not failing and performance language, to failing math with letter grades is HUGELY confusing, disorienting and not helpful to grade 10 students. It's a terrible policy and is going to cause the decline of british columbian society. </t>
  </si>
  <si>
    <t xml:space="preserve">Students need to fail if they are actually not able to do the task required in the class. </t>
  </si>
  <si>
    <t>Self reflection is useful, but is do we expect them to be honest when we are being dishonest with assessment?</t>
  </si>
  <si>
    <t xml:space="preserve">They don't take it seriously, practically speaking, because we don't. </t>
  </si>
  <si>
    <t xml:space="preserve">Seems like a good idea to acknowledge diverse learners. </t>
  </si>
  <si>
    <t>allowing kids to be held back or fail</t>
  </si>
  <si>
    <t xml:space="preserve">failure happens in reality but we are lying to students which helps them to not take their education seriously. They see it and they check out. </t>
  </si>
  <si>
    <t>It is important to have learning updates throughout the school year so that areas of concern can be addressed. I have found the frequency of learning updates in the past to be insufficient.</t>
  </si>
  <si>
    <t xml:space="preserve">This type of reporting does nothing to prepare our children for when they start getting marks. Marks gives them a better idea on how they are doing! What does “emerging” mean to a 13yr old. Both my children love getting marks now that they are in high school - did you consult the students on this? </t>
  </si>
  <si>
    <t xml:space="preserve">I think Grade 8 and 9 should at the very least have the same reporting as 10-12. </t>
  </si>
  <si>
    <t xml:space="preserve">We have interviews with parents and then because the format of written reports takes so long, it’s usually only 2-3 weeks later we are doing written reports. We do these written reports at home, spending our weekends and evenings to get them done. </t>
  </si>
  <si>
    <t xml:space="preserve">Teacher interpretation is subjective using these categories. </t>
  </si>
  <si>
    <t>Very time consuming g with younger students!</t>
  </si>
  <si>
    <t>Again time consuming for younger students</t>
  </si>
  <si>
    <t xml:space="preserve">Too many formal reporting periods. Using something simpler that is easier for parents to understand and teachers to complete. A standard check list would be better. </t>
  </si>
  <si>
    <t>1. Replace the 2nd of 3 written reports with a longer parent meeting. The excessive time spent on (often jargonistic) written reports is better spent in real, focused conversation.
2. The first report delivered 25% into the year does not provide enough time for a meaningful global assessment.</t>
  </si>
  <si>
    <t>The scale itself is fine. The descriptive feedback is undefined so impossible to assess. Adding more work to narrative reporting means more workload. The province needs to show how it is funding this added work or what work it is taking away to enable it. If it is unfunded, it's untenable.</t>
  </si>
  <si>
    <t>While I understand that the desire is to move towards the new descriptors, it needs to be done in concert with BC's universities. Please form a committee with the BCCAT do do this work.</t>
  </si>
  <si>
    <t>Choose one or the other scale. It's about workload - unless there is time and resources being applied to this policy either by adding money or taking away other work, it is not a just policy. Staff in other ministries would get paid time to write expanded reports. Teachers should do.</t>
  </si>
  <si>
    <t>Student self assessment is a challenging thing to support at scale. Significant ongoing professional development is needed to do it well. I'm not convinced that the province is willing to adequately fund such ongoing pro-d.</t>
  </si>
  <si>
    <t>Formal student self assessment is a challenging thing to support at scale. Significant ongoing professional development is needed to do it well. I'm not convinced that the province is willing to adequately fund such ongoing pro-d.</t>
  </si>
  <si>
    <t>This goal is impossible to assess without understanding implementation pathways. What are the resources to individualize? How is this different from our IEP process? There are too many questions unanswered in the policy for it to be a meaningful document for implementation.</t>
  </si>
  <si>
    <t>Requirement for a formal written report on each subject within 25% of the start of a course.</t>
  </si>
  <si>
    <t>There is not enough space to explain. Essentially, this means sending by Nov 15, which means submitted to admin by Nov 1. Which means writing Oct 22, 6-7 weeks into the year. Not all subjects can be meaningfully assessed by that point, given Sept is the time to establish routines, etc.</t>
  </si>
  <si>
    <t>seems to be working</t>
  </si>
  <si>
    <t>seems fine to me, this is what I am doing now</t>
  </si>
  <si>
    <t>not a high school teacher</t>
  </si>
  <si>
    <t>like that they are reflective in their learning</t>
  </si>
  <si>
    <t>gives  students some control in their learning; 
this could just be a lot of extra paper work for teachers</t>
  </si>
  <si>
    <t>diversify assessments, this is good; 
visuals, interviews, not just pen and paper</t>
  </si>
  <si>
    <t>As a teacher the 3 large reports are too much. We spend hours on these reports and it is way too much for us, in my opinion. 
I would love to see 2 large reports and 3 interims.</t>
  </si>
  <si>
    <t>Easy language to understand for parents</t>
  </si>
  <si>
    <t>preps for university</t>
  </si>
  <si>
    <t>I do like the consistency with the assessment continum</t>
  </si>
  <si>
    <t xml:space="preserve">My child currently does not struggle for the most part in their work.  But in the past they have and waiting for a reporting period to be aware of an issue is far too long to wait. </t>
  </si>
  <si>
    <t xml:space="preserve">this provides an easy check off for teachers but unless they make a comment on your child, it really doesn't tell you much. </t>
  </si>
  <si>
    <t>letter grades and percentages are a better way to get students ready for their higher education</t>
  </si>
  <si>
    <t>this is will be a learning curve for many, but it is a great idea.  more self reflection is definitely needed and will help in many aspects of life for them.</t>
  </si>
  <si>
    <t xml:space="preserve">again, much needed life skill </t>
  </si>
  <si>
    <t>this is will be very difficult to attain and track - students with disabilities and diverse abilities are just that - diverse, no two are the same.</t>
  </si>
  <si>
    <t>Reporting is often the last in the long list of things a teacher needs to do - IEP studnets take up lots of time - give EA's full time work to help ease the workload of teachers so that all the students needs are met instead of hard choices being made</t>
  </si>
  <si>
    <t xml:space="preserve">We need to teach kids to think, analyze etc not spend time on assessment and reporting. </t>
  </si>
  <si>
    <t>Not definitive</t>
  </si>
  <si>
    <t>Students can control their learning environment as well as understand what needs to studied, etc</t>
  </si>
  <si>
    <t xml:space="preserve">It is what we are currently implementing and provides sufficient feedback </t>
  </si>
  <si>
    <t xml:space="preserve">We would like the Ministry of Education TRAX reporting to accept the Provincial Proficiency Scale that is submitted by the school. </t>
  </si>
  <si>
    <t>These learning updates will not give the same information as points of progress. Five formal reporting periods is more restrictive than continuous points of progress. Our staff has worked hard to go deep and specific about students learning and this seems to be going backwards to surface reporting.</t>
  </si>
  <si>
    <t xml:space="preserve">This language is already being used and understood by parents, staff, and children. </t>
  </si>
  <si>
    <t>This is a hard transition from no letter grades in elementary to now percentages and letter grades becoming the focus of reporting.</t>
  </si>
  <si>
    <t>Continue with language known already with consistent expectations.</t>
  </si>
  <si>
    <t xml:space="preserve">Primary grades find the self assessment portion is quite often a quick verbal check in. Formal self assessments need to be gradually introduced and not mandated for numbers to be completed and sent home. </t>
  </si>
  <si>
    <t xml:space="preserve">Learning and development goals are important for student’s progress and it is a part of regular instruction but often young students are not deep thinkers in this area and as such can change throughout the year. This requirement should be loose and not restrictive. </t>
  </si>
  <si>
    <t xml:space="preserve">Students are still developing a sense of their own strengths, stretches and who they are. As such, their goals are either surface or ever-changing and having this as a formal measurement is inappropriate and sets students up for failure. </t>
  </si>
  <si>
    <t>Dissatisfied. This sounds like the status quo. Too many “big” written reports that aren’t read/appreciated/effective for parents, and are VERY time consuming to write, often with technical difficulties and issues with myEd.</t>
  </si>
  <si>
    <t>Sounds like more work for teachers. Who’s going to write, focus on, over see, and report on these goals? Kids will need guidance and support. Not an independent activity, especially at first. Buts extra strain and burdens on teachers.</t>
  </si>
  <si>
    <t>Udl is something to aspire to. In reality, it’s rarely found “across the board” so to speak at this time. Students (&amp; teachers) often aren’t supported enough in classes.</t>
  </si>
  <si>
    <t xml:space="preserve">I frequently get reports </t>
  </si>
  <si>
    <t xml:space="preserve">We get more descriptions </t>
  </si>
  <si>
    <t xml:space="preserve">As a high school teacher, some teachers do not have any prep blocks. Due to this, a teacher will have to take all the reporting work at home along with corrections. If there is an elaborative written report for a child of about 150 words. In high school, each teacher has over 100 students.  </t>
  </si>
  <si>
    <t xml:space="preserve">I love the idea of proficiency scale, but for that  a teacher will have to make it topic/ task specific. Some free time must be allotted for it to the teachers. </t>
  </si>
  <si>
    <t xml:space="preserve">I believe slow transitioning can be done. Teachers can use a mixture of both. </t>
  </si>
  <si>
    <t>Some are not comfortable so they must be given the choice. It shouldn't be pushed on the teachers, as there is already a lot of extra work in high school.</t>
  </si>
  <si>
    <t>Yes, Student self- assessments can be created in a very generic form that can be used for various subjects. I sometimes use it in my class.</t>
  </si>
  <si>
    <t>Yes, I agree that students must have some set goals that they know themselves.</t>
  </si>
  <si>
    <t xml:space="preserve">Yes, I agree because it won't make them feel as students feel after looking at their marks. </t>
  </si>
  <si>
    <t>It is overwhelming and tiresome process. We have to sacrifice our personal family time. There should be a day when teachers can come to school and work on their report cards. Students can have a day off.</t>
  </si>
  <si>
    <t>it is too much work and if you teach high school students you have up to 120 students per semester and in many cases even more as classes are overcrowded and now I have to include even more written assessment and include student goals?  this is a huge undertaking and completely unfair..</t>
  </si>
  <si>
    <t xml:space="preserve">Descriptive feedback? Yes I agree but this cannot always be done with everything else which is why other forms of marking are used.  </t>
  </si>
  <si>
    <t>self assessment is a very good tool but you have to be careful how you use it and if you overuse it becomes pointless</t>
  </si>
  <si>
    <t>to incorporate all of this into the marking scheme is a lot of work and will just become busy work for the student.  Then is a teacher expected to include all of that in each reporting period for 120 students?  That is an unfair amount of work.</t>
  </si>
  <si>
    <t xml:space="preserve">then you need to provide more tools to help work with students with diverse learning issues and disabilities and this has not changed for years...this is a ministry level issue not a teacher issue.  There have been no changes in this area...not even enough EAs and "R" is not included in support </t>
  </si>
  <si>
    <t xml:space="preserve">its too much work and that is not fair, I don't have text books, I don't have EA support for many kids in my room and I don't have the tools to implement all of this in the classroom for the high volume of students...I think this is extremely unreasonable and unfair </t>
  </si>
  <si>
    <t>Lack of time to complete in a meaningful way, not only for teacher preparation time, but for gathering/assessing students' learning activities/experiences in order to determine some sort of proficiency.</t>
  </si>
  <si>
    <t>Our goal is for students learn &amp; NOT be driven by grades.  Post-secondary institutions should develop their own entrance assessments to determine if students are welcome in their institutions. I want a pass/fail reporting system.</t>
  </si>
  <si>
    <t>Will the Ministry of Ed ever provide Performance Scale exemplars for senior courses in the ELA curriculum?  It is nearly impossible to fully articulate to students what an "emergent" means if there is a lack of concrete exemplars for teachers.  This also limits consistency amongst/between districts.</t>
  </si>
  <si>
    <t>The core competencies are far too detailed/numerous as to render them meaningless.</t>
  </si>
  <si>
    <t>Who will keep track of this information?  Which classroom teacher will be burdened with adding this to their curriculum/responsibilities?</t>
  </si>
  <si>
    <t>What does this mean in actual practice? Is this just adding a copy of an IEP to their report card?</t>
  </si>
  <si>
    <t>More work added to teachers' workloads with little to no clarity, consistency, nor recognition of how/when these multiple reporting periods are to exist AND be meaningful in reflecting student competency--it takes time to see what students know, understand, can do (or not) &amp; this # is untenable</t>
  </si>
  <si>
    <t>Need more information. What do the reports entail?
I believe it is in everyone’s interest to report less often unless there is a concern.</t>
  </si>
  <si>
    <t>NYM is a hurtful descriptor and I would be glad to see it go</t>
  </si>
  <si>
    <t xml:space="preserve">I do not agree with an end of year summary </t>
  </si>
  <si>
    <t xml:space="preserve">Students in primary grades do not benefit from formal self assessment activities. The time taken to complete these tasks far outweighs their worth. </t>
  </si>
  <si>
    <t>Students in the primary grades are not yet able to set such detailed goals without a great deal of support. The time taken to help them far outweighs any benefits. There is already too much in the curriculum.  More important things will be left out in order to help them with this.</t>
  </si>
  <si>
    <t>This can be very difficult for early primary years. Require extra support so great it can be done one-on-one with students. Have found in the past that attempting to complete with a kindergarten class altogether is not very effective.</t>
  </si>
  <si>
    <t>Ideally should be more specific to grade groupings. Kindergarten and grade 9 are very different groupings. For example, assessments can be done (definitely not against them), but they do require extra support to make sure they are properly completed in early primary years.</t>
  </si>
  <si>
    <t>Oral communication with parents gives them a much better sense of how their child is doing.</t>
  </si>
  <si>
    <t>These descriptors can be very subjective and again don’t always give parents an accurate picture of how their child is doing.</t>
  </si>
  <si>
    <t xml:space="preserve">While it is important to begin the self assessment and reflection process it is very difficult for K - 2 students to do without a lot of 1-1 coaching from an adult </t>
  </si>
  <si>
    <t>I think it’s good to have students set goals in these areas, but not to report on them in the primary grades. In the K-2 grades we are learning about goal setting and how to express them. I do t think they should be evaluated on the his area at this age.</t>
  </si>
  <si>
    <t>This is something we have always done so I’m not sure how this would s a new policy.</t>
  </si>
  <si>
    <t>More in person reporting versus written reporting.</t>
  </si>
  <si>
    <t>I think parents get a more accurate idea of how their child is progressing from talking to the teacher versus reading a report. I also think having the students, particularly primary students, discuss self assessment &amp; goal setting in 3 way conference with parents would be much more valuable.</t>
  </si>
  <si>
    <t xml:space="preserve">Teachers are exploring a variety of different ways to communicate learning.  If we want to encourage an ongoing dialogue about learning then we have to take some "off" their plate.  </t>
  </si>
  <si>
    <t>appreciate moving away from letter grades.  Pscales promote the use of descriptive feedback.</t>
  </si>
  <si>
    <t>Would like to suggest that not all post secondary institutions require percentages, but do understand the constraints in changing or system. 
Perhaps we could consider reporting a final percentage in the summative report.  Encourage proficiency scale reporting at all other times.</t>
  </si>
  <si>
    <t xml:space="preserve">Would be considered that parents would not have a correct understanding of the proficiency scales.  Percentages and letter grades are not interchangeable with the proficiency scale. </t>
  </si>
  <si>
    <t>As a teacher, there is not enough time available to do more reporting than we are currently expected to do.</t>
  </si>
  <si>
    <t>Simplicity</t>
  </si>
  <si>
    <t>It is dated and not in sync with the earlier year levels.</t>
  </si>
  <si>
    <t xml:space="preserve">I do not always think that the way we report are worthwhile. Many parents don’t read them, and I wish there were more informal in person reports. </t>
  </si>
  <si>
    <t xml:space="preserve">This is what I use now, I don’t have any other frame of reference. </t>
  </si>
  <si>
    <t xml:space="preserve">I do not teach secondary and I cannot speak to this. </t>
  </si>
  <si>
    <t xml:space="preserve">Once again I don’t teach secondary but I feel that this is extra work </t>
  </si>
  <si>
    <t xml:space="preserve"> I question how much meaning the parents derive from the written reports - they are lengthy, full of teacher jargon, and not easy to understand (unless you know a teacher translator!).  </t>
  </si>
  <si>
    <t>Change the language to be more consistent for the 4 point scale across the districts.
Emerging or Is Beginning to, sounds much more positive than NOT YET MEETING.
Developing is better than "Minimally Meeting"</t>
  </si>
  <si>
    <t>Students should be able to reflect upon their learning and take some ownership.</t>
  </si>
  <si>
    <t>Based on their age and skill - yes. It encourages control of their learning choices.</t>
  </si>
  <si>
    <t>This is what we do.</t>
  </si>
  <si>
    <t xml:space="preserve">Learning should be more of a partnership. Perhaps one of the formal reports should be written with parent, child, and teacher following a collaborative interview.
</t>
  </si>
  <si>
    <t>While it is important to provide feedback to parents, communicating student learning takes a LOT of time and effort, especially when high school teaches routinely have 210 students.  I am concerned about the amount of time being asked of teachers to prepare and conduct this communication.</t>
  </si>
  <si>
    <t>I find that parents and students prefer to have more concrete information regarding student progress.  I like the proficiency scale, but the outcomes need to be more clearly defined for parents by the ministry (like what was provided in the 2006 Integrated Resource Package).</t>
  </si>
  <si>
    <t>Parents understand letter grades and percentages and it demonstrates a clear progression of learning for the students. I have far less parents questioning how I arrived at a final mark when letter grades and percentages are used.</t>
  </si>
  <si>
    <t>I like this idea, but again, it's double the reporting work for teachers, without any additional time.  I already routinely work 60-70 hours per week during the school year.  I'm physically not able to find more time to calculate grades AND use a proficiency scale for 210 human beings.</t>
  </si>
  <si>
    <t>I think self-reflection and self-assessment are a critical part of learning.</t>
  </si>
  <si>
    <t>I fully support students' diverse needs, but again, time is an issue here.  Some students need so much support and it's a huge time issue for teachers.  I routinely work 60-70 hours per week during the school year and for sure, some students fall through the cracks.</t>
  </si>
  <si>
    <t>I think 3 reporting periods per year is sufficient to communicate student learning.</t>
  </si>
  <si>
    <t xml:space="preserve">I would rather we work towards quality reporting for parents (such as Fresh Grade, Point of Progress reports, etc.) so we can be authentic rather than fulfilling a requirement to provide paper reports. </t>
  </si>
  <si>
    <t>I believe the language gives unrealistic feedback to parents whose children are really struggling in school.  "Emerging" does not represent a student who needs intervention and academic support.</t>
  </si>
  <si>
    <t>I believe this will be very tricky for elementary students as they find goal setting a very abstract idea.  It will mean a lot of class time will go to goal setting instead of curriculum and core competencies.</t>
  </si>
  <si>
    <t>I am unsure how this assessment would happen or what would be required.</t>
  </si>
  <si>
    <t>I am very concerned that areas such as Fine Arts (or prep relief) would see an increase in formal/paper reporting.  This would be devastating for the teacher since they teach every student in the elementary school.  This would be inequitable and unsustainable for these teachers.</t>
  </si>
  <si>
    <t xml:space="preserve">There needs to be specification for semester schools that there be a report WITH LETTER AND PERCENTAGES for 10-12 mid semester to provide opportunity to discuss support and for post secondary applications. A written report at the end of the semester is not an update, it is a summary. </t>
  </si>
  <si>
    <t xml:space="preserve">Proficiency scales for these ages encourage focus on on going learning rather than on a mark. Encourages growth mindset. </t>
  </si>
  <si>
    <t xml:space="preserve">Students need these years to prepare for the shift to university or other post secondary.  </t>
  </si>
  <si>
    <t>Admission to university is competitive and comparative.  At grade 11 and 12, there must be a common basis for assessment practices across districts.</t>
  </si>
  <si>
    <t xml:space="preserve">For post secondary, perhaps grade 10 could be the transition year where both may be used.  Starting in grade 11 marks and percentages are used for university admission in BC.  There must be consistency in assessment and reporting practices. </t>
  </si>
  <si>
    <t>Written learning updates on myEd do not provide the same feedback as a meeting in person with parents. Options for the two written reports during the year should be either written or parent meetings.</t>
  </si>
  <si>
    <t xml:space="preserve">Scale is not easy for parents to understand </t>
  </si>
  <si>
    <t xml:space="preserve">Grade 7 and up should be letter grades. </t>
  </si>
  <si>
    <t>Equates letter grades to proficiency scale</t>
  </si>
  <si>
    <t xml:space="preserve">Students are encouraged to take ownership of themselves as a learner. </t>
  </si>
  <si>
    <t xml:space="preserve">Requirements for written reports is already overwhelming, what will be taken away if this is added. </t>
  </si>
  <si>
    <t xml:space="preserve">Meeting with parents and students is more beneficial for student learning than written reports. This should be an option for the two mid-year written reports. </t>
  </si>
  <si>
    <t>It doesn’t give me enough information on well my child is doing. It is too broad of a spectrum and are they passing really and it seems that no child really gets extending but falls in the middle somewhere.  I prefer a grade so I know where I can my children more. It’s all about competition</t>
  </si>
  <si>
    <t>Should be letter or percentages from at least grade 4 and up. When you get to grade 10 it’s almost too late at that point when you are trying to get the child to
change habits or get them focused for life after school. You either win a job or lose a job when you apply..not in between</t>
  </si>
  <si>
    <t xml:space="preserve">This will help them prepare for their future better </t>
  </si>
  <si>
    <t>Need to make sure students are better prepared for the real world and the competition out there.  It is really about winning a job or a career.  We don’t apply to a job and get a participation ribbon.  We  are too soft and millennials are proving it currently. Too soft , lazy.</t>
  </si>
  <si>
    <t>Not all teachers provide interim reports card results</t>
  </si>
  <si>
    <t>Not all students do well with this type of testing so it may be skewed. I feel that this is used to grade how well teachers are teaching snd there may be better ways to do that</t>
  </si>
  <si>
    <t xml:space="preserve">This needs to be consistent with post secondary </t>
  </si>
  <si>
    <t>It will teach self assessment and self awareness. As long as it is guided properly.</t>
  </si>
  <si>
    <t>A lot of employers do this so it is a good life skill</t>
  </si>
  <si>
    <t>More frequent reporting means it's easier to identify and correct problems before they get out of hand</t>
  </si>
  <si>
    <t>It's a lot easier to understand what A, B, C, D, etc, means</t>
  </si>
  <si>
    <t>Seems like a good idea to cover all the bases and potential differences between different areas</t>
  </si>
  <si>
    <t>It's hard to evaluate all kids based on the same criteria when there are so many differences</t>
  </si>
  <si>
    <t>Some teachers in my department teach 210 students… it’s a lot of works writing real feedback. Most teachers will copy and paste their comments/feedback and the real information will not be communicated.</t>
  </si>
  <si>
    <t>The four point scale are vague and we are opening the door for two problems. 1st, teachers will slowly not feel the need to be accountable about their teaching. 2nd, students will not know how they are really performing without a long written comment that teachers will copy from a template.</t>
  </si>
  <si>
    <t>What is proposed is teachers will still continue doing their evaluation but please add very long comments to parents. More work then before but with the same amount of students.</t>
  </si>
  <si>
    <t xml:space="preserve">People understand better numbers than words. Now according to this statement we will evaluate students with words but later we will use  number. Teacher at the secondary level rarely look back at the elementary report cards of a students for reference, they are to vague.  </t>
  </si>
  <si>
    <t xml:space="preserve">I taught more than 6000 students. My students learns a lot form my personal approach of teaching. Now let’s try to complicated their learning with the core competencies who had nothing to do with their learning. Learning is the most beautiful action human can do. Let’s try to keep it simpler. </t>
  </si>
  <si>
    <t xml:space="preserve">I try both way. Student setting their goal and my role is to monitor their learning. Or being original, unique and taught full in my teaching to inspire their learning. By far, the second option is way more effective.
</t>
  </si>
  <si>
    <t>What we are proposing is to lower the level for the group to accommodate the special learner that they can fit. Let’s create a exemple with disabled/handicap person. We need to remove the stairs and install only a wheelchair ramp for everyone. In a world we’re efficiency is not important maybe.</t>
  </si>
  <si>
    <t>Kids learn fast what adults want to hear. I read a few elementary self assessment and they are made for students who need reassured their parents. It’s cute but not educational.</t>
  </si>
  <si>
    <t xml:space="preserve">not all subjects are currently required for 3 written summaries throughout the year. The new one includes core competencies and self reflections. 
This is going back to the old curriculum style where we put out 3 written reports throughout the year on all subjects, except now we have more subjects. </t>
  </si>
  <si>
    <t xml:space="preserve">In Kindergarten specifically self reflections are quite complicated for that age to even comprehend and understand and many don't "progress" on self-reflections through the year because they don't understand some of the language even with templates and examples at their level. </t>
  </si>
  <si>
    <t xml:space="preserve">Again at the primary level and specifically Kindergarten many students can only understand some of their level of growth and goal setting. Much of the goal setting at growth plan conferences are the parents/teacher doing the goal setting. </t>
  </si>
  <si>
    <t>I think we should go to more of a portfolio base like Seesaw, Fresh Grade, etc, for clear documentation, with summary of learning at the end of the year and two "interviews" with both child and parent(s )present.</t>
  </si>
  <si>
    <t>There is need for indicators of how the student is doing.</t>
  </si>
  <si>
    <t>Marks are needed for post secondary entrance.</t>
  </si>
  <si>
    <t>Children need to be taught at an early age to evaluate their learning in order to take ownership of it.</t>
  </si>
  <si>
    <t>It helps them to direct their learning.</t>
  </si>
  <si>
    <t>We need more resources to help us know how to do this fairly and clearly so that parents understand how their child is doing.</t>
  </si>
  <si>
    <t xml:space="preserve">I like to know how and what my kids are doing. Thanks </t>
  </si>
  <si>
    <t xml:space="preserve">Elementary curriculum needs to be narrowed down so that core literacy and numeracy skills can be developed more in depth. </t>
  </si>
  <si>
    <t>Terms are too short.  It makes better sense to have two semesters and two interims to have more thoughtful reports.</t>
  </si>
  <si>
    <t>Five point scale is better.  The developing scale is much too large and gives false ideas of proficiency to many parents.</t>
  </si>
  <si>
    <t xml:space="preserve">These reporting structures, as proposed, require a lot of depth of assessment and reflection on student learning, on both the student and the teacher. While this is worthwhile, it is also incredibly hard to do for teachers with larger (24+) class sizes and many students, especially in semesters. </t>
  </si>
  <si>
    <t>Smaller class sizes to allow for this to be more feasible</t>
  </si>
  <si>
    <t xml:space="preserve">I find that it is too subjective according to each teacher. I would prefer letter grades grade 4+ since they rely on percentages. More accurate assessment </t>
  </si>
  <si>
    <t xml:space="preserve">I would prefer letter grades offered earlier instead of just grades 10-12 for post secondary. </t>
  </si>
  <si>
    <t>Letter grades 4+</t>
  </si>
  <si>
    <t>Frequency is adequate, depth of commentary could be improved.</t>
  </si>
  <si>
    <t>This type of feedback is very vague. The description provided does not provide sufficient insight into the level of learning. The letter grade system was far superior in terms of being able to get a sense how well the child is doing.</t>
  </si>
  <si>
    <t>I believe letter grades and percentages should be used from intermediate grades oneward.</t>
  </si>
  <si>
    <t>Not familiar with this.</t>
  </si>
  <si>
    <t>Introspection may be useful, however, I don't believe it's utilized to it's full capacity.</t>
  </si>
  <si>
    <t>The idea is sound, implementation might be challenging.</t>
  </si>
  <si>
    <t>As long as core learning is not impacted, we should strive for inclusion.</t>
  </si>
  <si>
    <t>I believe the letter grade system along with descriptive feedback is more useful than the four broad categories.</t>
  </si>
  <si>
    <t xml:space="preserve">The number of reports should be decreased to four including two written reports and two informal learning updates.  </t>
  </si>
  <si>
    <t xml:space="preserve">The proficiency scale is not well understood by parents or teachers and should be limited in use to K to 7.  Many teachers have concerns with a four point rather than five point scale.  </t>
  </si>
  <si>
    <t xml:space="preserve">Letter grades should be in use from grade 8 to 12.  </t>
  </si>
  <si>
    <t xml:space="preserve">It is ridiculous to add another later of work for teachers.  </t>
  </si>
  <si>
    <t>The policy makes it seem that student self-assessment must be timed with reporting periods rather than a fluid learning and genuine reflection process.  Does anyone understand the support required for primary students, students with diverse learning needs and ELL learners.</t>
  </si>
  <si>
    <t xml:space="preserve">Goal setting should be part of three way conferencing rather than a forced event.  </t>
  </si>
  <si>
    <t xml:space="preserve">Self assessment on core competencies at each reporting period for all core competencies is not inclusive for learners.  Nor will it provide for genuine reflection.  </t>
  </si>
  <si>
    <t xml:space="preserve">Workload!  Written reports are time consuming and the final product doesn't offer the rich conversation that is more helpful to learning.  Student self-assessment &amp; goal setting needs to be more realistic to make these moments genuine rather than a product to produce.  Lack of training and time!!!
</t>
  </si>
  <si>
    <t>Not clear on what the learning updates entail. These seem more time consuming than the updates teachers are doing now. Covering all areas in each one is more than what is happening now. A learning update with all subjects in the first 25% of the year is too much.</t>
  </si>
  <si>
    <t>A five point scale helps  bridge the gap between developing and proficient. Often students are truly in the middle.</t>
  </si>
  <si>
    <t>We are moving away from letter grades, so let's move away from them and use a proficiency scale.</t>
  </si>
  <si>
    <t>We prefer to self-assess after most activities, so this works for our learning updates. Not necessary for the learning summary. They seem to contrived this way. They should be ongoing throughout the year.</t>
  </si>
  <si>
    <t>K-3 will find this extremely difficult. It would not come from the students as many are not ready for this. K-3 should not have the same requirements as 4-9. Remember, they are primary children and need to be assessed differently.</t>
  </si>
  <si>
    <t xml:space="preserve">This needs to be re-evaluated. K-9 is too wide of a gap to expect the same thing. </t>
  </si>
  <si>
    <t>Good to have 5 reporting events and that 2 are written; this helps give valuable info for future teachers of a student.  Some schools have gone to e-portfolios but then no record can be accessed for that student as it was all previously online.  Still need a copy to be uploaded onto student record.</t>
  </si>
  <si>
    <t xml:space="preserve">We should go back to giving out letter grades starting in gr 4 because then it's not shocking when it happens in grade 10 - 12. Parents understand how to "read" letter grades.  The 4 point scale can be confusing for parents.  </t>
  </si>
  <si>
    <t>This is concrete and clear, especially for parents to understand as well as for admission into post-secondary institutions.</t>
  </si>
  <si>
    <t xml:space="preserve">Assessment should be consistent across schools and districts.  </t>
  </si>
  <si>
    <t>Students should be taught how to assess their own work so they can be critical and knowledgeable about their own improvement.</t>
  </si>
  <si>
    <t xml:space="preserve">Students should be taking ownership of their own learning and have the opportunity to pursue personal areas of passion/interest.  </t>
  </si>
  <si>
    <t xml:space="preserve">Agree with this statement but not sure how this would be implemented? </t>
  </si>
  <si>
    <t>Grades 4 to 9 should go back to letter grades</t>
  </si>
  <si>
    <t>Too much work for the teacher</t>
  </si>
  <si>
    <t>As long as the levels are clearly defined and can be easily use in the everyday assessments, it could work.</t>
  </si>
  <si>
    <t>This is what universities want.</t>
  </si>
  <si>
    <t xml:space="preserve">Why making things more complicated, it won't be useful for the students' post-secondary lives. </t>
  </si>
  <si>
    <t xml:space="preserve">The idea is great but again it's extra work for the teacher who has to teach all the other 9 subjects.
Also, the core competencies are very difficult to understand for younger students and older students just don't care.
</t>
  </si>
  <si>
    <t>This could be interesting and embedded in SMART goals lessons (career).
But the student and the teacher need to remember it along all the other things going on.
Easy to do, hard to follow...</t>
  </si>
  <si>
    <t xml:space="preserve">This is so vague. </t>
  </si>
  <si>
    <t>It would take to much time to make this meaningful. Stop adding things on the teachers' plate!</t>
  </si>
  <si>
    <t>I am unclear on what a written report is. If this can include portfolio posts as part of cummulative learning with feedback and accessible to parents that is updated that I have been doing for 6 years. If this is additional summative written report, this is defeating the purpose of our new curriculu</t>
  </si>
  <si>
    <t>Proficient because it does not have -ing as the other descriptors is confusing for parents and students because this is still understanding of movement in learning.</t>
  </si>
  <si>
    <t>There is then a disconnect between K-9 and 10-12. Why is one not good enough for the other?</t>
  </si>
  <si>
    <t>I think student voice is important. I am not sure of it's place in reporting as it can remove the honesty and transparency a child reflects--it can become another thing to just say what they want us to say.</t>
  </si>
  <si>
    <t>A great thing to incorporate in all learning processes, though I am not sure of it's place in reporting. Is this required in every subject for every reporting time...there is not enough time for this as good goal-setting take time and lots of practice.</t>
  </si>
  <si>
    <t>What does this mean? What does that look like?</t>
  </si>
  <si>
    <t>To do this kind of reporting well and for the purposes of communicating on-going learning process and be part of that process, it requires more time and slower process.</t>
  </si>
  <si>
    <t xml:space="preserve">Simple--- do not REINVENT the wheel! CLEAR- TRANSPARENT- Share a sample with parents- so they know... exactly how their child is progressing--- has progressed---
</t>
  </si>
  <si>
    <t>Teachers should be spending time on TEACHING---- simple ways of assessment FOR learning-- to improve... --- we will spend another ten years trying to "clarify" Target goals---- Intention- essential question- the rubric- CORE competencies- Curricular competencies- Performance Standards.. omg---</t>
  </si>
  <si>
    <t xml:space="preserve">Seriously- we r still "debating" this.... I thought "Inclusion" started 25 years ago. 
</t>
  </si>
  <si>
    <t>We start in September- settle in.. Oct. teach..6 weeks?? disruptions.. etc etc.. Get ready to report.. collect evidence --mid Nov... write-- edit..... goes to VP.. comes back.. etc etc. IEP.. AIP... Can we spend more time on TEACHING- than reporting..... regular communication with parents.... best</t>
  </si>
  <si>
    <t xml:space="preserve">I feel as though children thrive on knowing they have a grade to uphold and taking that away in grades 8 and 9 would no be beneficial. </t>
  </si>
  <si>
    <t xml:space="preserve">English, Thai, Japanese </t>
  </si>
  <si>
    <t>Too much at the high school level.</t>
  </si>
  <si>
    <t>Not effective.</t>
  </si>
  <si>
    <t>It's understood and concrete.</t>
  </si>
  <si>
    <t>Proficiency language is loose and not understood. Universally confusing.</t>
  </si>
  <si>
    <t xml:space="preserve">This could work well and is a reflective piece. </t>
  </si>
  <si>
    <t>I Get it. Seen it done in other systems and it can be powerful.</t>
  </si>
  <si>
    <t>It's important to be mindful of this when making an assessment.</t>
  </si>
  <si>
    <t xml:space="preserve">Grade 10-12 needs common language so letter grades stay. Adding reflection is important for the whole learner picture. </t>
  </si>
  <si>
    <t>A letter grade or percentage already communicates the student's proficiency.  Why make a written report for each student?  Have teachers write their assessment criteria / rubrics etc. once and then simply give a letter grade / percentage to indicate how they measured up accordingly.</t>
  </si>
  <si>
    <t>I like this scale.  I think it should be used for assessment, but not as a communication guide - just an assessment guide. Too cumbersome - written report for each student?  Have teachers write their assessment criteria / rubrics etc. once and then simply give a letter grade / percentage.</t>
  </si>
  <si>
    <t>Quick, transferrable, easy...  But maybe we should use some Art form to express ourselves more fully - to more clearly and completely show how teachers really feel about the pupil.</t>
  </si>
  <si>
    <t>This is how it should be for the earlier grades as well.</t>
  </si>
  <si>
    <t>This is only beneficial for a VERY SELECT FEW parents/caregivers and even smaller number of students.</t>
  </si>
  <si>
    <t>This only works for a select few personality types.  Even the most focused learners who go on to post-secondary change their focus several times - the time/energy of focus-statements will not result in increased learning.  It will detract from good teachers preparing engaging lessons.</t>
  </si>
  <si>
    <t>this is a good thing</t>
  </si>
  <si>
    <t>The cumbersome anecdotal portion of pre 10-12 reporting</t>
  </si>
  <si>
    <t xml:space="preserve">Japanese </t>
  </si>
  <si>
    <t>As a teacher we need time to focus on the learning and not always the reporting. What we currently do already takes up a lot of time and formality for families that don’t even read these reports. My focus is spending time teaching my students and getting to know them. It never feels like enough time</t>
  </si>
  <si>
    <t xml:space="preserve">We spend a lot of time writing these comments that demonstrate student progress but families tend to ficus on the scare, many wondering why their child isn’t extending - they view this as an “A” </t>
  </si>
  <si>
    <t xml:space="preserve">I believe grade are valuable for post secondary enrolment. </t>
  </si>
  <si>
    <t xml:space="preserve">By this grade level, then educational relationship is between student and teachers. If students value their education, they will want support and not have their teacher unavailable due to constant assessment and reporting. Time is everything for learning. </t>
  </si>
  <si>
    <t xml:space="preserve">Way too challenging for a kindergartener and they are not actual reflections of what they can do. They don’t value self assessment or assessment at all at this age. They change everyday depending on so many factors. Every assessment is too much for manny of them. </t>
  </si>
  <si>
    <t xml:space="preserve">Goals are personal and change a lot for students depending on circumstances. </t>
  </si>
  <si>
    <t>I assess my students based on where they are at and how far they come. That’s the time I spend in the comment portion of my reporting and my constant communication with parents. Students that require an IEP require evidence of supports needed to assist their learning inside the classroom.</t>
  </si>
  <si>
    <t>Time with my students is so valuable to me. I need time to connect with them and provide a safe learning environment for them. Constant assessing, reporting, and all the other formalities take my focus away from this and only cause stress to meet district needs not student and families needs.</t>
  </si>
  <si>
    <t xml:space="preserve">The current reporting scheme is too onerous for teachers.  I would love to see more personable and future friendly options for reporting, such as audio or video recordings of teacher feedback, or audio and video recordings of student lead confrences.  </t>
  </si>
  <si>
    <t xml:space="preserve">Focusing on student's growth helps increase confidence and a feeling of inclusion within the class. </t>
  </si>
  <si>
    <t>Percentages will allways be a subjective value judgement with holes.  They never tell the whole story about a student's ability.  Its time we recognize that making generalizations about individuals is a broken concept.</t>
  </si>
  <si>
    <t>That system would better address what I mentioned above.</t>
  </si>
  <si>
    <t xml:space="preserve">Students need to develop an understanding of their progress in tasks. </t>
  </si>
  <si>
    <t xml:space="preserve">I am concerned that this will add extra work to what teachers allready have to do. </t>
  </si>
  <si>
    <t xml:space="preserve">It is time we recognize the extra planning work that is needed to accomidate all learners in a classroom. </t>
  </si>
  <si>
    <t xml:space="preserve">A greater variety of acceptable reporting formats  to refelect the new ideas in the curriculumn.  </t>
  </si>
  <si>
    <t xml:space="preserve">We now teach that different forms of media are considered 'texts', and reporting should be open to different forms of media when reporting.  </t>
  </si>
  <si>
    <t xml:space="preserve">The document takes away the students right to fail and learn from that failure.  Yes we do everything to try and get kids through but our greatest growth comes from actually failing and having the resiliency to move forward and improve.   Fall down 7 times get up 8.  </t>
  </si>
  <si>
    <t xml:space="preserve">This is not helpful and parents, teachers and universities do not want this.  </t>
  </si>
  <si>
    <t>This is too amorphous.  Dos it apply to all classes across the curriculum?  Is it just reported once per year?  If only once who is responsible?   This needs to be fleshed out a lot more as it seems to have the potential to burden the teachers with even more reporting.</t>
  </si>
  <si>
    <t>It leaves students unprepared for the higher grades.  It takes away a huge learning opportunity in that they have the right to fail and learn from those failures.  It shrouds what we do in even more teacher talk and leaves parents guessing as to where their child actually sits regarding school.</t>
  </si>
  <si>
    <t xml:space="preserve">The policy requires very comprehensive written reports.  While this is valuable reporting in the middle of a course, I wonder if it is necessary to include as many details in a summative report as well.  There is a need to balance what is best for students as well as the workload of the teacher.  </t>
  </si>
  <si>
    <t>The four point scale will be understandable by parents/ students.  Descriptive feedback is valuable; however, examples of feedback are necessary for teachers to know exactly what is expected.</t>
  </si>
  <si>
    <t>Clear language understood by all post secondary institutions.</t>
  </si>
  <si>
    <t>Will this increase the workload for teachers?  Pick one way of communicating assessment.</t>
  </si>
  <si>
    <t>Students are already, in many cases, simply stating what others want to hear in their self-assessments.  Teachers need to be mindful of not asking students to self assess too often and minimize the authenticity and true self reflection.</t>
  </si>
  <si>
    <t>Same as above - teachers need to be mindful of not overdoing goal setting/ reflections with their students.  Students become very passive and lacking in authenticity when asked to goal set too often.</t>
  </si>
  <si>
    <t xml:space="preserve">Who will be responsible for formulating such specialized reports?  </t>
  </si>
  <si>
    <t>written feedback</t>
  </si>
  <si>
    <t xml:space="preserve">Requiring teachers to write individualized feedback for 240 students several times throughout the school year would become the reality of secondary school teachers.  When will they have time to do this in addition to regular duties?  </t>
  </si>
  <si>
    <t xml:space="preserve">At the moment, we have 2 written reports. It has been changed recently and is efficient. There is no need to change the system once again.  </t>
  </si>
  <si>
    <t xml:space="preserve">I understand it is difficult to change the system because of universities. However, there is no point in creating a different system if it is to come back to something similar afterwards. Students know that percentages and letters are what matters. There is no real shift as it is. </t>
  </si>
  <si>
    <t xml:space="preserve">I don't know how I feel about self assessment. It is an interesting tool but ultimately students need an objective assessment and teacher are the best option to provide it. </t>
  </si>
  <si>
    <t xml:space="preserve">How? </t>
  </si>
  <si>
    <t>As expressed previously, I don't see why we would change the reporting system once again. I also don't appreciate the phrasing. It implies it is the same as before whereas it clearly isn't.</t>
  </si>
  <si>
    <t xml:space="preserve">While it's excellent to send regular reports back to parents and guardians, it is putting MORE on teacher's plates who are already at the brink of burn-out. To consistently be writing reports can take away from teacher's time of actually giving students the help they need. </t>
  </si>
  <si>
    <t xml:space="preserve">I agree with the proficiency scale, but please let's stick to ONE language for reporting. These words: emerging, developing, proficient, and extending almost mean nothing as schools and different districts use them differently. </t>
  </si>
  <si>
    <t xml:space="preserve">Yes, let's keep this consistent so as not to confuse students, educators, and parents. </t>
  </si>
  <si>
    <t xml:space="preserve">I think this is a great idea to allow students to reflect and be more thoughtful about their work throughout a term / year. Especially in the grades 10-12, students should be able to have a good idea of how they are doing without a teacher dictating that to them. </t>
  </si>
  <si>
    <t xml:space="preserve">This is a great idea to have students think about their goals and where they want to go. </t>
  </si>
  <si>
    <t xml:space="preserve">Yes and no. This is idea is great on paper, but the reality of it is that educators are drowning in IEPs and its making this profession a lot harder. It's difficult to constantly differentiate for everybody - if you'd like to do this, you need to cut down class size and focus on fair composition. </t>
  </si>
  <si>
    <t>Overall, this sounds like a solid plan, especially in terms of the students becoming more involved in goal setting and self-assessments. HOWEVER, this sounds like a lot more piled onto an already full plate for a teacher - frequency and diversity / inc need to be further revised to make this doable.</t>
  </si>
  <si>
    <t>This is increasing teachers workload hugely. We are already burning out with all of the new assessment we are asked to do due by our regular reporting (general comments, individual course comments, core competencies, careers, etc). The thought of adding this additional work will kill the passion.</t>
  </si>
  <si>
    <t xml:space="preserve">Teaching grade 9, the students see right through this. They are driven by letter grades, and equate "proficient" to a B. It's just making it harder for students to see where they stand. </t>
  </si>
  <si>
    <t xml:space="preserve">Studebts respond vest to letter grades. Having used both, I see the frustration when I use the proficiency scale. It takes away from their hard work. </t>
  </si>
  <si>
    <t xml:space="preserve">This isn't setting students up to be successful in post secondary. Until letter grades are no longer used in the post secondary setting, why are we confusing the students more? </t>
  </si>
  <si>
    <t xml:space="preserve">From a teacher's perspective, this definitely adds to our workload during reporting period. Do the students benefit? I'm undecided. Many of my grade 9's rolled their eyes when asked to do this. I've tried being as creative as possible, and they still don't buy in. </t>
  </si>
  <si>
    <t>This is the first I've heard about goal setting from a reporting perspective. We get students to set goals all year, but have never formally included them in reporting. Again, I worry about teachers burning out. This is a huge ask to already overwhelmed and underpaid teachers.</t>
  </si>
  <si>
    <t xml:space="preserve">We already do this as professionals when creating our lessons. What would be helpful is if we had more support in the classroom, so we truly could meet the needs of every learner. </t>
  </si>
  <si>
    <t xml:space="preserve">I want teachers to feel passionate about what they teach, and come up with creative, engaging lessons. By adding more to their workload, we are going to start seeing teachers burning out, leaving their careers, or just miserable at work. This isn't a healthy or sustainable plan. </t>
  </si>
  <si>
    <t>It make sense to do this assessment in high school students because younger students have no clue about this assessment. They don't understand this concept. They are just checking the boxes without understanding what they are expected to do. I think it is more relevant to older students than younger</t>
  </si>
  <si>
    <t>School is stressful enough for a lot of kids and having to deal with more learning requirements on top of the expected ones can put a lot more pressure on them. How about teachers and students together set goals for students and teachers provide extra help to accomplish those goals.</t>
  </si>
  <si>
    <t>same as mentioned above. School is very stressful for many kids and this requirement will out more pressure on them and their parents.</t>
  </si>
  <si>
    <t>The focus on 3 "summative" written reports and 3 written student self-assessments of core competencies/goal-setting means more time will be spent generating reports for caregivers as opposed to formative in-class assessment for students. Completely goes against current assessment pedagogy.</t>
  </si>
  <si>
    <t xml:space="preserve">Teachers are still required to submit letter grades at the end of the year (PSR marks), so this is not actually embracing a continuum of learning approach but just renaming the "bins" that students get lumped into. </t>
  </si>
  <si>
    <t>This is already happening in classrooms and is embedded in daily classroom instruction. Requiring this to be formally reported on three times a year seems like an unnecessary hoop to jump through and a waste of valuable classroom time.</t>
  </si>
  <si>
    <t>In theory this reporting order says it's inclusive of all learners, but the lack of flexibility in the frequency of mandated written reports actually removes flexibility and requires teachers to jump through hoops to report on all students in the same way</t>
  </si>
  <si>
    <t>Teachers need flexibility in order to provide ongoing communication of student learning that best meets the needs of their students and their school communities. By mandating 3 written teacher-generated reports, 3 student-written self-assessments and goal setting, flexibility is lost.</t>
  </si>
  <si>
    <t>I Ike many several reporting times. I have some issues with the written comments as it relaying heavily on whether a teacher likes a student. Many of the comments given as subjective and often judgemental</t>
  </si>
  <si>
    <t>This takes away the student that enjoys schools achievements, and patronizes those that this is probably meant to help. They know you are taking away the grades so you don’t have to give them a low grade</t>
  </si>
  <si>
    <t>Gives kids a feeling of accomplishment, something to work for and is not as subjective. Let’s face it , teachers are bias so grades are often still dependent on the teacher liking the student</t>
  </si>
  <si>
    <t>Again, you are giving teachers the power to discriminate based on who they like.  Has always been part of the equation but this amplifies it</t>
  </si>
  <si>
    <t>I am not sure anyone had ever asked the students what they think of these core competencies but I can tell you my kids think they are a joke and lie on most of their assessments to get thru</t>
  </si>
  <si>
    <t>I get the intention but seems like something only the students into school will actually put effort into. You need to meet them where they are at, this is preaching to the choir</t>
  </si>
  <si>
    <t>Stop trying to reach kids by getting them to be “good “ students. Recognize there are many successful people in the world that did not do well at school</t>
  </si>
  <si>
    <t>I understand that this is trying to encourage students that may not be being reached blow but I actually think it is just pandering to those that love school and that the teachers like. Stop trying to fit them in the old antiquated boxes .</t>
  </si>
  <si>
    <t>I would rather that my kids' teachers spent time working with students in the classroom and giving timely and meaningful feedback to my kids than taking more time out of their busy schedules to create reports for me</t>
  </si>
  <si>
    <t>It's confusing. I've noticed that my kids' teachers seem to be interpreting these categories differently--one of my children received "beginning" in PE due to a classroom behaviour management issue (friend had a cell phone that they were looking at)--not reflective of performance in the subject area</t>
  </si>
  <si>
    <t>Either have them or don't. If you agree that percentages are not good assessment practice, then why suddenly impose them? Universities need to adapt if the world of assessment is changing.</t>
  </si>
  <si>
    <t>I'd rather see it harmonized K-12 and have the same thing for everyone</t>
  </si>
  <si>
    <t>The once yearly written self-assessments of core competencies that I currently receive don't give me a lot of information about what's going on. My kids say they hate completing them, and I can tell that they are just "ticking a box", not deep or meaningful reflections. Why add more?</t>
  </si>
  <si>
    <t xml:space="preserve">Again...why add more busy work? If goal-setting is embedded into classroom practice, requiring it to be reported on to families three times a year seems unnecessary. Is the goal to check if teachers are doing their job right or to give me meaningful feedback? As a parent, I don't need or want this. </t>
  </si>
  <si>
    <t xml:space="preserve">How is this new reporting order more flexible and responsive to student learning differences? I don't see it. It seems like it imposes a lot more top-down requirements on classroom teachers and actually limits their flexibility in how and when they report. </t>
  </si>
  <si>
    <t>I don't need so many written reports from my kids' teachers. I trust that they are professionals who will communicate with me in a timely manner if there is anything that I need to know about their learning. Don't make them jump through hoops to prove...what exactly?</t>
  </si>
  <si>
    <t xml:space="preserve">I've never received 5 reports per year (generally only 2 written &amp; 1 interview).  I was not aware of the minimum of 5 reporting events per year - that is not happening currently.  I would like to see letter grades and percentages on reports for grades 4 to 12. </t>
  </si>
  <si>
    <t>The Provincial Proficiency Scale is too vague and does not provide an accurate measure of student success.  I'm frustrated as a parent with this type of reporting.  Letter grades and percentages provide students and parents with a much more accurate grasp of student learning success.</t>
  </si>
  <si>
    <t>Letter grades and percentages provide a far more accurate snapshot of student success than a bunch of check marks in a box.  Check marks in a box are not motivating for students and provide little insight for parents of student academic success.</t>
  </si>
  <si>
    <t>I like the idea of providing student the opportunity for self-assessment as long as letter grades/percentages are maintained as the main component of reporting.  I don't think it's necessary for teachers to use the Provincial Proficiency Scale if they are already doing letter grades/percentages.</t>
  </si>
  <si>
    <t>I would only value student self-assessment if students are held accountable in meeting their goals, otherwise it is an exercise in futility for all.  I would rather focus attention on reading, writing, math skills rather than asking teachers to focus on personal/social skills.</t>
  </si>
  <si>
    <t>While I like the idea of students setting learning goals, it is only a valuable process if students are actually held accountable for meeting goals.  Our current education system is so lax, students are being pushed along without meeting basic academic requirements.  What's the point????</t>
  </si>
  <si>
    <t>Students with diverse learning abilities should be afforded additional support as needed and their evaluation/assessment should reflect their challenges.</t>
  </si>
  <si>
    <t>letter grades for 4 to 12</t>
  </si>
  <si>
    <t>The Provincial Proficiency Scale is a lazy form of reporting student success - it's way too vague.  Letter grades (with percentages) for grades 4 to 12 will hold teachers accountable for more accurate testing/reporting.  Letter grades &amp; percentages are more motivating for students &amp; parents.</t>
  </si>
  <si>
    <t>We need more time to be professionally equipped to meet these new demands...</t>
  </si>
  <si>
    <t>THis new way of marking does not match how we have been assessing... it will take an adjustment period... I am trying each report card but it takes time...</t>
  </si>
  <si>
    <t>WHen our Universities switch over ... then it makes more sense... until then, I LOVE The percentages.</t>
  </si>
  <si>
    <t>I see both sides...</t>
  </si>
  <si>
    <t>Core competencies are deep, value based and the CORE of all learning and the CORE of all good teaching.
HOW do I KNOW THAT I KNOW that I know!!!</t>
  </si>
  <si>
    <t>I am a former Career Facilitator... I am happy to see this...</t>
  </si>
  <si>
    <t>no comments</t>
  </si>
  <si>
    <t>THe load keeps getting heavier as an educator!!</t>
  </si>
  <si>
    <t>People just see these as new words for old concepts.  Extending = A, Proficient = B, Developing = C, and Emerging = I or F.  At least the old system provided some granularity, with C+ and C-.</t>
  </si>
  <si>
    <t>Letter grades for grades 4-9.</t>
  </si>
  <si>
    <t>I'm satisfied with the current reporting at the grade 9 level.  My student and I have access to myEdBC so we always have a solid idea of his current grades/percentages in each class.  He enjoys receiving a letter grade with percentages on his report card as he finds it very motivating.</t>
  </si>
  <si>
    <t xml:space="preserve">Letter grades/percentages should be mandatory in grades 4 to 12.  The Proficiency Scale is way to vague - it provides little detail to parents/students on student success.  The idea that students at the high school level (8 to 12) would not receive grades/percentages is insane. </t>
  </si>
  <si>
    <t>In order to prepare students for post-secondary life, we absolutely should be providing them with accurate reporting (letter grades, percentages) so they have a good sense of their academic success.  Letter grades/percentages are far more motivating than check marks in a box.</t>
  </si>
  <si>
    <t>It's not a bad idea to allow students the opportunity for self-assessment but I don't think it's necessary for teachers to be tasked with Proficiency Scale reporting if they are already doing letter grades/percentages.  It just seems like extra work for no real purpose.</t>
  </si>
  <si>
    <t>While self-assessment is important, it is far more important that students are graduating with the necessary skills (math, reading, writing) to be successful in life.  Why are we asking teachers to be accountable for a student's social/personal success if students can't even read/do math???</t>
  </si>
  <si>
    <t>Goal setting is an important skills for students, however self-assessment is only a valuable tool if students are held accountable for meeting/approaching goals.  If not, it's a waste of time for both students and teachers.  How would this be measured?  How would students be held accountable?</t>
  </si>
  <si>
    <t>Assessment/evaluation for diverse learners should be tailored to meet those students' needs.  Perhaps there could be a separate reporting system for students with challenges?</t>
  </si>
  <si>
    <t>I've been disappointed/frustrated with the Proficiency Scale for years - it's way too vague.  Letter grades/percentages for grade 4 to 12 would hold our teachers/system accountable for accurately illustrating the success of students.  Students (especially grades 8 to 12) need letter grades!!!!</t>
  </si>
  <si>
    <t>It is explained clearly and simplified. The use of self-assessment will greatly benefit the students and teachers. I do however think the use of student goal setting will add more stress to students and teachers while grading. I do believe this should be an optional component and not a required.</t>
  </si>
  <si>
    <t>It helps students to not hold themselves into a grade achieving standard, however it will make it hard for students to transition into 10-12 and university grade assessment. In the long run, it is setting them up for failure.</t>
  </si>
  <si>
    <t>To make the transition into university successfully, students need to be used to and aware of how grade scaling words and how it can make them feel. Without it, it will be a big shock and possibly cause many students to drop out or have a breakdown as they are not used to it.</t>
  </si>
  <si>
    <t>Reason stated above.</t>
  </si>
  <si>
    <t>I am satisfied with the frequency of reports and glad that there is no change.</t>
  </si>
  <si>
    <t>I believe Grades 7-12 should be assigned letter grades.</t>
  </si>
  <si>
    <t>I believe assigning letter grades prepares these senior aged students for letter grade assignments in post-secondary.</t>
  </si>
  <si>
    <t>I believe that for Grades 7-12, using the proficiency scale helps provide added context to the letter grade for the students to understand their progress.</t>
  </si>
  <si>
    <t>Students should have the opportunity to participate in the progress of their learning, and teachers may benefit from understanding the student's perspective.  Self-assessment also helps prepare children to self-assess and reflect on their abilities and work ethics when they reach adulthood.</t>
  </si>
  <si>
    <t>Students should have the opportunity to participate in the progress of their learning, and teachers may benefit from understanding the student's perspective.  Goal setting also helps prepare children when they reach adulthood.</t>
  </si>
  <si>
    <t>No single child is the same as the next.  Assessment of learning should include an individual approach.</t>
  </si>
  <si>
    <t>I believe that students Grades 7-9 should also be assigned letter grades in order for them to become more accustomed to this format so that they have further success in their senior years in Grades 10-12.  Success in Grades 10-12 will also contribute their success in their post-secondary endeavours.</t>
  </si>
  <si>
    <t>Four reporting events would suffice. Five is too many.</t>
  </si>
  <si>
    <t>the words chosen as descriptors are clear and also allow room for detailed descriptions of student progress or mastery of learning / performance standards.</t>
  </si>
  <si>
    <t xml:space="preserve">Reporting with letter grades and percentages goes against any pedagogy or methodology supporting the current Performance Based Standards. Simply put, it defeats the purpose of helping student and families with qualitative data instead of quantitative data. </t>
  </si>
  <si>
    <t>Using percentages and letter grades is both inaccurate and misleading compared to descriptive feedback. Teachers should use only ONE method of reporting, not two! This creates not only confusion for students, but also extra unnecessary work for teachers.</t>
  </si>
  <si>
    <t xml:space="preserve">Using self-assessments (Core Competencies) and afterwards letter grades and percentages DOES NOT help student to evaluate their progress! All they care about is the letter grade and percentage at the end of the course! Students ARE NOT and WILL NOT be invested unless evaluation is consistent. </t>
  </si>
  <si>
    <t>My students always write their goals for the course, and we revisit this several times. Teachers understand  WHY a student chose the course and WHAT their needs are. The content is taught with the students' needs in mind. Students can be more realistic about their learning goals.</t>
  </si>
  <si>
    <t>The public school system is for EVERYONE regardless of abilities.</t>
  </si>
  <si>
    <t>It is erroneous to think that using proficiency scales, self-assessments and goal settings can be converted to letter grades and percentages. It is also NOT inclusive of all learners and their needs. Streamline the reporting process to reflect one pedagogy, not two opposing ones!</t>
  </si>
  <si>
    <t>I am happy with the current reporting process at the grade 10 level (written reports several times a year with letter grades and percentages provided).  I also have access to the myEdBC system so I have access to my student's grades at all times.</t>
  </si>
  <si>
    <t>PLEASE DO NOT move to the Proficiency Scale at the grade 8 &amp; 9 level.  It's a lazy, vague reporting style ESPECIALLY at the high school level.  My student loves earning letter grades/percentages - he is very motivated by that style of reporting.  As a parent, I much prefer this reporting style.</t>
  </si>
  <si>
    <t>Letter grades/percentages are a definitive reporting system for students/parents and help to prepare students for post-secondary life.</t>
  </si>
  <si>
    <t>While I like the idea of student self-assessment, I don't think it's necessary to ask teachers to complete the Proficiency Scale in addition to providing letter grades/percentages.</t>
  </si>
  <si>
    <t>Students could be asked to set goals but this is only a meaningful exercise if they are held accountable for attaining/working towards those goals otherwise it's a huge waste of time.  Let's focus more attention on helping student achieve the necessary goals of reading, writing and arithmetic!!!</t>
  </si>
  <si>
    <t>This could be a valuable exercise only if student are held to account in meeting/reaching goals.  Too often, we don't hold students/parents accountable for learning which is why so many students are 'pushed along' through the system without having the basic academic skill set required for life.</t>
  </si>
  <si>
    <t>I would hope their would be a separate and/or adjusted system for students with learning challenges that is different from the 'regular stream' of reporting.  It's impossible to have one system that works for all (ie. students with learning challenges).</t>
  </si>
  <si>
    <t>I would like to see a system of letter grade reporting for grades 4 to 12.  The Proficiency Scale is too weak/vague/frustrating for parents to navigate.  Letter grades/percentages hold teachers/our system accountable for more accurate reporting.  Move away from the Proficiency Scale!!</t>
  </si>
  <si>
    <t xml:space="preserve">Time - with the current reporting structure teachers must use many hours of personal time in order to do a complete and thoughtful reporting out of student progress.  With the proposed reporting structure the use of "personal time" will significantly increase.
</t>
  </si>
  <si>
    <t xml:space="preserve">My choice is once again based on time.  Where will the hours come from to complete this type of reporting to parents?  </t>
  </si>
  <si>
    <t>I do not teach senior classes.</t>
  </si>
  <si>
    <t>Most students have no idea how to self assess.  Is there going to be time for this skill to be taught?</t>
  </si>
  <si>
    <t>Isn't this information private?</t>
  </si>
  <si>
    <t>TIME!!!!!</t>
  </si>
  <si>
    <t>No where in this document is the issue of teacher time taken into consideration.  This type of reporting will take hours of personal time.  How will teachers be compensated?  We already work many hours outside of the "workday" in order to  meet current reporting timelines and requirements.</t>
  </si>
  <si>
    <t>See "Other"</t>
  </si>
  <si>
    <t>reasonable number for minimal reporting, more informal/casual reporting should be encouraged</t>
  </si>
  <si>
    <t xml:space="preserve">Math/Science exemplars need to be developed and widely available
How do we properly prepare students for the "switch" to percentages in Grade 10?
</t>
  </si>
  <si>
    <t>should be a combination of percentages and proficiency scale language</t>
  </si>
  <si>
    <t>reporting language will be more consistent throughout the grades</t>
  </si>
  <si>
    <t>will need good supporting resources</t>
  </si>
  <si>
    <t>resources need to be provided as we develop the process</t>
  </si>
  <si>
    <t>of course</t>
  </si>
  <si>
    <t xml:space="preserve">Online reporting takes FAR more time than traditional reporting. Initially the expectations were less. Now we are asked to do WAY too much. The people who will suffer are the students because we will have to do our reporting during school hours and have less instruction time. </t>
  </si>
  <si>
    <t xml:space="preserve">Again, too much to ask of us teachers! When do you propose that we plan and teach if we are constantly doing online assessment? Have you done it yourself in a primary class? Have you experienced how long this takes? Do you realize how hard it is to get through content already? </t>
  </si>
  <si>
    <t>too much to ask of teachers</t>
  </si>
  <si>
    <t>Students (especially FI) are NOT able to do this themselves. They'll have to copy the teachers' writing. This will also take away a TON of important teaching time. At least a week of instruction/term will need to be dedicated to Core Competencies. They are meant to be integrated into the curriculum.</t>
  </si>
  <si>
    <t xml:space="preserve">See above. They will FULLY copy from teachers. </t>
  </si>
  <si>
    <t xml:space="preserve">I disagree with the new policy not with inclusion and diversity. Of course evaluation should be inclusive. </t>
  </si>
  <si>
    <t xml:space="preserve">We're being asked to do far too much. We are exhausted. We just want to teach. </t>
  </si>
  <si>
    <t>I appreciate the variety and timing of conferences and written reports, as I know them currently (2 conferences, 3 written reports).</t>
  </si>
  <si>
    <t>While I appreciate and like that students can find themselves on a sliding scale between proficiencies, I find the older language with respect to meeting standards more clear (not meeting, minimally meeting, meeting, fully meeting, exceeding). Those are clear references to benchmarks and criteria.</t>
  </si>
  <si>
    <t>That's how things work in post-secondary, so it only seems prudent to use that language prior to post-secondary.</t>
  </si>
  <si>
    <t>That is the basis for the curriculum as it stands. It only makes sense that the assessment match it.</t>
  </si>
  <si>
    <t>It is a lot of work for us to balance, that we ultimately need to do outside of school hours so it's extending our work weeks significantly without any increase in pay or support in class.</t>
  </si>
  <si>
    <t>These words continue to cause stress and anxiety in students as they still inspire them to compare themselves to others.</t>
  </si>
  <si>
    <t>It is confusing for us to have to transition without any clear guidance.</t>
  </si>
  <si>
    <t>That helps bridge the gap somewhat but its still clunky</t>
  </si>
  <si>
    <t>It helps kids build awareness of their own learning.</t>
  </si>
  <si>
    <t>Do you have any idea how stressed out and overworked teachers are, especially teaching in a pandemic? There has got to be a better way to comment on student learning than making us draft up so many written reports outside of teaching time, none of which we are compensated for doing. It's too much!</t>
  </si>
  <si>
    <t>I actually don't mind the 3 reports and 2 conferences as a model. My concern is with the first one being done in the first 25% of the year. If that's a goal setting conference, I am in absolute agreement. If that is meant to be a report on all subject areas, however, I think it's impossible.</t>
  </si>
  <si>
    <t xml:space="preserve">I find that the proficiency scale is less clear than language that focusses on meeting criteria and expectations. I appreciate the ability to place students in between proficiencies, but I would rather hold on to the current language. </t>
  </si>
  <si>
    <t>I think we need to be guided by the ways in which post-secondary works, and as long as they follow the model of letter grades, we should too.</t>
  </si>
  <si>
    <t>Again, I think language should refer to meeting standards.</t>
  </si>
  <si>
    <t xml:space="preserve">I value self-assessments, but there need to be a reasonable amount of them to have them be worthwhile. Too few, I don't think they're well enough practiced. Too many, they lose their validity. </t>
  </si>
  <si>
    <t xml:space="preserve">Absolutely. I always value student ownership and increased independence. </t>
  </si>
  <si>
    <t xml:space="preserve">This is what the new curriculum is asking us to do all the time. It's how we're meant to teach. Our assessment should reflect the same. </t>
  </si>
  <si>
    <t>Any more would be too much paperwork for teachers</t>
  </si>
  <si>
    <t>Seems better than a pass or fail</t>
  </si>
  <si>
    <t xml:space="preserve">Not the right choice for everyone, but aligns well with measuring </t>
  </si>
  <si>
    <t xml:space="preserve">Important for keeping older students accountable and involved in their own self improvement </t>
  </si>
  <si>
    <t xml:space="preserve">Seems like a good step toward inclusion and recognition of different learning styles </t>
  </si>
  <si>
    <t>3 reports are rarely spread out evenly through out the year,  so some terms often do not have a large enough amount of data.  
Also, many terms are interrupted.</t>
  </si>
  <si>
    <t>This scale does not provide very exact or meaningful information. And does not allow space for students who are not able to meet even the 'beginning' level for various reasons.</t>
  </si>
  <si>
    <t>Letter grades and percentages are clear and understandable and appropriate in many subjects.</t>
  </si>
  <si>
    <t>Both things at once are redundant.</t>
  </si>
  <si>
    <t xml:space="preserve">Self assessment is challenging and children learn to repeat what is expected of them 
</t>
  </si>
  <si>
    <t>Students often repeat the goals that adults expect them to have.</t>
  </si>
  <si>
    <t xml:space="preserve">There is a lot about this new reporting system that requires far more support, smaller class sizes and time to provide students with more ability to make their own choices when it comes to learning.   When those things happen, students achieving individual goals will be for more attainable. </t>
  </si>
  <si>
    <t>Having the opportunity to have written and in person reports is much appreciated.
Having reports that are less onerous than full report cards will be important.</t>
  </si>
  <si>
    <t>I prefer letter grades over performance scale, but would be comfortable shifting to the scale.</t>
  </si>
  <si>
    <t>Satus quo is much appreciated on that front.</t>
  </si>
  <si>
    <t>Letter grades are preffered.</t>
  </si>
  <si>
    <t>I currently include student reflection in all my reports, I believe that this is an important process.</t>
  </si>
  <si>
    <t>Makes for easier buy in and guiding of students throughout the year.</t>
  </si>
  <si>
    <t>This allows more voices to be heard (Parent, Teacher and Student) more often than we have now.</t>
  </si>
  <si>
    <t>I would prefer letter grades over the performance scale.</t>
  </si>
  <si>
    <t>Most report cards are not helpful.  Performance based evaluation usually means no change.  Always Proficient.  My daughter takes no pride in these report cards, as everyone typically receives proficient, regardless of effort, attempts, or results.</t>
  </si>
  <si>
    <t>My daughter worked very hard and remained proficient throughout many of her courses.  She would’ve taken more pride having a letter grade to show accurate improvement over the reporting periods.</t>
  </si>
  <si>
    <t>Students need to see progress or decline.  They need exposure to summative assessment and testing to be prepared for post secondary.</t>
  </si>
  <si>
    <t>Four options is not authentic or meaningful assessment.</t>
  </si>
  <si>
    <t>Typically a waste of their time.  Teachers usually explain why they are doing or learning what they are.</t>
  </si>
  <si>
    <t>Passion projects etc. have taken too much instructional time away in her school.</t>
  </si>
  <si>
    <t>Other subjects have streams, math and science.  Communications 12 or something like it needs to be reintroduced to not short change students at the top or the bottom of the class,</t>
  </si>
  <si>
    <t>This is just a further watering down of education in the province.  Not adequately preparing students for work or school.</t>
  </si>
  <si>
    <t xml:space="preserve">I feel that 5 reporting events is a decent amount, much like the 5 lug nuts on a tire on your car. </t>
  </si>
  <si>
    <t xml:space="preserve">It allows for a more holistic approach to assessment, but really is just a euphemism for what was before. </t>
  </si>
  <si>
    <t>It doesn't jive well with the performance scale used in the lower grades. Why should public schools worry about Universities entrance requirements.  Could they not institute an SAT/ ACT type of entrance exam?</t>
  </si>
  <si>
    <t>It would continue on with what is in place.</t>
  </si>
  <si>
    <t>The requirement provides enough flexibility and consistency for good feedback without being work overlaod for teachers.</t>
  </si>
  <si>
    <t xml:space="preserve">A four point scale is easy to work with and the goal is proficiency instead of the percieved perfection that percentages can give. The mixture of the scale and teacher feedback allows for a well rounded assessement of the student as a learner. </t>
  </si>
  <si>
    <t xml:space="preserve">The post-secondary world needs to catch up with effective assessment strategies. </t>
  </si>
  <si>
    <t xml:space="preserve">The issue could be that the proficency scale then is connected to percentages instead of being used as a scale of progress. </t>
  </si>
  <si>
    <t xml:space="preserve">Self assessment at the primary level can be tricky but it's a great opprotunity to provide them with learning opprontunites. </t>
  </si>
  <si>
    <t xml:space="preserve">I need to see what the details of this requirement will be. </t>
  </si>
  <si>
    <t xml:space="preserve">This is essential to good assessment. </t>
  </si>
  <si>
    <t xml:space="preserve">The proficiency scale is a cornerstone for good assessment strategies. Letter grades are antiquated. </t>
  </si>
  <si>
    <t xml:space="preserve">I feel that we are inundated with reporting and I would prefer my staff focus on teaching. For example... a student led conference in Oct/Nov, a written report by the teacher at the end of Jan/beginning of Feb, another student led in beginning of April, and a final at the end of the year. </t>
  </si>
  <si>
    <t>I feel the word "proficient" should have been more growth oriented... as are the others.</t>
  </si>
  <si>
    <t xml:space="preserve">What does a percentage even mean? What's it's value? I feel the proficiency scale is a better indicator of student progress. </t>
  </si>
  <si>
    <t xml:space="preserve">only if a school uses it throughout the year... I feel that most don't... it's a one shot self assessment at the end of the year. </t>
  </si>
  <si>
    <t>Younger learners are not ready for this stage yet. yes it can be talked about but not formal.</t>
  </si>
  <si>
    <t xml:space="preserve">This is not a valuable service to all of our learners. It may seem equitable but in reality it is not. </t>
  </si>
  <si>
    <t xml:space="preserve">I don't feel it's feasible and/or fair for all our learners. </t>
  </si>
  <si>
    <t>I feel that the current process provides a good snapshot of student learning throughout the year in terms of how the student is progressing/learning.</t>
  </si>
  <si>
    <t>For example, the discrepancy between what a proficient vs a extending assessment of learning is for a student using the scales is vague. This is across the board with the proficiency scale. A lack of understanding, exemplars, what each of those standards are on the scale, leads to confusion.</t>
  </si>
  <si>
    <t>Due to current requirements of post-secondary institutions, high schools need to comply to best support students.</t>
  </si>
  <si>
    <t>Redundant - this is achieved in other courses.</t>
  </si>
  <si>
    <t>seems to cover enough information to know how the students are doing and parents seem to be satisfied</t>
  </si>
  <si>
    <t>shifting their thinking (teachers) takes a long time- hard to be consistent</t>
  </si>
  <si>
    <t>too much to be asked to do both</t>
  </si>
  <si>
    <t>goal setting is important -some already doing this</t>
  </si>
  <si>
    <t>seems reasonable amount</t>
  </si>
  <si>
    <t>language isn't easy for young kids (grK-6) without regular explaining</t>
  </si>
  <si>
    <t>doesn't move us forward. non-cohesive, we should lead.</t>
  </si>
  <si>
    <t>makes total sense and doesn't run afoul of 10 years of pattern</t>
  </si>
  <si>
    <t>good idea but need a consistent, easy-to-use mechanism or else no one will do it.</t>
  </si>
  <si>
    <t>important, but need a consistent - goal making/tracking platform</t>
  </si>
  <si>
    <t>should be this way.</t>
  </si>
  <si>
    <t>inconsistent</t>
  </si>
  <si>
    <t>We use ongoing assessment and reporting using eportfolios - FreshGrade</t>
  </si>
  <si>
    <t>Consistency in reporting</t>
  </si>
  <si>
    <t>I would like to see how this roles out, especially with our K-3 students having to share goals. Pressure on our primary teachers to scribe or share evidence for goal setting for the little ones.</t>
  </si>
  <si>
    <t>K-3 students having to report on these.</t>
  </si>
  <si>
    <t>I feel we are reporting out to parents too many times.  I feel a reduction to 4 reporting updates a year would be suffiecient and allow teachers time to work with their students, allow students to settle in and get involved in their learning, prior to a first big reporting update.</t>
  </si>
  <si>
    <t>I feel it takes the pressure away from letter grades and the implications and assumptions that go along with it.  It better allows students to be seen as learners, who grow over time.</t>
  </si>
  <si>
    <t>While I understand this may be necessary for post-sec., it makes little sense if we raise children through a system of a proficiency scale, then switch to letter grades later.  It seems to undervalue the research and work that has gone into reporting that better reflects students as learners.</t>
  </si>
  <si>
    <t>That makes more sense than doing a final self-assessment at the end of the year.</t>
  </si>
  <si>
    <t xml:space="preserve">Our youngest learners are not fully capable of doing this yet.  They are not cognitivly there yet.  Older grades, yes.  </t>
  </si>
  <si>
    <t>While this addresses equity, this does not reflect the reality of many of our learners.</t>
  </si>
  <si>
    <t xml:space="preserve">It seems rushed to add it for all grades levels at this point. </t>
  </si>
  <si>
    <t xml:space="preserve">Having to write a summary of learning for all 210 students is an excessive amount of work for high school teachers to be required to do. </t>
  </si>
  <si>
    <t xml:space="preserve">As a Grade 8 and 9 teacher, this is a really great way for teacher to communicate learning to their students. </t>
  </si>
  <si>
    <t xml:space="preserve">As long as Universities require it, we are required to use them. </t>
  </si>
  <si>
    <t xml:space="preserve">More work for teachers to do that is not necessary for student success. </t>
  </si>
  <si>
    <t xml:space="preserve">This is valuable. </t>
  </si>
  <si>
    <t xml:space="preserve">As long as students are the ones writing these goals etc.. and are self reflecting on them and are reporting to their parents / guardians about it that sounds fine to me. </t>
  </si>
  <si>
    <t xml:space="preserve">Making high school teachers write a full summary of student learning at the end of the year is far too much work to expect them to do. </t>
  </si>
  <si>
    <t>Experience with this  model &amp; feel it works well.</t>
  </si>
  <si>
    <t>Fully embraced proficiency scale and the language surrounding it in communicating student learning.</t>
  </si>
  <si>
    <t>Transition to grades makes zero sense following 10 years using Proficiency Scale.  Confusing, not optimal.</t>
  </si>
  <si>
    <t>"Encouraging" is non-committal. Needs to be more defined.</t>
  </si>
  <si>
    <t>It is impossible when one has a full course load of high school students to give the type of feedback that the new proposal is asking. This will take too much time away from actually instructing the students.</t>
  </si>
  <si>
    <t>To include that type of personal reflection using the mired reporting system is not reasonable for a full course load of students.</t>
  </si>
  <si>
    <t>This should be done in the classroom but the extra steps of reporting this out to parents is going to far.</t>
  </si>
  <si>
    <t>Many of these</t>
  </si>
  <si>
    <t>It’s impossible to only pick one of these they are linked.</t>
  </si>
  <si>
    <t>I worry about the level of detail that each report will require and the time burden it will create.</t>
  </si>
  <si>
    <t>The descriptive feedback helps kids focus on the learning and the development of skills rather than on a letter grade or percentage. It also provides more relevant information  to move the learning forward.</t>
  </si>
  <si>
    <t xml:space="preserve">The shift to percentages seems to have more to do with the post secondary admission process than with describing learning. Teachers in the high school system should not be expected to fulfill post-secondary goals. </t>
  </si>
  <si>
    <t>Descriptive feedback moves the learning forward in more meaningful ways than marks.</t>
  </si>
  <si>
    <t>I would only be satisfied with this if the software exists for students to directly submit their self-assessment rather than requiring teachers to gather then incorporate this information.</t>
  </si>
  <si>
    <t xml:space="preserve">If teachers are expected to oversee this process, then this adds to an already overwhelming workload. </t>
  </si>
  <si>
    <t>our children are falling through the cracks, I have a child in high school and am a teacher. The lack of provincial exams coupled with grade inflation and lack of teacher accountability in engaging and assessing their students, I personally believe we need HARD data not subjective</t>
  </si>
  <si>
    <t xml:space="preserve">HARD DATA needed, subjective means kids not getting educated... kids graduating who cannot read or add!
</t>
  </si>
  <si>
    <t>need more information</t>
  </si>
  <si>
    <t>Core competencies are important, so is learning to do taxes and learning how to participate in a democracy... hard skills overlooked sometimes when focus so wishy washy... many students graduate without knowing there are three levels of government.. no provincial exams means no standards</t>
  </si>
  <si>
    <t>one more way to pass on teacher assessment to kids... there needs to be better funding to make sure teachers have the time to assess and mark homework... some teacher's need to be held accountable for monitoring student progress, in elem. school, report cards look like scrapbook items, not assessemn</t>
  </si>
  <si>
    <t>I see the value in having long written reports for students. However, having to provide many comments in multiple categories for the same student is a larger workload for high school teachers who have 100 or more students than elementary school teachers who have 30 or less. It is not fair.</t>
  </si>
  <si>
    <t>I have used the proficiency scale in my classes for years. I find them very effective and I teach a variety of grades between 8 and 12.</t>
  </si>
  <si>
    <t xml:space="preserve">While the proficiency scale is valuable for student growth, I understand that universities and colleges need concrete grades for admissions. </t>
  </si>
  <si>
    <t>As mentioned above, older students should have both the value of exploring areas of struggle and growth presented by the proficiency scale, but still need concrete grades to apply to post secondary.</t>
  </si>
  <si>
    <t xml:space="preserve">As mentioned. It is ridiculous to expect high school teachers to do this for 100 or more students while elementary teachers can focus on one class. Unless they are giving us paid time to complete these extensive reports, it is unethical to increase an already large workload. </t>
  </si>
  <si>
    <t>My reason for this is the same as the question above. Report cards already take a lot of care and attention. It is unethical to expect high school teachers to make these very detailed reports and to type out comments and self-assessments provided by students. Again, I think this workload unethical.</t>
  </si>
  <si>
    <t xml:space="preserve">Every student is different and should be assessed in the best way possible for their personal learning. </t>
  </si>
  <si>
    <t xml:space="preserve">Both the student goal setting and student self-assessment components are great for growth. However, suggesting that teachers (especially high school teachers with 100+ students) review and include the results of goals and self-assessment in report card comments and reports is a ridiculous workload. </t>
  </si>
  <si>
    <t xml:space="preserve">When used effectively, online platforms like FresgGrade work much better than written reports to provide ongoing communication of student learning in real time. The proposed written updates are old news by the time parents receive them. </t>
  </si>
  <si>
    <t xml:space="preserve">Descriptive feedback should be immediate, not written in a report. If descriptive feedback and proficiency scale are used regularly in the online platform, parents and students and teachers can view the portfolio when it suits them, rather than wait for a reflective assessment in a written report. </t>
  </si>
  <si>
    <t xml:space="preserve">If it’s still required for post secondary then it only makes sense. </t>
  </si>
  <si>
    <t xml:space="preserve">Transitioning to a new assessment language will be confusing for many parents and students. </t>
  </si>
  <si>
    <t>Overkill. Too much of a good thing. Yes, meaningful peer and self assessment is important. But I’ve seen first hand as a teacher and and parent how the school forms on self reflection leave a lot to be desired. No</t>
  </si>
  <si>
    <t>Is this not already happening?</t>
  </si>
  <si>
    <t xml:space="preserve">More formal written reports is not the solution. A solid platform for ongoing communication of students learning is much more effective. My blueprint is not user friendly and had too many “gadgets” that clutter the functionality. Please implement FreshGrade 
Written reports are old news. </t>
  </si>
  <si>
    <t xml:space="preserve">This is way too many. In a semester system, this is 1 per month. When we're asked to do more of one thing (writing report cards), other things will suffer (like being able to do planning that is responsive and able to accommodate students). </t>
  </si>
  <si>
    <t>I like the proficiency scale with the K-9s</t>
  </si>
  <si>
    <t>I'd like to have the option to use the proficiency scale for grade 10-12</t>
  </si>
  <si>
    <t>I like this but it seems counter intuitive to the whole point of the proficiency scale.</t>
  </si>
  <si>
    <t>This is supposed to be done right now but without guidance on how from the ministry or school districts it's not being done well or in a meaningful way.</t>
  </si>
  <si>
    <t>I like this as a concept, but again, without support or a clear plan I think it won't get done in a meaningful way.</t>
  </si>
  <si>
    <t>This is super important but I think this must be more explicit or people won't understand what it means.</t>
  </si>
  <si>
    <t xml:space="preserve">As a teacher, that many reports in a semester system is untenable. I already feel like I don't have enough time to do everything and the frequency is necessary. </t>
  </si>
  <si>
    <t xml:space="preserve">Currently we do two written reports which includes the summary at the end of the year and 3 more informal ones. As teachers we stay in close contact with parents so they are aware of student learning. I believe this system is working well and why fix something that isn’t broken. </t>
  </si>
  <si>
    <t xml:space="preserve">I like the choices which again have only recently been changed so do not see any need to change it. </t>
  </si>
  <si>
    <t xml:space="preserve">I do believe that in the higher grades there need to be a more sophisticated level of reporting than in the previous school years. </t>
  </si>
  <si>
    <t xml:space="preserve">Letter grades do not always tell the whole picture as sometimes students do not do well on tests and it is more about what students do well and areas need help. </t>
  </si>
  <si>
    <t xml:space="preserve">I think it is important for students to take some accountability for their own learning. </t>
  </si>
  <si>
    <t>It is good for students to set goals and work toward them.</t>
  </si>
  <si>
    <t xml:space="preserve">Students with diverse needs do not learn the same or are on the same programs so their reporting should be different </t>
  </si>
  <si>
    <t xml:space="preserve">As previously mentioned twice per year of written reports is enough, in my professional opinion. </t>
  </si>
  <si>
    <t>Excessive workload will produce "cut and paste" reporting; students need time to grow and master skills - too frequent reporting does not allow for significant observation of growth; too frequent reporting will encourage students to remain focused on results rather authentic learning</t>
  </si>
  <si>
    <t xml:space="preserve">Grades 10-12 would have THREE reporting systems?!?!??  REALLY?????? Meaningless increase in workload. </t>
  </si>
  <si>
    <t xml:space="preserve">While students should be able to articulate their growth in the Core Compentencies, this is formulative assessment and does not belong in more formal summative assessment tools such as report cards. </t>
  </si>
  <si>
    <t>While this is an important aspect of developing student personal growth, these are private discussions between students and teachers and should not be inculded in more universally accessible documents such as report cards. There are significant privacy and safety concerns to be addressed befor . . .</t>
  </si>
  <si>
    <t xml:space="preserve">Reporting should be consistent for all learners. </t>
  </si>
  <si>
    <t xml:space="preserve">If Freq. issue is not addressed, workload issue will undermine the rest of the policy, rendering it superficial at best and useless at worse. </t>
  </si>
  <si>
    <t>I prefer to talk with the parents face to face with examples of what I am talking about especially with the number of ESL parents I see. Many do not understand our education system or have not read the curriculum. It is important that the students hear the discussions as well.</t>
  </si>
  <si>
    <t>Too many categories.  Parents just look at the heading and do not understand what each category means.</t>
  </si>
  <si>
    <t>It is difficult when students are young to really understand these reports.  Some because of English ability and some just are not ready for this reporting. Some of the older students think it is a joke and answer incorrectly.</t>
  </si>
  <si>
    <t>Setting goals is important and allows students to take ownership for their learning but these should also be attainable.</t>
  </si>
  <si>
    <t xml:space="preserve">Written reports at the end of January and June with two goal setting meetings and an interim should be all we need. Reporting on all subjects at each reporting session is not necessary except for LA, math, science and social studies and the core competencies. </t>
  </si>
  <si>
    <t xml:space="preserve">I would like grade 8-12 to get letter grade.  It will be too much of a surprise and stress to just start them in grade 10. </t>
  </si>
  <si>
    <t xml:space="preserve">They need to compete with students around the world. </t>
  </si>
  <si>
    <t xml:space="preserve">They need to compete with the rest of the students around the world. </t>
  </si>
  <si>
    <t xml:space="preserve">That can be an assignment. It is ridiculous to include it on a professional document made by professional teachers. </t>
  </si>
  <si>
    <t xml:space="preserve">This is a great idea for a project. Or integrated into graduating a grade. But not necessary to add to a report card. </t>
  </si>
  <si>
    <t xml:space="preserve">If the province will fund and support teachers to be able to do this…. Great. </t>
  </si>
  <si>
    <t>I don’t feel that the reporting has any bearing or influence on while child’s learning the 1234 options are vague and seems like a big waste of everybody’s time</t>
  </si>
  <si>
    <t>These numbers are vague and hold no true meaning and aren’t motivating</t>
  </si>
  <si>
    <t>Letter/number grades Allow for more granular level expression of capacity or achievement</t>
  </si>
  <si>
    <t>Students in this district aren’t held to a high enough standard so how will they know what true achievement looks like?</t>
  </si>
  <si>
    <t>Students in this district need to be held to a higher academic standards in order to compete with schools on the coast</t>
  </si>
  <si>
    <t>If there is greater provision for teachers to have the time to do this extra work then that’s great but otherwise teachers seem to be overwhelmed and overburdened due to Covid and student behaviour</t>
  </si>
  <si>
    <t>Students in our district should be held to a higher standard. My nephews on the coast are three years ahead of students in this district When it comes to math English presentation skills and civic duty</t>
  </si>
  <si>
    <t>Secondary teachers have 7 courses to teach on a linear system - this would be very time consuming and it's too much to do.  How would I find the time to write these for 210 students?</t>
  </si>
  <si>
    <t>Students in grade 8 &amp; 9 need %.  I've taught almost 30 years and since implementing scales 1-4 I find students are not prepared for the % in Grade 10-12 nor are they prepared for the rigors of higher level courses.  The 1-4 scale is so subjective.  There is no real data to back up the grades.</t>
  </si>
  <si>
    <t>Post-secondary schools require a % for entrance.  How will they evaluate students for entrance with something vague such as a 1-4 scale.  The 1-4 scale is so subjective.</t>
  </si>
  <si>
    <t>Proficiency scale grading does not work with a content driven course such as science and math.  Each unit is different then the next.  Some students do great at biology in sc10 but terrible at physics in sc10 so the overall 1-4 scale wont be representative at showing where they are whereas a % bette</t>
  </si>
  <si>
    <t>Students can self-evaluate using %.  Parents don't understand core competencies - especially if English not 1st language - make it simple for them...% and letter grade.</t>
  </si>
  <si>
    <t>You want students to write their own curriculum?  Lucky doctors, nurses, scientists, etc...the people saving the world right now from COVID actually learned their basics in science, chemistry, biology and all kinds of math.</t>
  </si>
  <si>
    <t>It already is considered - why do you think core competencies will make people less biased?</t>
  </si>
  <si>
    <t>Grade 8-12 all % and letter grades only</t>
  </si>
  <si>
    <t>Parents &amp; students understand % and letter grades - they don't need fancy language for report cards.  A lot of parents are not English as a 1st language so how will they read report cards?  I teach secondary and have 210 students - your new model will kill me because I wont have the time to write,</t>
  </si>
  <si>
    <t>Does not align with B.C. or other Canadian post-secondary standards. Even with grades 8 and 9 we are in the end equating a proficiency scale level to a letter grade (redundant).</t>
  </si>
  <si>
    <t>This would be a redundant choice that would not benefit the students. In fact, it may end up putting some at a disadvantage.</t>
  </si>
  <si>
    <t>It provides a reasonable scale for parents to understand where their child stands.</t>
  </si>
  <si>
    <t>The information my students provide at their young age is not valuable.</t>
  </si>
  <si>
    <t>This is vague at the age of my students. The time spent is not worth the exercise.</t>
  </si>
  <si>
    <t>I was not aware this was a new idea. This policy is common sense.</t>
  </si>
  <si>
    <t xml:space="preserve">The revised curriculum emphasizes formative assessment and providing feedback that moves learning forward.  Adding another formal report card so early in the year undermines this - it shifts the focus from learning to reporting and grades. </t>
  </si>
  <si>
    <t xml:space="preserve">I believe the shift toward standards based assessment and use of proficiency scales is more meaningful information for student learning and understanding.  </t>
  </si>
  <si>
    <t>We should be using standards based assessment for all grades - k-12.  By requiring letter grades and percentages this undermines the accuracy and more informative nature of standards based grading - it seems to imply that standards based grading is not as serious when it is not being used for 10-12</t>
  </si>
  <si>
    <t>proficiencies are more informative about student learning</t>
  </si>
  <si>
    <t xml:space="preserve">Self-assessment  is already happening in the classroom context.  This seems like overkill - students will start taking it less seriously and it will lose its impact. </t>
  </si>
  <si>
    <t xml:space="preserve">Goal setting is already happening in the classroom context.  This seems like overkill - students will start taking it less seriously and it will lose its impact. </t>
  </si>
  <si>
    <t xml:space="preserve">I believe that all students should be included and have meaningful learning opportunities in classrooms with their peers.  I'm not sure if a student who is on a modified program would be at an "emerging" if they aren't at grade level - need far more information than is provided in the reporting ord
</t>
  </si>
  <si>
    <t xml:space="preserve">In a semester system, we will be providing a report practically every month - this is more information than is necessary.  Teachers are providing students information and feedback on an ongoing basis in the classroom we don't need to add another formal report which is essentially what this will be. </t>
  </si>
  <si>
    <t>They need grades before grade 10.
It was already ridiculous to push this grading anything last grade 4. Now grades 7 and 8? No way. Kids need to be motivated and be told if they fail.</t>
  </si>
  <si>
    <t>Not necessary at all</t>
  </si>
  <si>
    <t>Those are such a waste of time.</t>
  </si>
  <si>
    <t>Quite a waste of time too</t>
  </si>
  <si>
    <t>It is ridiculous to keep going so long with the proficiency scale. Kids will keep getting pushed through even if they’re in a failure situation.</t>
  </si>
  <si>
    <t>It’s tough to comment as I don’t know much about the proposed policy. It would have been better to have read an outline of the policy before answering these questions. That being said the amount and type of reports seems adequate to inform of a student’s progress.</t>
  </si>
  <si>
    <t>I think this along with their grades will give parents and students a good understanding of if/where they can improve. I still think grades/percentages are important especially at the high school level as they give students something to strive for.</t>
  </si>
  <si>
    <t>I believe grades and/or percentages are important for students to understand their knowledge of the subject material. If they get a test back and it just says Developing at the top of it that doesn’t give them any idea what they specifically got correct and what they still need to work on</t>
  </si>
  <si>
    <t xml:space="preserve">I feel that is the best of both worlds and should be used in all high school grades </t>
  </si>
  <si>
    <t xml:space="preserve">I definitely think it’s good to involve the students in this way, although I wonder how that will work with students who are not all that motivated academically. There could be a need for teacher support for some students </t>
  </si>
  <si>
    <t xml:space="preserve">Fantastic idea!! Getting the students to set their own goals is a great way to motivate learning. This will teach them to be pro active which is a fantastic trait on any career path </t>
  </si>
  <si>
    <t>Yes ideally you want to engage all students in their learning process so they can excel</t>
  </si>
  <si>
    <t>I think letter grades and percentages are important for all high school grades</t>
  </si>
  <si>
    <t>Taking part in on going communication of learning through a private channel in Teams means I will be reporting on what is already being reported on an on going basis. Can I count an LA communication in Teams as one of the communications - even though I regularly add this info in Teams.</t>
  </si>
  <si>
    <t>I have no issues with the sliding scale but I'd rather focus on what students can do, and where they can go next. Isn't learning an ongoing continuum? Also in the earlier years development is different between students and some just take more time to accomplish things - no fault of their own.</t>
  </si>
  <si>
    <t>My students are regularly self assessing and speaking of their next steps and ways they are demonstrating the core competencies. We do a year end assessment to check the box although it's far less authentic than the work we do on an going basis.</t>
  </si>
  <si>
    <t>At present my students and I (and their parents) set goals to work towards for the year and I include progress (from both mine and their point of view) in the reports I write. This sounds like another hoop I need to jump to mark a box on a report card. I'm not a fan of hoop jumping for things I do</t>
  </si>
  <si>
    <t xml:space="preserve">We all learn differently so we should all be able to share our learning in the way that is best for us. </t>
  </si>
  <si>
    <t>I hate tests</t>
  </si>
  <si>
    <t>We can’t see how where actually doing</t>
  </si>
  <si>
    <t>You can see what you get</t>
  </si>
  <si>
    <t>It’s the best</t>
  </si>
  <si>
    <t xml:space="preserve">Have been piloting 2 summarize reports and much more beneficial to students’SEL and allows for more relationship building, formative assessment and strategic planning </t>
  </si>
  <si>
    <t>Some districts allow students to be placed on a gradient between proficiency levels. This is more reflective of student progress</t>
  </si>
  <si>
    <t xml:space="preserve">Percentages do NOT equal descriptive feedback regarding proficiency. Grading and percentages Can also be inconsistent teacher to teacher, site to site </t>
  </si>
  <si>
    <t xml:space="preserve">Why do both? Makes no sense. </t>
  </si>
  <si>
    <t>If reflection and teaching of core competencies are NOT embedded in everyday practice, it’s artificial to make kids do these reflections out if context, artificially/to fulfill reporting requirements</t>
  </si>
  <si>
    <t>Do you have ANY IDEA of how long it takes to build engagement and community with learners to learn who they are and support them in developing goals?! I do this with the understanding that my first summarize report will be In Jan. This will equal shallow, “for show” goals</t>
  </si>
  <si>
    <t>Problem is-people have limited understanding of proficiency when working with diverse learners and students who are accessing curriculum at an access point that isn’t “grade level”</t>
  </si>
  <si>
    <t xml:space="preserve">I am SO ANGRY-after years of deep pedagogical inquiry and innovation in CSL, there has been no consultation, pedagogical justification or rationale regarding the return to a traditional schedule. Once again, the assessment and evaluation DOES NOT MATCH our curriculum!!! This is ridiculous </t>
  </si>
  <si>
    <t xml:space="preserve">I think that it is important to have regular communication between teachers and families, but I think there should be flexibility on how and when this happens. Some students may require more than 5 opportunities to hear about their students' progress, while others may need fewer. </t>
  </si>
  <si>
    <t>Descriptive feedback is significantly more useful than a letter grade or percentage. However, I think teachers need time to write such detailed reports and that their current prep time does not allow for the type of descriptive feedback that is actually useful for parents in supporting our children.</t>
  </si>
  <si>
    <t>If K-12 education is recognizing the validity and importance of descriptive feedback versus letter grades and percentages, then post-secondary institutions &amp; universities should be accepting those forms of reporting and moving away from pure grade point averages. The ministry should work with them!</t>
  </si>
  <si>
    <t>The underlying philosophies are very different with regards to communicating student learning either through proficiency scales or through percentages. Doing both seems contradictory, and would make the work of teachers even more unmanageable. It also reinforces poor/disjointed assessment practice.</t>
  </si>
  <si>
    <t>The core competencies are important, so having students reflect on them is also important. Including them in reporting to parents results in a more well-rounded vision of how students are doing.</t>
  </si>
  <si>
    <t xml:space="preserve">Goal setting is a skill that also needs to be taught - where does this fit within the curriculum? Are all students receiving learning opportunities around goal setting? Is goal setting a culturally-specific practice that may look different for different students and families? </t>
  </si>
  <si>
    <t xml:space="preserve">It's so important to require this, but it's also important to fund the system accordingly. Not all students require the same kinds of learning supports, and essential programs have often been cut (ie. ECSW programs). We need better funding to ensure that this practice is doable. </t>
  </si>
  <si>
    <t>Again, it seems contradictory to work from an understanding of the importance of descriptive feedback and proficiency standards, but then to turn around and insist that that process be translated into a percentage or letter grade. It allows 10-12 teacher to continue using poor assessment practices!</t>
  </si>
  <si>
    <t>There is already a similar number of “reporting” periods at the intermediate level with “interim reports” which are generally useless because not all teachers are providing feedback.  My child barely knows how he is doing in some of his classes as it is.</t>
  </si>
  <si>
    <t xml:space="preserve">It really doesn’t seem to matter at what level a child is at.  Gifted children are held back by the slow progression of the class average and students that are struggling and should be held back in a grade to strengthen their skills before moving on are pushed forward anyway to fall further behind. </t>
  </si>
  <si>
    <t>Because post secondary requires grades and percentages.  We coddle children until the very end of their public school education and throw them out into the real world at the end only to find that not everyone gets a ribbon for trying.  You either make it or you don’t.</t>
  </si>
  <si>
    <t>The Provincial Proficiency Scale probably has a list of materials that students must know.  Are the classes being geared around just memorizing the facts so students can pass the test and promptly forget what they “learned”, or are they being engaged in a curriculum that actually really teaches them</t>
  </si>
  <si>
    <t>While it may be helpful for some students, my personal experience working with students indicates that they often will write what they think teachers and parents want to hear and do not really reflect deeply on their actual performance.  Everyone gets a ribbon for trying.  Mediocrity is the new norm</t>
  </si>
  <si>
    <t xml:space="preserve">Again, unless the student has some obvious challenges or a strong drive, most students will probably strive for the bare minimum.   </t>
  </si>
  <si>
    <t>How much do teachers get to learn of their students, especially in high school?  My child’s report cards often have cut and paste comments that appear for various unrelated classes.  The average child who is quiet and withdrawn is not known nor given encouragement or incentive to achieve more…</t>
  </si>
  <si>
    <t>Merit based</t>
  </si>
  <si>
    <t>We still live in a world where success is based on skill and intelligence.  Not everyone gets a ribbon for trying and nor should they.  Yes, everyone can do anything they want if they set their mind to it but how are we establishing drive in children when we just push them along ready or not?</t>
  </si>
  <si>
    <t>3 total written reports does not address the timely partnerships to address learning challenges and successes. 2 TOTAL WRITTEN (mid-year &amp; summary) is appropriate. Written reports are too descriptive and "edu-lingo-ey" for parents to understand... Parents want to know: what can my child do &amp; not do!</t>
  </si>
  <si>
    <t xml:space="preserve">You are MISSING A 5th SCALE. Emergent &amp; Extending should be used carefully... that only leaves Developing and Proficient. THERE MUST BE A SCALE BETWEEN DEVELOPING AND PROFICIENT... otherwise, the arbitrary use of extending is being overused since there are REALLY ONLY 2 OPTIONS. Don't like it. </t>
  </si>
  <si>
    <t>Students need to see the letter grade correlations for advancement and success when learning higher-order curriculum. Universities should not be the first place students see letter grades... we are setting students up for the reality check of post-secondary</t>
  </si>
  <si>
    <t>As a teacher, no. As a parent, no!   Students/Teens need to see where they are doing in relation to standards and be able to compare their learning with people across the globe. There is nothing wrong with a B, and if a student has not done any work, they need to also see the accountability of that!</t>
  </si>
  <si>
    <t>These should be 2 per year MAXIMUM! Should align with a mid-point and a summary report. Parents do not "get it", maybe educated and English speaking parents can, but most of our families are learning English themselves and struggle to understand. Parents want to know: can my child read and write?</t>
  </si>
  <si>
    <t xml:space="preserve"> Goal setting is used to address development across the year; should be set in fall and spring so 2 times per year. Too many "must do's" but not enough space or time to report on what the parents really want to know and can understand in a nutshell. </t>
  </si>
  <si>
    <t xml:space="preserve">Competency based IEPs are challenging to report on and for parents to understand about their child's development which is atypical to the typical student. Reporting on Diversity and Inclusion also ASSUMES there is additional support and instruction which is not always the case with funding deficits </t>
  </si>
  <si>
    <t>4 reports (2 formal, 2 informal) should be the maximum. The proposed policy is heavy on the WORKLOAD which means LESS TIME FOR INSTRUCTION and more "checking the boxes of things to include". IF it stays at 5, MUST change to 3 informal and 2 written - talking with parents is essential &amp; valuable!!</t>
  </si>
  <si>
    <t>Outcomes vary teacher to teacher. Reporting is irrelevant and provides parents with no actual information about their child's education. Reporting shows only how a child fits in that particular class with that particular teacher.</t>
  </si>
  <si>
    <t>Outcomes vary teacher to teacher. The child can only learn what the teacher teaches. Reporting is irrelevant and provides parents with no actual information about their child's education. Reporting only shows how the child fits in that particular class with that particular teacher.</t>
  </si>
  <si>
    <t>Again the student is only proficient as the teacher and there are many teachers still "emerging."</t>
  </si>
  <si>
    <t>Finally an approach that is attainable for the student regardless of the teacher.</t>
  </si>
  <si>
    <t>Finally a choice for the student to plan their own learning outcome not based on what the government thinks is best.</t>
  </si>
  <si>
    <t>Again a choice for the student to plan their own learning outcome not based on what the government thinks is best.</t>
  </si>
  <si>
    <t>K-9 is the foundation to life long learners. With the Provincial Proficiency Scale it limits the students potential for individual learning outcomes and shatters the foundation for the student. Students are limited to their teacher's learning program and should not be limited to their agenda.</t>
  </si>
  <si>
    <t xml:space="preserve">I don’t support letter grades. </t>
  </si>
  <si>
    <t>It allows for letter grades as evidence of learning for entrance to higher education.</t>
  </si>
  <si>
    <t xml:space="preserve">It is inconsistent across the province. We need consistency, especially for students moving on to higher education. </t>
  </si>
  <si>
    <t xml:space="preserve">This should be embedded in learning and not just something that happens during reporting. The students know that it is artificial. </t>
  </si>
  <si>
    <t xml:space="preserve">Core Competency Goal setting should be embedded in learning, not something that is reported on a few times a year. </t>
  </si>
  <si>
    <t>It is difficult to provide meaningful written reports when you have a case load of 25-30 students and 7 teaching blocks for a total of up to 210 students. Qualitative/ descriptive reporting is actually far more effective than grade/percentage based assessment, but difficult to do with 210 students.</t>
  </si>
  <si>
    <t xml:space="preserve">Grades and percentage have become too much of the focus in school at the expense of curiosity, competency and actual learning. </t>
  </si>
  <si>
    <t>Some standardization is important to ensure that students province wide are meeting prescribed learning outcomes; however, grades and percentage have become too much of the focus in school at the expense of curiosity, competency and actual learning. This is especially true for senior grades.</t>
  </si>
  <si>
    <t xml:space="preserve">This is very important, although it will take practice and training to have students learn how to effectively self-reflect and identify growth in core competencies. </t>
  </si>
  <si>
    <t xml:space="preserve">Agreed, but again it will take practice to have students understand the value of personal goal setting and learn how to do it effectively. </t>
  </si>
  <si>
    <t>Again the focus is largely on pursuing grades at the expense of learning. Students are very good at achieving a percentage, but have no understanding of how to connect learning to real world goals and situations. Learning occurs in a vacuum largely because of %. Curiosity/love of learning is missing</t>
  </si>
  <si>
    <t>value formal contact with parents with opportunities in between for working on learning activities
often wonder if one less written report would reduce the pressure to "achieve" in short terms and allow deeper projects over longer time frame</t>
  </si>
  <si>
    <t xml:space="preserve">Prefer this wording to previous standards, especially "proficient" and "extending"
Don't know enough about letter grades and percentages to comment
</t>
  </si>
  <si>
    <t>Don't have enough experience with this to comment</t>
  </si>
  <si>
    <t>not familiar with the needs of these grade levels</t>
  </si>
  <si>
    <t>Prefer only year-end self-assessment is included in reporting, especially in Kindergarten.
This allows more flexibility in working with self-assessment.
Too many requirements for formal reporting of it detracts from it being a natural part of class activities and makes it more artificial/external</t>
  </si>
  <si>
    <t>Too much, too formal. It's already a natural part of daily learning activities. This makes it a chore and adds a significant time demand that could be more meaningfully used in Kindergarten for foundation learning activities.</t>
  </si>
  <si>
    <t xml:space="preserve">     </t>
  </si>
  <si>
    <t>Descriptive feedback provisions</t>
  </si>
  <si>
    <t>I value meaningful feedback to parents and pride myself on writing informative reports and having a variety of effective communication tools.  The requirements for descriptive feedback in this policy go way beyond what I think is a reasonable balance of information and time commitment for reporting.</t>
  </si>
  <si>
    <t>While 4-5 reporting events per year may be reasonable (*depending on the complexity and time required for each type of reporting*) for full-year/linear secondary school courses, it is categorically irrational, unreasonable and unmanageable for any secondary school that operates on a semester system.</t>
  </si>
  <si>
    <t xml:space="preserve">"Along with descriptive feedback", how much, what length ? For the secondary semester model, that could be up to 120 separate statements. In a linear model, that amount could be 210. Happy to do it if I'm paid well in overtime, and/or given paid release time to do so for each reporting period. </t>
  </si>
  <si>
    <t xml:space="preserve">While imperfect indicators of actual ability, when calculated using proper, meaningful assessment letter grades/percentages are mainly appropriate for post-secondary application purposes. A short comment in addition to this every 3 - 4 months is sufficient. </t>
  </si>
  <si>
    <t xml:space="preserve">Use one or the other. OR, provide an automatic "translation" of one to the other via MyEBDC. Asking teachers to do both is a waste of time = duplication, unless it is meant to fully replace a written comment/description. </t>
  </si>
  <si>
    <t xml:space="preserve">Many teachers already incorporate this type of helpful self-assessment in the classroom. As long as NO ADDITIONAL TIME/TEACHER REPORTING is required for this to occur, I am in favour of it. Otherwise, such proposals are unreasonable, unsustainable, and poorly-considered. </t>
  </si>
  <si>
    <t xml:space="preserve">I am 100% in favour of this proposal, AS LONG AS it does NOT add any further tasks to the already over-loaded work time teachers already have. Or, reduce the reporting requirement to compensate for this on a realistic basis / pay for professional release time to complete it. </t>
  </si>
  <si>
    <t xml:space="preserve">I am 100% in favour of this proposal, AS LONG AS it does NOT add any further tasks/time to the already over-loaded work teachers already have. Or, reduce the reporting requirement accordingly to compensate for this on a realistic basis / pay for professional release time to complete it. </t>
  </si>
  <si>
    <t xml:space="preserve">The overarching philosophy behind this which appears detached from the reality of what teachers already do, and the belief that more reporting is possible/required without removing/reducing our already existing, over-loaded schedules. We are human beings, not robots ! </t>
  </si>
  <si>
    <t>The theory behind the changes seems well-intentioned, even desirable. I'm DEEPLY concerned that the Min of Ed simply does not get the massive, unmanageable workload most teachers already struggle with... in a pandemic yet. [* These comment areas are way too short for real feedback *]</t>
  </si>
  <si>
    <t xml:space="preserve">The teachers have enough to do in their days, especially since COVID. They do not need to be providing more formal reports. The quality will decline if teachers are required to do more. </t>
  </si>
  <si>
    <t xml:space="preserve">These descriptors will help focus on descriptive feedback. Eventually students will need numbers, but students to grade 9s do not. </t>
  </si>
  <si>
    <t xml:space="preserve">Our students should not have a disadvantage in  their global admissions to post secondary institutions now or in their futures. They will need a universally recognized set of grades. </t>
  </si>
  <si>
    <t xml:space="preserve">Why should teachers have to also report this? Adding even more jobs to their plate will not help them or students. Most teachers will know the Proficiency Scales from teaching a range of grades and will be able to help students and parents make the transition. </t>
  </si>
  <si>
    <t xml:space="preserve">While this is important, at what point will the already overloaded schools care out the time and energy to do this? </t>
  </si>
  <si>
    <t xml:space="preserve">This is backwards thinking. How can you require someone to take ownership authentically? Either they feel an intrinsic motivation or they don’t. </t>
  </si>
  <si>
    <t xml:space="preserve">There are already examples of the inclusion ideal not working in schools. Trying to force it through a top down policy will not work. Students with diverse needs should be supported through provincial funding. </t>
  </si>
  <si>
    <t xml:space="preserve">The frequency of reporting will take away from the quality of the reports and the other very important work that teachers are doing. Most teachers are providing regular feedback all of the time. They are accessible and they are working themselves to the bone; this will cause attrition and burnout. </t>
  </si>
  <si>
    <t>I would prefer ongoing feedback through an ePortfolio and do not feel event style reporting is necessary except at end of year.  My child’s teacher is already very busy and always communicates if/when there are important things to share about my child via the ePortfolio</t>
  </si>
  <si>
    <t>Anything is better than grades!  I would prefer a simple meets/does not meet expectations.  We don’t need to rank kids at such a young age.  Descriptive feedback is more useful anyways.</t>
  </si>
  <si>
    <t>It gives my child voice and helps develop her involvement in her learning and her own agency.</t>
  </si>
  <si>
    <t>It’s 2021 this should be standard at this point.</t>
  </si>
  <si>
    <t>It is asking to much of our teachers.  Let them focus on teaching and ePortfolios and get rid of one of the reporting events.  A mid year and end of year is fine.</t>
  </si>
  <si>
    <t>The report cards are long and detailed.More reports will create anxiety in the children. They are whole people and not in a competition.</t>
  </si>
  <si>
    <t>It is not always clear to see if there are problems. It is confusing to know what is happening.</t>
  </si>
  <si>
    <t>This is clear and what is well known.</t>
  </si>
  <si>
    <t>Which one will be used? it is confusing.</t>
  </si>
  <si>
    <t>Letter grades in high school are clearer than comments.</t>
  </si>
  <si>
    <t>The workload on the teachers would be enormous. Courses such as Music, Core French and Social Studies are taught only once a week, therefore therefore very little additional content would be covered between reporting periods.  Non-enrolling teachers have 200+ students.</t>
  </si>
  <si>
    <t>4 point proficiency scale would be fine but not format of reporting.</t>
  </si>
  <si>
    <t>Letter grades are the standard for university and give more detailed picture of student performance.</t>
  </si>
  <si>
    <t>Core subjects should continue to be reported on 5x a year.  Increased frequency of other subjects would not provide a further valuable information for the families due to the frequency of the instruction of the subjects.</t>
  </si>
  <si>
    <t>Three written plus two additional reports is excessive.  It takes approximately 20 hours for one semester reporting event -- the opportunity cost of this feedback is high. 20 hours, six times a year at least--what other best pedagogical classroom practices could 120 hours be used for?</t>
  </si>
  <si>
    <t>Removes pressure of grades and provides accurate and valid assessment across a four point scale.  In my own classes (8, 11, &amp; 12) I have witnessed increased focused on learning when proficiencies are used.</t>
  </si>
  <si>
    <t>Disappointed.  We know proficiency scales are more accurate and encourage deeper learning and more risk taking-- why would we then revert to % at Grade 10?  Why not continue with proficiencies throughout?  If Ministry Reporting took this brave step, universities would need to adapt.</t>
  </si>
  <si>
    <t>Proficiency only, please, for reasons above-- universities will follow suit.</t>
  </si>
  <si>
    <t>Opportunity cost of gathering and curating this information.  Core competencies are embedded in curricular competencies and that should be sufficient for reporting.</t>
  </si>
  <si>
    <t>Opportunity cost for teachers-- another unsustainable reporting issue; how much buy in will we have from kids when this is being done across 8 subjects, at least 3X a year,.  Also student privacy-- should this information be readily available on printed report cards?</t>
  </si>
  <si>
    <t>Ideally, yes, of course-- but where are the resources to trail teachers in inclusive teaching and assessment and to provide support in the classroom?</t>
  </si>
  <si>
    <t>Frequency and self-assessment/goal setting</t>
  </si>
  <si>
    <t>Significant increase in teacher workload-- I already work 70 hours a week (until midnight and ten hours on the weekend).  Without added support time to write reports, this is untenable.  Also, do parents really want to read all of this-- x7 courses, 3x per year?  I have HS students &amp; I know I don't.</t>
  </si>
  <si>
    <t xml:space="preserve">Reporting is required too early in the year. We need more time to get to know students and for them to adjust to school. 
Parents prefer conferences. Many of the families seem at my school have difficulty understating written reports and prefer to have meetings to discuss goals. </t>
  </si>
  <si>
    <t xml:space="preserve">The scale makes sense to families with limited English. </t>
  </si>
  <si>
    <t xml:space="preserve">Not a high school teacher. </t>
  </si>
  <si>
    <t xml:space="preserve">These reflections are too difficult for Kindergarten students to understand in the first half of the year. They need time to understand the concepts and language of self-reflections. </t>
  </si>
  <si>
    <t xml:space="preserve">Too difficult for Kindergarten students. </t>
  </si>
  <si>
    <t xml:space="preserve">Unclear about how this would be helpful for young students with limited communication skills. </t>
  </si>
  <si>
    <t xml:space="preserve">Parents will not see as much meaning in reporting too frequently as there won’t be as much growth that we can report on. </t>
  </si>
  <si>
    <t xml:space="preserve">I want to talk to my child’s teacher not get report cards for elementary aged students. The report cards are too wordy and don’t tell me enough about areas to improve. </t>
  </si>
  <si>
    <t xml:space="preserve">My child doesn’t feel these are helpful. She is too young to understand what it means. Seems like a waste of paper. </t>
  </si>
  <si>
    <t xml:space="preserve">Twice a year would be fine. Mid year and end of the year. Younger students shouldn’t need to do it. I would rather the teachers have time to work with my kids on curriculum not helping them make up self-directed goals since they can’t do it by themselves until they are older. </t>
  </si>
  <si>
    <t xml:space="preserve">How would diversity fit in to assessment?  Individual feedback makes sense, but my special needs child gets and IEP anyway. Mainstream kids get feedback from their teachers all the time. This seems like the government is trying to look inclusive. Not the reality. </t>
  </si>
  <si>
    <t xml:space="preserve">Teachers will be spending all the time writing reports and trying to get kids to self-assess. My kids’ teachers communicate very well on a regular basis. Report writing too early in the year is not helpful. I like the conferences they do. </t>
  </si>
  <si>
    <t>Everybody concerned want to just hear about the praise of their kids. The administration, the parents and even the students want to dictate their terms to the teachers. They want  teachers to say good about them. Even if you have to tell students to work you have to be tactful.</t>
  </si>
  <si>
    <t>It is too much time consuming process. Teachers waste more time on writing long comments, rather than planning to teach. Achievements should have printed remarks, teacher should just tick out the comments or improvement strategies or suggestions.</t>
  </si>
  <si>
    <t>Students should learn the exact way to face the ultimate. If universities or the colleges accept % and letter grades, students should get the same in school.</t>
  </si>
  <si>
    <t xml:space="preserve">It will be far from the reality, students will face in real life. They are rejected from professional courses even for 1% difference of marks. You get 95% to join medical field but 94% will not be considered. He/she will feel failed in life.  </t>
  </si>
  <si>
    <t>Many students will make up their evaluation look good. They want to be considered good and studious in the eyes of others.</t>
  </si>
  <si>
    <t>Setting goals work only for them who are interested in working for their goals. Others will just fake it up. They want to show off among their friends.</t>
  </si>
  <si>
    <t>Students do not know the policies that education board makes. They want to be considered equal with others. Students with disabilities know their capability but other students may sympathize with them but never feel safe if considered in competition with them.</t>
  </si>
  <si>
    <t>This is what they will face in university.</t>
  </si>
  <si>
    <t xml:space="preserve">The amount of hours spent is arduous and requires hours of time on weekends and after school
</t>
  </si>
  <si>
    <t xml:space="preserve">I do not agree with having the sliding scale for elementary schools. The reporting should be the same grades 1-12.
</t>
  </si>
  <si>
    <t xml:space="preserve">Better plan, but again it involves even more time spent on marking and  reporting
</t>
  </si>
  <si>
    <t xml:space="preserve">Student input is very valuable. Creating more time spent on reporting! Many parents find the reports too wordy in elementary school
</t>
  </si>
  <si>
    <t>Time involved. In elementary school, perhaps, parent teacher, student leds including student goals later in term 1,  a written report in term 2, another parent teacher including achievement and  nrws goals and a final written report in term 3.</t>
  </si>
  <si>
    <t>More info to how student is doing. Not just picture on portfolio showing their work.</t>
  </si>
  <si>
    <t>Does not help parent to know how kid is doing. Doesn't help student. Grades, marks are tangible.</t>
  </si>
  <si>
    <t>Should start earlier.</t>
  </si>
  <si>
    <t>Not sure how effective it would be.</t>
  </si>
  <si>
    <t xml:space="preserve">Kids can be too easy or too hard on themselves </t>
  </si>
  <si>
    <t>Teachers need to follow up with students.</t>
  </si>
  <si>
    <t>Not sure but sounds like test would be watered down so all kids could pass. I agree tests should be for all, ie maybe no time limit etc.</t>
  </si>
  <si>
    <t>under the semester system , I am doing 4 mandatory reportings per semester to a total of 8. Albeit, that is half the number of students per semester, but that is still 8 times its done regardless of the number of students.</t>
  </si>
  <si>
    <t>It seems relatively the same as % and letter grades just under different descriptors.</t>
  </si>
  <si>
    <t>Same as before.</t>
  </si>
  <si>
    <t>Stay at 5 regardless of the year schedule.</t>
  </si>
  <si>
    <t>Teachers do not get release time for written reports which means they do not personalise them. Most of the time, when you increase the burden to report on teachers, you do not get a quality product because of time constraints.</t>
  </si>
  <si>
    <t>Again, without teachers getting time to write these reports, they will be cookie cutter and meaningless.</t>
  </si>
  <si>
    <t>There is a universal understanding of that scale.</t>
  </si>
  <si>
    <t>Additional context is helpful.</t>
  </si>
  <si>
    <t>Most students do not take this seriously.</t>
  </si>
  <si>
    <t>It is still mandated and not authentically coming from students themselves.</t>
  </si>
  <si>
    <t>The education system does not support diverse learners in the first place so this gives a veneer of something that does not exist.</t>
  </si>
  <si>
    <t>Self assessment is unreliable.</t>
  </si>
  <si>
    <t>A semester is 5 months long.  We are being told to do 5 learning updates...so in essence a report every month.  Teachers do not get a prep for one semester if they are working full time.  5 learning updates make sense in a linear year where a course is 10 months but not in a 5 month semester.</t>
  </si>
  <si>
    <t>The 4 point scale is meaningless...and the descriptive feedback takes a lot of time...and students and families don't read them.
Students always ask for percentages and letter grades...AS DO THE PARENTS.
As a parent, I find the descriptive feedbacks nebulous and not helpful.</t>
  </si>
  <si>
    <t>Really at the end of it all...students and institutions want percentages and letter grades.  
Proficiency scale is onerous work that is not needed and would put more work load on teachers and institutions in regards to navigating semantics.</t>
  </si>
  <si>
    <t>Students with disabilities and diverse abilities need extra support.  Jackson Arbitration IS WRONG: the students who actually need the supports are NOT receiving much needed support.  Brighter students suffer.  Might as well stream students then.</t>
  </si>
  <si>
    <t>government</t>
  </si>
  <si>
    <t>REAL CONSULTATION WITH TEACHERS WHO ARE ACTUALLY TEACHING RIGHT NOW!  People making decisions are government officials for only a few years yet their decisions impact the whole system for years after they are gone...whole generation of students are negatively affected.</t>
  </si>
  <si>
    <t xml:space="preserve">I feel this is an appropriate amount of summarize assessment. </t>
  </si>
  <si>
    <t xml:space="preserve">This matches the same reporting style that students will experience in post secondary and is a good gauge. </t>
  </si>
  <si>
    <t>Students need to be accountable and self reflect. It’s a learned process!</t>
  </si>
  <si>
    <t xml:space="preserve">No one complains an this seems adequate. </t>
  </si>
  <si>
    <t>Too  much</t>
  </si>
  <si>
    <t>Some simple goal setting at primary</t>
  </si>
  <si>
    <t>Too much</t>
  </si>
  <si>
    <t>Too much work in general</t>
  </si>
  <si>
    <t>The current number of report periods works well for me.</t>
  </si>
  <si>
    <t>Really pleased that we are no longer reporting percentages, as this was, in my view, a redacting and far too subjective form of assessment. I also think it distracted students from understanding that learning should be based on a growth mindset, not about outcomes. It also caused self-judgement.</t>
  </si>
  <si>
    <t xml:space="preserve">As mentioned above for K-9, I don't think percentages serve any of our learners when assessing. At best, these numbers inflate egos, and at worst, diminish self-esteem and self worth. </t>
  </si>
  <si>
    <t>Proficiency scales are far more effective than percentages, as a replacement for percentages and letter grades. If universities wish to develop GPAs when deciding on entry requirements, I believe they should establish entry exams, and not place the onus on high school teachers.</t>
  </si>
  <si>
    <t>Self-assessment is simply another important step of reflection in student learning.</t>
  </si>
  <si>
    <t>What is the rationale for keeping percentages in grades 10-12? I don't believe that helping post-secondary institutions with their entrance requirements should be a professional purview of high school teachers. Furthermore, post-secondary institutions are increasingly using PASS/FAIL when evaluating</t>
  </si>
  <si>
    <t>It would make more sense to have an update at the beginning pf the year followed by a written report, then another update before the written Summary for a total of 4 reporting events - two of which having to be written.</t>
  </si>
  <si>
    <t>The scale aim at representing the growth and is much more descriptive than a static labels of the grade system</t>
  </si>
  <si>
    <t>Why would both be required? Why not just letter grades? Proficiency scale would be preferable, but I get that it might not be possible yet.</t>
  </si>
  <si>
    <t>Although I feel this is valuable, the logistics behind including it in the reporting in unclear as it stands right now and I am not sure how this can be done efficiently</t>
  </si>
  <si>
    <t>Goal settings is already part of the Career curriculum and I feel it is a duplication here</t>
  </si>
  <si>
    <t>Makes so much sense, but sometimes it may be harder to implement in practices with the resources at hand</t>
  </si>
  <si>
    <t>Frequency &amp; Student Goal Setting and Self-Assessment</t>
  </si>
  <si>
    <t>Reducing to 4 the reporting events would make it a better fit with the flow of the school year.
Although students' voice is important (regarding self-assessment and goal setting) it does not belong in the reports. Maybe they could be the focus of one of the Learning Updates instead.</t>
  </si>
  <si>
    <t xml:space="preserve">If we as teachers are transparent about our assessment for our courses, requiring so many written reports is time consuming and takes away from our ability to actually be present and engaged with our students in the classroom, and the reports end up being repetitive and generic due to lack of time. </t>
  </si>
  <si>
    <t xml:space="preserve">An excellent way to evaluate students on an individual basis. </t>
  </si>
  <si>
    <t xml:space="preserve">I think a mix of proficiency scale and percentages/letter grades specifically for grade 10 is good to help them with the transition from proficiency scale to letter grades. </t>
  </si>
  <si>
    <t xml:space="preserve">Fewer reporting periods would make reporting more meaningful for both students and teachers. </t>
  </si>
  <si>
    <t>This is very standardized.</t>
  </si>
  <si>
    <t>The school system is using one system to report back but post secondary another.</t>
  </si>
  <si>
    <t>Students who want to go to post secondary need the grade reporting.</t>
  </si>
  <si>
    <t>Students/kids will do this without much thinking just to complete the "form" and get it done.</t>
  </si>
  <si>
    <t>Good luck with that. Are you people in the ministry parents? Be realistic.</t>
  </si>
  <si>
    <t xml:space="preserve">Multiple reports will be inaccurate because it's a small time frame and doesn't account for the entire picture.
Multiple reports will force teachers to focus of the reports and not creating lessons or actual educating students.
This will hurt students who require more time to complete assignment... </t>
  </si>
  <si>
    <t>Students often give themselves perfect scores on self assessment and don't take it seriously</t>
  </si>
  <si>
    <t>The reporting work outlined in the draft is onerous and will lead to teachers spending most of their time "weighing the pig" as it were, which is an unproductive use of time.</t>
  </si>
  <si>
    <t>The proficiency scale works well when students are engaged in self-assessment. It teaches them to take responsibility for their own learning.</t>
  </si>
  <si>
    <t>Grades are not useful information, but I know that parents will demand this useless information no matter what I say, so “¯\_(ツ)_/¯“.</t>
  </si>
  <si>
    <t>See answer above</t>
  </si>
  <si>
    <t>This can be exceptionally valuable when done properly. Will high school teachers actually be taught how to do this? Or will it be another meaningless piece of paperwork the principal throws at us?</t>
  </si>
  <si>
    <t>I use goal setting with my students already. I'm happy to report on it. However, I NEED AN INFORMATION SYSTEM that lets me EASILY report on this information, meaning, let students INPUT this directly into MyEd.</t>
  </si>
  <si>
    <t>It's long overdue, to put it mildly</t>
  </si>
  <si>
    <t xml:space="preserve">Fewer reporting periods will allow for teaching time and MEANINGFUL reports. </t>
  </si>
  <si>
    <t>Difficult to keep up due to lack of time</t>
  </si>
  <si>
    <t>semantics</t>
  </si>
  <si>
    <t>confusing</t>
  </si>
  <si>
    <t>already doing it.</t>
  </si>
  <si>
    <t>already doing it.  Also, find that a majority don't put value to it.</t>
  </si>
  <si>
    <t>This seems like a lot of work for teachers. I would rather have them developing and executing engaging lessons. Getting more of the same reports won't help me understand how my child is doing and progressing. As a parent, I trust the teacher to contact me and I do the same to see her progress.</t>
  </si>
  <si>
    <t>This is what is currently happening so what would be the change be?</t>
  </si>
  <si>
    <t>Again, it seems like more time would be needed for reporting out instead of time for lesson development. Post secondary institutes still require a GPA or certain percentages for admittance. So how would anecdotal reporting work for university admissions?</t>
  </si>
  <si>
    <t>As a parent I would rather my child develop a love for learning. I'm worried with all the extra work that her teachers may need to do that it would mean less time for engaging lessons and instead her teachers be focused on reporting out constantly. It can negatively effect her experience.</t>
  </si>
  <si>
    <t xml:space="preserve">Beyond what some of my colleagues believe, I feel that we do have a responsibility to provide percentages for 10-12 students as part of post-secondary preparation. </t>
  </si>
  <si>
    <t>See my rationale above.</t>
  </si>
  <si>
    <t>I find this to be a waste of time. Students have enough 'administrative' work to do beyond their studies. They don't take it seriously because they know that it's of little actual value.</t>
  </si>
  <si>
    <t>This may be valuable philosophically, but in reality it's just one more burden on students.</t>
  </si>
  <si>
    <t>I don't see value in it.</t>
  </si>
  <si>
    <t>I miss having actual report cards given out three times a year with actual grades on them. Hearing from one of my daughters teachers every few months is not satisfactory.</t>
  </si>
  <si>
    <t>I don’t think that this 4 point scale is helpful. I would like actual grades.</t>
  </si>
  <si>
    <t xml:space="preserve">As long as the actual grades and percentages are used this is ok with me. </t>
  </si>
  <si>
    <t>Would students receive help making these goals? I don’t think you can just ask a student what they want their goals to be. They need to be attainable and actual.</t>
  </si>
  <si>
    <t xml:space="preserve">There is no identified timeline for rolling this out in a way that provides support and scaffolded, equitable timing. 
</t>
  </si>
  <si>
    <t>How do we make sure that families are aware of how beneficial this system would be? How will schools deal with resistance from families who just end up asking for letter grades?</t>
  </si>
  <si>
    <t xml:space="preserve">How might we make these as practical, essential, and meaningful as part of reporting? </t>
  </si>
  <si>
    <t>How might we factor in more time to teach children what it means to set practical and meaningful goals?</t>
  </si>
  <si>
    <t>there has to be a component of teaching and time allowed for this if we want to do it authentically</t>
  </si>
  <si>
    <t xml:space="preserve">We have now moved to a Semester system, so five reports within a five month period is significantly more than a year-long course. It is extremely challenging to provide meaningful assessment this many times in a semester system. Fewer, higher quality reports would be much preferable. </t>
  </si>
  <si>
    <t xml:space="preserve">I have done a lot of work with Standards-Based Grading and feel strongly that this four point scale with descriptive feedback is much more accurate and helpful to student learning than percentages. </t>
  </si>
  <si>
    <t xml:space="preserve">If we are serious about improving teaching and learning, we should follow the research for all Grade Levels and provide accurate, meaningful assessment. Keeping percentages means keeping the same practices/mindset that we are trying to move away from. Post-secondary should not dictate our practice. </t>
  </si>
  <si>
    <t xml:space="preserve">I think the four point scale should be used consistently for all Grades. However, more importantly, reporting should be consistent between teachers, schools, and districts. I don't think the "encouraging" the use of the scale is a good idea. Make a choice and make it the same across the province. </t>
  </si>
  <si>
    <t xml:space="preserve">Student self-assessment in an essential part of Standards-Based Grading, but requiring it on all reporting documents makes it less meaningful for students and likely to lead to less effective classroom practice. It is not a hoop to jump. It is embedded in all classroom practice, if done correctly. </t>
  </si>
  <si>
    <t xml:space="preserve">Once again, I do not believe that this will be executed in a meaningful way. I think goal setting is important and is embedded in good teaching practice. Making it a hoop to jump as part of the report card will not be helpful to teaching or learning. </t>
  </si>
  <si>
    <t xml:space="preserve">I think this is a good goal and is ideal. I am a little concerned about the "requirement" and the wording "respond fully to individual needs." This is not easy and we definitely lack the resources and training to accomplish this in all schools. </t>
  </si>
  <si>
    <t xml:space="preserve">Five reports in a semester is not necessary or realistic/ does not support meaningful, accurate assessment. We have made a lot of progress in personalizing learning and using Standards-Based Grading.  Fewer, high quality reports are preferable. </t>
  </si>
  <si>
    <t>Written reports allow students and parents the opportunity to meet the minimum standards of the course in the case they (the student) is failing or not meeting the course objectives.</t>
  </si>
  <si>
    <t>Preference is on percentages and letter grades since it shows mastery and level of comprehension of the course content.</t>
  </si>
  <si>
    <t>Percentages show level of mastery and level of comprehension.</t>
  </si>
  <si>
    <t>Percentages, letter grade, work habit, and slight comment is sufficient as it clarifies the student's comprehension and mastery of the course.</t>
  </si>
  <si>
    <t>Helpful insight for both themselves and their parents.</t>
  </si>
  <si>
    <t>Valuable insight for students to set and reflect on their goals.</t>
  </si>
  <si>
    <t>Students should set goals and then reflect upon it to see if goals have been met.  It allows students to analyze their expectations and if needed; to readjust their goals.  This reflective process may reduce anxiety as it allows students to realize that perhaps their expectation are set too high.</t>
  </si>
  <si>
    <t xml:space="preserve">I think it allows for regular interactions between caregivers and instructors. </t>
  </si>
  <si>
    <t xml:space="preserve">Most research literature on the impact of numbers in feedback on student grown are negative. Why should we be promoting a policy that has a negative impact on student growth? It's time to change that. </t>
  </si>
  <si>
    <t xml:space="preserve">It's unfortunate, but I can understand why it's still required. </t>
  </si>
  <si>
    <t xml:space="preserve">For the Provincial Proficiency Scale to be used at the higher grades, you'll have to associate a percentage/points to each level. This will likely undermine it's effect in younger grades. Perhaps a different proficiency scale at the grade 10-12 level would be more appropriate. </t>
  </si>
  <si>
    <t xml:space="preserve">As noted previously, having a proficiency scale is a significant improvement on improving student learning via feedback. However, adding a numeric scale limits it's effectiveness. So, some middle ground would be an idea situation. </t>
  </si>
  <si>
    <t xml:space="preserve">It is hard to know what this will actually look like in practice. </t>
  </si>
  <si>
    <t xml:space="preserve">Proficiency can be a vague measure when there is no provincial standard being applied at the senior levels. </t>
  </si>
  <si>
    <t>Why do I need both pieces of information if it is only for post secondary applications?</t>
  </si>
  <si>
    <t xml:space="preserve">Potential for too many forms of assessment that don't actually say anything about student learning. They are all abstractions. </t>
  </si>
  <si>
    <t xml:space="preserve">How do students measure themselves when they only have access to their school communities for comparison? How do we encourage honesty and reflection in this practice when they may view their self reflection as just another form of grade? </t>
  </si>
  <si>
    <t xml:space="preserve">Too easy to game the system. How does this match with course work and teacher expectations? When will there be time for this in the day, too much time spent doing vague self reflections when they could be doing more meaningful activities and building community. </t>
  </si>
  <si>
    <t xml:space="preserve">then the policy will be a practical impossibility. </t>
  </si>
  <si>
    <t xml:space="preserve">Theoretical frame work. </t>
  </si>
  <si>
    <t xml:space="preserve">These practices are good in theory, but I wonder how they will actually work in reality. So much of the theoretical frame work is heavily dependent on variables that change from student to student and school to school. </t>
  </si>
  <si>
    <t>-more frequent snap shots of my child's progress so that we know what areas to work on at home for extra support
-ability for student to set goals and see how they are progressing
- more feedback and communication with the teacher</t>
  </si>
  <si>
    <t xml:space="preserve">As long as the learning updates are happening and you can see the work or areas that you child is struggling or doing well at.  Then the proficiency scale will reflect the work you have seen. </t>
  </si>
  <si>
    <t>I don't see the need. The reporting we received had a breakdown of the mark for each test or assignment.  From this information I could see whether my child is emerging, etc.</t>
  </si>
  <si>
    <t xml:space="preserve">I think it is important for students to set goals.  It is a life skill and it is never to early to teach.  </t>
  </si>
  <si>
    <t xml:space="preserve">We all learn differently. We want all students to learn and succeed. </t>
  </si>
  <si>
    <t>too confusing and difficult to understand.  "wordy" and not succinct.  too much jargon and 'couching' of words instead of telling me how my child is doing compared to a standard.</t>
  </si>
  <si>
    <t>too vague.  no comparison to a standard.
bring back provincial exams!  helps ensure students/graduates are meeting a standard instead of highly variable gradings between staff and schools.</t>
  </si>
  <si>
    <t>who checks/looks at/at these self assessments?  are parents or teaching staff to help ensure students meeting these goals? who keeps track of these self assess,ents? What if there is a large discrepancy between student self assessment and actual performance...what happens then?</t>
  </si>
  <si>
    <t>nice idea...but who keeps track?  what happens if they don't meet the goal?  what happens if they meet the goal?  What if the goal is unrealistic?
This should be done between the parents and their children so they can become more involved in their child's learning and performance.</t>
  </si>
  <si>
    <t>what's the standard of achievement?  How do I know if my child is meeting standard criteria?  There are standard levels of performance everywhere....driving test, licenses of practice, etc.
adaptations for everyone is not realistic...nor is it seen in the workforce/reality.  i</t>
  </si>
  <si>
    <t>older students should be meeting a standard level of performance for graduation....otherwise what is the point of graduation/evaluation of a proficient level of achievement?</t>
  </si>
  <si>
    <t>For secondary this is TOO many and it will force teachers into more frequent but meaningless feedback rather than thoughtful and "as needed" feedback.  This is too proscriptive, especially given our move toward more personalized approaches and proficiency standards rather than "marks".</t>
  </si>
  <si>
    <t>More accurate and meaningful.</t>
  </si>
  <si>
    <t xml:space="preserve">We know that % is meaningless and totally inaccurate (Standard deviations that would cross letter grades--blind marking has shown 8 point deviation in most cases).  The only reason we use % is because of Universities.  It is about time they find their own way to grant entrance to their institution. </t>
  </si>
  <si>
    <t>I would like to see this as THE ONLY method of reporting.  To make all three mandatory defeats the entire purpose/process of standards based assessment!!!</t>
  </si>
  <si>
    <t xml:space="preserve">In class, we do this in a meaningful, structured and year long way.  MyEd does not allow for easy reporting of this process.  If we add the requirement to report via MyEd on this, the meaningful integration of this process within the classroom will be the cost.  </t>
  </si>
  <si>
    <t>Again, this is already done regularly. Publicizing these goals will impede with the integrity of the process!  I have HUGE issues with this.  What if the goals are truly personal and private?  We have no right to publicize them.</t>
  </si>
  <si>
    <t>In theory this is great but who interprets "assessment practices respond fully to individual needs"?  In the end, only  the teacher has professional autonomy and integrity to evaluate this.  Putting it in an order requires some structures for ensuring and evaluating it.  This is problematic at best.</t>
  </si>
  <si>
    <t>Both frequency and %.  They are equally detrimental to AUTHENTIC and MEANINGFUL reporting.</t>
  </si>
  <si>
    <t>In Vancouver, we have been working tirelessly to hone our assessment and feedback practices.  This proposal undermines almost EVERY gain we have made so far.  It feels like NO actual educators were involved in the design of this order.  We need fewer reports,  more flexible structures, no %</t>
  </si>
  <si>
    <t>On-going communication with the teachers is very important. It would be better if there were more communication via fresh grade, etc.</t>
  </si>
  <si>
    <t xml:space="preserve">Understanding that the report card is to focus on students' personal progress, there should still be some indication of where the student is relative to their peers. Teacher's expectations all vary. It would make more sense for students to begin receiving letter grades &amp; percentages in Gr. 8. </t>
  </si>
  <si>
    <t>As mentioned above, having students and parents know how they are doing subjectively in Gr. 10 is too late. It does not give time for parents and students to pivot before the marks start to count for University.</t>
  </si>
  <si>
    <t>Reporting will take far more time therefore I am not happy that the frequency of reporting remains the same.</t>
  </si>
  <si>
    <t>Does not clearly convey students' abilities. There is no category that conveys a student is not meeting expectations/failing.</t>
  </si>
  <si>
    <t>This is what students ned to understand their progress.</t>
  </si>
  <si>
    <t>This is far too time consuming when a teacher needs to assess 200+ students.</t>
  </si>
  <si>
    <t xml:space="preserve">My children come home frustrated and over anxious about their percentages and feeling powerless to do anything about them.  </t>
  </si>
  <si>
    <t>I want only this option and a move away from evaluating my child through a mathematical lens that is non-sensical.</t>
  </si>
  <si>
    <t>It would depend on the format.  I find the current reporting format almost meaningless and inaccessible.  If it would allow conversation with my child then sure.  However, I think the teachers that are good at this already provide those opportunities.</t>
  </si>
  <si>
    <t xml:space="preserve">By high school, my kids already know how to do this and do it well.  </t>
  </si>
  <si>
    <t xml:space="preserve">What does this mean?  Can my child stay at home and expect teachers to adapt to their "need for sleep"?  This is ridiculous to define.  Of course public education MUST be inclusive.  This seems Orwellian, Big-Brother-ish.  </t>
  </si>
  <si>
    <t>My concern is with the semester system, wherein there are 2 formal learning updates and a summary of learning at the end of course.  This is a huge workload on teachers to provide descriptive feedback each time within the formal reports. Perhaps first report could be first impressions.</t>
  </si>
  <si>
    <t>The percent system works well and is able to distinguish how well a student is progressing, based upon the learning standards.</t>
  </si>
  <si>
    <t>Not very robust in distinguishing how well a student has the learning standards and the learning outcomes in the course.</t>
  </si>
  <si>
    <t xml:space="preserve">A formal report should not have student self-assessments.  Students must be aware of what they need to be able to achieve but a formal report is not the place for self-assessment.  This is the teacher's job, not the student's. </t>
  </si>
  <si>
    <t>Students set goals with their teachers every week/day.  My concern is how this will be communicated in a formal report.</t>
  </si>
  <si>
    <t xml:space="preserve">This is already being done.  However, if a student cannot solve an equation in Chem 12 in order to determine the pH in a titration, then they cannot do it.  
It is the expectation that in order to do certain courses, there are a number of pre-requisite skills necessary in order to do the course. </t>
  </si>
  <si>
    <t>My big concern, in addition to student self-reporting in formal reporting, is the requirement of really descriptive feedback. I give descriptive feedback every day to students and it is most meaningful this daily basis, not at end of course. Time is better spent working with kids, not writing report</t>
  </si>
  <si>
    <t>Meaningful feedback can be given one on one. There is no reason to give this many written reports through the school year.</t>
  </si>
  <si>
    <t>I would prefer proficiency scales in order to have more meaningful feedback.</t>
  </si>
  <si>
    <t>Reflection is important to students, but formalizing it as a report makes it more of a make-work project than encouraging honest reflection.</t>
  </si>
  <si>
    <t>This is too much needless work.</t>
  </si>
  <si>
    <t>Having to report using another platform like FreshGrade as well</t>
  </si>
  <si>
    <t xml:space="preserve">This year with a semestered system we were required to do reports for students when really we were just beginning to get a clear picture of evidence of learning.  I think it would be more reasonable to have a first report for students at risk only so that we can help them get on track.  </t>
  </si>
  <si>
    <t>I use this scale with grade 9 and with senior grades to build a portfolio of work which we we then translate to a grade in senior levels.  I find it takes the pressure off students as they aren't worrying about a point 5 here or there.   They focus more on understanding.</t>
  </si>
  <si>
    <t>I see the utility in the grades but students can become fixated on them.</t>
  </si>
  <si>
    <t>I'm already doing this with students up until the reporting period and I find it easy to work with and more encouraging.</t>
  </si>
  <si>
    <t>I include students in self-assessment already, but those are a lot of different areas.   I used to do all areas for work habits, but it also required a fair bit of time and explanation.</t>
  </si>
  <si>
    <t>Goal setting is important but could be challenging to connect to the curriculum early on.   I think teachers already feel that covering curriculum is very challenging with the gaps created by the last two years of altered practices for Covid.</t>
  </si>
  <si>
    <t>An important concept; teachers would need additional guidance for integrating this consistently across the district and province.</t>
  </si>
  <si>
    <t>Reporting takes an incredible amount of time and while feedback for students is essential, more time making reports early on when we don't truly know all the students takes away time and energy from classroom planning, and lesson delivery.</t>
  </si>
  <si>
    <t>It's too many times. I rather the teacher spend their time teaching and focus on the in class planning instead of spending time on reporting. If I have concerns I can contact the teachers directly. As a parent of 2 kids w/ learning differences, time for planning and spend w/ students more important.</t>
  </si>
  <si>
    <t xml:space="preserve">I am more concerned with my kids grasping the concept instead a percentage they have achieved.   </t>
  </si>
  <si>
    <t xml:space="preserve">I want my kids to become self thinkers and know their own worth and learning.  Not dependant on others to tell them how well they did.   This is a good direction towards that goal. </t>
  </si>
  <si>
    <t xml:space="preserve">This allow my kids to have control of their learning and take ownership.  </t>
  </si>
  <si>
    <t xml:space="preserve">Again. I dont need 5 reporting.  It's too much and unnecessary work for teacher and takes time away from my busy life. I know my kids well and know how they are doing at school.   I dont need 5 reporting.  </t>
  </si>
  <si>
    <t xml:space="preserve">As a new teacher, it already takes 3 hours to go through one class to give proper feedback, let alone to do that 5 times in one semester. I also volunteer my time to coach multiple teams. This does not support students as a whole. </t>
  </si>
  <si>
    <t xml:space="preserve">It has been a good transition for the most part! </t>
  </si>
  <si>
    <t>This is a great way for student to reflect on their own learning.</t>
  </si>
  <si>
    <t>Which course would students do this in grade 8-12?</t>
  </si>
  <si>
    <t xml:space="preserve">This takes the most time which through the semester system, there is not enough time while teaching 4 blocks in the high school without a prep as prep is in the 2nd semester. </t>
  </si>
  <si>
    <t>The way we work has worked well for students and staff for years - why so much change.</t>
  </si>
  <si>
    <t xml:space="preserve">Post secondary schools require high grade for entry.
</t>
  </si>
  <si>
    <t>Students need to be aware of their role in core competencies so they know where they are at and where they can improve upon.</t>
  </si>
  <si>
    <t xml:space="preserve">The semester system will require a report about once per month--too constant.  My time should be on how to inspire critical thinking and helping students develop transferable core skills.  Students are currently doing a lot of self-assessments; they are thus well aware of their progress already. </t>
  </si>
  <si>
    <t>Percentage and letter grades are required for grade 10 to 12 students for post-secondary application anyway.  Teachers can explain what each letter translates into each proficiency level.</t>
  </si>
  <si>
    <t>Student self-evaluation will encourage students to have a better understanding of progress, but too much of it will also take away time from learning.  The grade 10 to 12 curriculum is rather intense.</t>
  </si>
  <si>
    <t>Student goal setting will encourage students to be better motivated, but too much of it will also take away time from learning.  The grade 10 to 12 curriculum is rather intense.</t>
  </si>
  <si>
    <t>Isn't it already happening?</t>
  </si>
  <si>
    <t xml:space="preserve">The current amount of reporting is already too much.  A responsible teacher maintains contact with parents if a child is failing the course.  That many constant reminder of such is redundant. </t>
  </si>
  <si>
    <t xml:space="preserve">As a teacher in a Semester system school, there would be 10 reporting periods in a school year. That is one reporting period per month. This will mean either less instruction happening because we are too busy generating reports, or meaningless reports because we are too busy teaching. </t>
  </si>
  <si>
    <t>I am a strong proponent of the Proficiency Scale system. I think it is highly effective for communicating learning to students, parents and other staff.</t>
  </si>
  <si>
    <t xml:space="preserve">I would prefer to see the Proficiency scale utilized until grade 12. </t>
  </si>
  <si>
    <t xml:space="preserve">I think the Proficiency scale is excellent for communicating student learning and teacher expectations. I use it in my upper grade levels and have a logic-rule system to translate into percentages and letter grades. </t>
  </si>
  <si>
    <t xml:space="preserve">I think Core Competencies are important! But asking students to assess their growth in every class will be redundant and frustrating for them. </t>
  </si>
  <si>
    <t xml:space="preserve">I think personal goal setting is very important for students. I already utilize goal setting and reflection in my reporting. </t>
  </si>
  <si>
    <t>Inclusion is crucial. However, if the burden of evaluation is to heavy on teachers, interfering with instruction &amp; learning, there's no point. We'll be so busy reporting, we won't be able to meet the individual needs of students. And don't forget, secondary teachers have hundreds of students.</t>
  </si>
  <si>
    <t xml:space="preserve">Secondary teachers on a semester system will have to report 10 times a year. Every month! This will either interfere with instruction and student learning or lead to meaningless reports. A K-12 policy means that not every student is in one classroom with one teacher all day. </t>
  </si>
  <si>
    <t>Too many reporting periods</t>
  </si>
  <si>
    <t xml:space="preserve">too many written reports - becomes inauthentic </t>
  </si>
  <si>
    <t>Too hard to manage</t>
  </si>
  <si>
    <t xml:space="preserve">Too hard to organize </t>
  </si>
  <si>
    <t>Given the number of students taught at the high school level, it is not feasible to provide feedback for all students in anything other than written form. In the semester system, this is 5/semester or 1/month. Feels much too intense! Also, unclear what summary of learning will require.</t>
  </si>
  <si>
    <t>I actually like the 4 point scale. It's consistent with more progressive reporting standards and pedagogy. Right now, it is a bit awkward to have only K-9 on this scale and still have to generate percentages and grades for 10-12, especially in mixed grade classes.</t>
  </si>
  <si>
    <t>It's the status quo and we all know how to generate this type of assessment, but it feels out of date now. It's time to get rid of percentages and grades at ALL levels. Universities will just have to adapt. We should not be using more outdated assessment pedagogy just because of post-secondary.</t>
  </si>
  <si>
    <t>I guess it's nice that it's an option, but it feels rather meaningless since we have to generate a percentage/letter grade anyway. I'd prefer to see a full shift toward the Provincial Proficiency Scale at all levels.</t>
  </si>
  <si>
    <t>Hard to answer. I love that we value student self-assessment, but making it a formal requirement for ALL reports increases the time burden on teachers for producing these reports in what is already an incredibly tight schedule in some schools. Would prefer it be optional for some, mandatory for some</t>
  </si>
  <si>
    <t>Cautious about this one too. In theory, this sounds great. But who is actually giving the time and guidance during instruction on this? Are teachers responsible for inputting data, or will students do it? Worried it will add yet another thing for teachers to have to put on reports/take more time.</t>
  </si>
  <si>
    <t>Agree wholeheartedly in principle, BUT teachers must be given the time and resources required for this! Full inclusion should be the standard, but it takes time and energy to differentiate. We need to be adequately funded/supported, with enough SSAs and time to consult with resource teachers.</t>
  </si>
  <si>
    <t>It feels like with the demands currently in place, without adding in extra time and resources, you must choose between quality or quantity of reports, or risk burning out your teaching force. High quality reports take a LOT of time to write. Reporting monthly=not reasonable at that level of detail</t>
  </si>
  <si>
    <t>In Vancouver we have 2 written reports and 2 formal conference times to meet with parents which works really well.</t>
  </si>
  <si>
    <t>We are using this in Vancouver already so I'm unsure the change proposed.</t>
  </si>
  <si>
    <t>If post-secondary is not changing their requirements, I suppose Grades 10-12s would benefit from the same format.</t>
  </si>
  <si>
    <t>Seems like more work for Graded 10-12 teachers which is never a good idea. They have enough work as it is.</t>
  </si>
  <si>
    <t>It is good for students to think about their learning &amp;. growth.</t>
  </si>
  <si>
    <t>K-7 do this already.  What's new?</t>
  </si>
  <si>
    <t>Teachers do this already.  What's new?</t>
  </si>
  <si>
    <t>Gr8-12 students should set their own goals and make a plan to meet their goals in September and reassess in January , March and finally in May'June.</t>
  </si>
  <si>
    <t>The level of formality and frequency for these written reports are unsustainable in a semester system.  A midterm and final written report are sustainable.  With current pedagogy and proficiency scales, interims are unnecessary and should only be done in more extreme situations.</t>
  </si>
  <si>
    <t>We believe that the maturity level that happens between the start and end of the grade 9 school year actually does not require proficiency scales and that it would be better to move students to percentages in Grade 9.</t>
  </si>
  <si>
    <t>As mentioned before, the maturation that happens over the course of Grade 9, we believe that Grade 9s should also switch to percentages and letter grades.  They seem to lose meaning of proficiency scales in Grade 9.</t>
  </si>
  <si>
    <t>The proficiency scale word choices have less meaning as students look ahead to university.  If universities will not take it into consideration, this is just adding one more extraneous task for teachers and busy senior students that is non-essential and does not add anything meaningful for them.</t>
  </si>
  <si>
    <t xml:space="preserve">This is a great step in the right direction for students to understand mastery of a subject area, through self assessment, reflection and self-correction.  There needs to be a more efficient way to track this growth over the course of high school. </t>
  </si>
  <si>
    <t>This is meaningful to some students in their coursework, but is more meaningful to other students in their personal and extra-curriculars, thus it should not be included in any formal reporting practices if the nature of student reporting becomes too formal.</t>
  </si>
  <si>
    <t>There will need to be more situation to situation examples for everyone to understand this if it is an expectation that is beyond current adaptations, extensions, EIPs and other methods of differentiation that are already part of most teachers' practices.</t>
  </si>
  <si>
    <t>It has become unsustainable in a semester system and has forced a pace that does not actually support growth goals meaningfully in conjunction what has been communicated about our new curriculum and it's intentions to track and communicate learning.</t>
  </si>
  <si>
    <t>Is my job to write report cards or teach</t>
  </si>
  <si>
    <t xml:space="preserve">What is the point of the performance levels if I am to give feedback </t>
  </si>
  <si>
    <t xml:space="preserve">% is enough  is can be translated to a letter grade if needed. The ministry is lying to parents when they say the learning is important not the grade, If we care about learning then the grades are not relevant.  How post secondary accepts students is their problem, not mine. </t>
  </si>
  <si>
    <t>This is overkill. What do you want? Feedback on the learner, a scale, a percentage, a letter grade? Who is this for? Not me. Not the student, and parents just want to know the mark. If you want me to earn my pay cheque then let me teach. I'll do your paper work.</t>
  </si>
  <si>
    <t xml:space="preserve">Who do you think these children are? I can get them to give me an opinion to save their lives. Why do you want to bog them down, and take valuable class time to do it.  The self assessment is at the expense of teaching time. What a waste! I don't have enough time as it is. </t>
  </si>
  <si>
    <t>INSTRUCTIONAL TIME IS TOO PRECIOUS TO WASTE!</t>
  </si>
  <si>
    <t xml:space="preserve">How are you going to measure that? Does the ministry have any idea what goes on in schools? </t>
  </si>
  <si>
    <t xml:space="preserve">The whole thing is wrong and ill thought out. </t>
  </si>
  <si>
    <t xml:space="preserve">This is not about education. It's about appearances. Instead of wasting money on this, put that money into teachers. How many over paid friends and lackies of the Ministry of Education will take home fat pay cheques for this nonsense? Put this money into schools. </t>
  </si>
  <si>
    <t>I think that it is important that parents are kept informed on students' progress, and it's also important for students to know how they are doing. Also, currently, teachers have the option of copying and pasting comments. I think that all comments should be personalized to each unique individual.</t>
  </si>
  <si>
    <t>The Proficiency Scale doesn't clearly show if a student is struggling, for instance. If a student is "Emerging" in one class, does that mean that he is not passing the course?.  It is harder for parents to tell whether their child needs more support or not.</t>
  </si>
  <si>
    <t xml:space="preserve">The problem with having marks and letter grades for students starting from Gr. 10 is that sometimes it is a shock for families because they are used to the Proficiency Scale that is in place until Gr. 9. </t>
  </si>
  <si>
    <t>Assessment continuity is important.</t>
  </si>
  <si>
    <t>I think that it is great that students can learn to be more introspective and understand their own learning. Giving students more voice is extremely important, because it helps make the system less authoritarian and more empowering for students. I do think that students need some orientation, though</t>
  </si>
  <si>
    <t xml:space="preserve">Empowerment is important, but the district has the responsibility to lead and give students some guidance so that they are not just filling out a survey. </t>
  </si>
  <si>
    <t>Yes, but how would that work in reality?</t>
  </si>
  <si>
    <t>I think that ELL1 students should be allowed to do these Self-Assessments and Student Goal Setting in their home language.</t>
  </si>
  <si>
    <t>The current model works well for my family.</t>
  </si>
  <si>
    <t>I find the scale useless as the basis for the mark given is rarely understood by parents, students or even the educators/administrators. I believe that using the proficiency system in the early grades does an extreme disservice to the students in their real life experience.</t>
  </si>
  <si>
    <t>I highly agree that letter grades and percentages should be used throughout the entire education system.</t>
  </si>
  <si>
    <t>The real world does not use a proficiency scale. For example, a driving exam is a pass/fail, minimum percentages are required for university extrance, minimum percentages are required for professional designation exams.</t>
  </si>
  <si>
    <t>Students are unlikely to be objective in their self-assessment and I don't believe that they can be relied on to do so.</t>
  </si>
  <si>
    <t>Goal setting is important in life.</t>
  </si>
  <si>
    <t>How is this to be achieved and measured? This is an unrealistic expectation to be placed on educators.</t>
  </si>
  <si>
    <t>I believe that proficiency scales are useless in a real-world application. The purpose of the education system is to prepare students for the real world. I have yet to find an employer that cares about my 'proficiency scale'. I am either competent or imcompetent at my job.</t>
  </si>
  <si>
    <t>When will teachers have time to teach when mandated to do so much paperwork for reporting?</t>
  </si>
  <si>
    <t>having to provide 5 reports per course taught is not sustainable with 200 plus students a year.</t>
  </si>
  <si>
    <t>this is what is currently in place</t>
  </si>
  <si>
    <t>too much time focused on core competencies not enough on learning</t>
  </si>
  <si>
    <t>teachers do take into account their diverse learners</t>
  </si>
  <si>
    <t>Too much paperwork. Teachers already communicate both informally and formally with parents.</t>
  </si>
  <si>
    <t>The letter grade for grade 8-9 (without the percentage) should stay.  The process should not be the same as elementary school.  By keeping a letter grade it makes grades 8 + 9 a good transition into grades 10-12 where they get a letter grade AND %.</t>
  </si>
  <si>
    <t>It is a good guideline but the ability is the same regardless of what you call it so changing it during a pandemic just ads more work and stress.</t>
  </si>
  <si>
    <t>It should be as they are transitional years for post secondary.</t>
  </si>
  <si>
    <t>Do not need more work added to our workload.  Parents are already given interims, report cards, meetings.  They are aware.</t>
  </si>
  <si>
    <t>They can self assess as long as it doesn't fall on the teachers to collect and review and use the information.</t>
  </si>
  <si>
    <t>Again, not a bad thing as long as it is not another addition to what teachers need to do in their work day.</t>
  </si>
  <si>
    <t>Too many reports to read. Easier to have discussion. Educational jargon is not helpful to parents.</t>
  </si>
  <si>
    <t>proficiencies must be provide in clear terms no in educational speak.</t>
  </si>
  <si>
    <t>How is this useful to students? Too much time spent on student self assessment is less time for learning.</t>
  </si>
  <si>
    <t>Goal setting for each and every course? Or overall for the year? Redundant?</t>
  </si>
  <si>
    <t>I would hope that this is already happening. Students with diverse abilities must be provided with the supports required.</t>
  </si>
  <si>
    <t>The teachers need to spend their time teaching, not writing reports.  At secondary, teachers have 210 students.  They would need days to finish these reports.  It would take too much time away from student interaction.</t>
  </si>
  <si>
    <t>One or the other.  Expecting two types of reporting is, again, too much for teachers to do.  They are busy enough as as it is.</t>
  </si>
  <si>
    <t>Teachers already to this.  Again too much work to formally put this into reporting.</t>
  </si>
  <si>
    <t>I think goal setting the Neo-liberal and damaging to the children.</t>
  </si>
  <si>
    <t>What does any of that even mean?</t>
  </si>
  <si>
    <t>I am not happy with many of the purposed changes, but the frequency of reporting is the worst. Teachers work incredibly hard as it is.  Spending extra time writing reports is a waste of valuable resources.  Government needs to start respecting the professionalism of teachers.</t>
  </si>
  <si>
    <t xml:space="preserve">Five reports is not needed. Students need time to learn and progress before accurate assessment can be provided. This is incredibly taxing on teachers and students. We would rather spend time teaching and working with our students, than constantly putting out reports. </t>
  </si>
  <si>
    <t xml:space="preserve">This is an effective way to provide assessment for this age group. This method focusses on the learning rather than the need for constant marking. It's important to nurture our learners to value learning, as it is a life-long journey. This supports the growth-mind set for our learners. </t>
  </si>
  <si>
    <t xml:space="preserve">This is an effective way to provide assessment . This method focusses on the learning rather than the push for achieving percentage points in their learning. It's important to nurture our learners to value learning, as it is a life-long journey. This supports the growth-mind set for our learners. </t>
  </si>
  <si>
    <t>Self-assessment is very important for learners.</t>
  </si>
  <si>
    <t xml:space="preserve">Let's meet our learners where they are at. Set goals that work best for their needs rather than expecting everyone to achieve the same thing. </t>
  </si>
  <si>
    <t xml:space="preserve">Too much reporting... take the energy and spend it working with students to support their learning. Teachers are not machines. </t>
  </si>
  <si>
    <t>I have 210 students.  When do you think I have time to do all those reports.  It is over 1,000 reports per year.  I dedicate my life to teaching my students, not writing reports.</t>
  </si>
  <si>
    <t xml:space="preserve">The formal written reports as pretty much the only feedback we get from teachers. Having to wait until more than half way through the year is far too long to wait. Meetings with the teachers always include the students, which is not helpful for speaking freely adult-to-adult. </t>
  </si>
  <si>
    <t xml:space="preserve">There is far too much leeway - some teachers will say that and "E" is like an A+ and others will say it's an A/B while others will say that "A" is like a B while others treat it as a "C". With no percentages or real consistency, it's very hard to know how the student is actually doing.
</t>
  </si>
  <si>
    <t>It is written black and white and not open to interpretation.</t>
  </si>
  <si>
    <t>IN ADDITION TO, never in place of, as has happened in the other grades.</t>
  </si>
  <si>
    <t xml:space="preserve">Good students will often be very hard on themselves. It's not realistic to always have students telling how they're doing, as it's very biased.
</t>
  </si>
  <si>
    <t>I don't think the students go back to look at the goals they set. They are going about learning and staying on top of things. Far too much time spent on introspection and not enough on education!</t>
  </si>
  <si>
    <t xml:space="preserve">Fo course all learners should be included. Not always in the same classes as everyone else, but no one should be left out of having a good education. </t>
  </si>
  <si>
    <t>High school Teachers have many more students than elementary teachers. Having more anecdotal feedback in the reporting schedule would greatly increase high school teachers' workloads.</t>
  </si>
  <si>
    <t xml:space="preserve">I would be more satisfied if there wasn't also a letter grade along with the proficiency scale as they don't properly align. </t>
  </si>
  <si>
    <t>There is no valid reason to keep percentages for senior students. Universities do not require this for admissions. They have students from all over using only letter grades, GPAs or proficiency scales for their admission applications. Why do seniors need a different assessment model than juniors?</t>
  </si>
  <si>
    <t>I would be satisfied if it was the only option.</t>
  </si>
  <si>
    <t>I would be satisfied if this did not increase workload for teachers. If students can self report on MyEd BC and teachers can facilitate that would satisfy me.</t>
  </si>
  <si>
    <t xml:space="preserve">I would be satisfied if we had a manageable workload for this to work. Large class sizes with no composition limits is not conducive to individualized learning.
</t>
  </si>
  <si>
    <t>There is no valid reason to keep a percentage system for seniors if it's not being used for juniors.</t>
  </si>
  <si>
    <t>The number of reporting events per year is adequate, but the wording in the policy around the frequency for students in a semester (or quarter) system is unclear in that teachers must report the same number of times in a much shorter period.</t>
  </si>
  <si>
    <t>Parents must be made aware of examples of student work at each level of the proficiency scale so they can speak with their child about the child's progress.</t>
  </si>
  <si>
    <t>Has there been discussion with post-secondary institutions about the changes to curriculum, assessment, and reporting in the K-12 system?  Will PSIs recognize and adjust their application processes and intake practices to reflect this reality?</t>
  </si>
  <si>
    <t>It is unclear how the proficiency scale and letter grade/percent system are compatible.</t>
  </si>
  <si>
    <t>Reflection on Core Competencies is important, and it may beneficial to also reinforce for students and parents the cumulative nature of these self-assessments from K-12</t>
  </si>
  <si>
    <t>This ties in very explicitly to Career Education curriculum and goals.</t>
  </si>
  <si>
    <t>No comments at this time</t>
  </si>
  <si>
    <t>Wording of this part of the policy seems unclear.</t>
  </si>
  <si>
    <t xml:space="preserve">The increased reporting time will take away teacher time for preparation of engaging lessons to meet the needs of diverse learners. The increased time spent on reporting is not compensated by decreasing curriculum content expectations. </t>
  </si>
  <si>
    <t>While agreeing with the proficiency scale as an assessment tool. I do not agree that the format of this rubric helps facilitate the growth mindset in students. Instead, a growth mindset can be reaffirmed using formative assessment over summative means.</t>
  </si>
  <si>
    <t>Provide a numerical grade for these levels is for application and entrance to post secondary institutions. The objective of the public education system should be to encourage/facilitate all students to be able to enter a post secondary. This does not address the need for differentiation of learners.</t>
  </si>
  <si>
    <t>Instead of the increased reporting by teachers, putting the responsibility on students and their families to set goals and have check-ins on their progress towards these goals seems more useful.</t>
  </si>
  <si>
    <t>This again takes away time for teachers to prepare engaging lessons and units to meet these diverse needs. There needs to be MORE time given to teachers for assessment. If diversity and inclusion are a priority than the resources to address those needs must be part of a teachers job WITH support.</t>
  </si>
  <si>
    <t>As a teacher working during the pandemic, it seems like the solution is always to add more work to teachers. We cannot solve all the problems students have, and increasing the reporting will not change that. Instead finding ways to empower students to take charge of their own learning is key.</t>
  </si>
  <si>
    <t>I feel that we should have some formal reports as a standard but this also gives some flexibility to report in various ways.</t>
  </si>
  <si>
    <t>I think this helps to focus on Learning Standards versus points/grade chasing.  Teacher will be looking at assessment with a more holistic view.</t>
  </si>
  <si>
    <t>If this aligns with Post Secondary then it should stay the same</t>
  </si>
  <si>
    <t>I feel that working in two very different assessment worlds is not helpful.  Students then need to navigate the scales and percentages and convert one to the other.</t>
  </si>
  <si>
    <t>I am worried about supporting teachers in this addition, especially secondary and who is responsible for guiding students with this.</t>
  </si>
  <si>
    <t xml:space="preserve">In the reporting policy it says that two learning updates must be written and two can be in another format.  It says what a written report must include but not what a non written report must include. In the Background and Rationale it does say what needs to be included in a Learning update (both?) </t>
  </si>
  <si>
    <t>My dissatisfaction is not with the idea of self-assessment, but rather with the proposed policy's vagueness about how it will be managed. Does each subject teacher supervise each student's self-assessment for that course? Or will admin/counsellors oversee each student's overall self-assessment?</t>
  </si>
  <si>
    <t>Does each subject teacher supervise each student's goal-setting for that course? Or do the admin/counsellors oversee each student's overall goal-setting? I worry that the Ministry is requiring this performative act only to "tick the boxes."</t>
  </si>
  <si>
    <t>5 reports per semester is crazy! that's 10 reports per year and we already are short on time with minimal prep.</t>
  </si>
  <si>
    <t>way too much work  - the exsiting framework is really good already.</t>
  </si>
  <si>
    <t>you can't have people with disabilities or learning problems in a class.. too much work for the teacher and burnout. It is hard to manage both regular and students with diverse abilities when their skillset is all over the place</t>
  </si>
  <si>
    <t xml:space="preserve">Teacher burnout and balancing of time. If we had more DEDICATED  time to do reporting , then i'm all for it. </t>
  </si>
  <si>
    <t xml:space="preserve">In a semester system there should be two formal reports and two interim reports  - for a total of 4 reports per semester. </t>
  </si>
  <si>
    <t xml:space="preserve">Students in grades 10 to 12 only need percentages to apply for university and colleges.  There is no need for more than one system of reporting. </t>
  </si>
  <si>
    <t xml:space="preserve">Only one system of grading should be used. </t>
  </si>
  <si>
    <t xml:space="preserve">I think it's important for students growth to report on their own learning. </t>
  </si>
  <si>
    <t>The current system provides enough mandatory feedback to the students and the parents to make an accurate assessment on a student's achievement.</t>
  </si>
  <si>
    <t>Using the Proficiency Scale for high school students sets them up for failure at the Senior grade levels.  Gr. 8 and Gr. 9 teachers adjust their standards accordingly to the level of the students, so that percentages are NOT harmful, as some people like to suggest.</t>
  </si>
  <si>
    <t>This is the reality of post secondary education.  We need to prepare our students for the future and not fantasyland socialist utopia.</t>
  </si>
  <si>
    <t>Self-assessment in the core competencies is a complete waste of valuable time as the students do not care and just see it as another meaningless task added their already busy lives; especially the senior students.</t>
  </si>
  <si>
    <t>Waste of valuable class time.  A meaningless exercise.</t>
  </si>
  <si>
    <t>For high school, it is too many written reports. Too many students to make that many written reports for.</t>
  </si>
  <si>
    <t xml:space="preserve">Percent is not reliable or valid. Four point proficiency scale is better. Students could get a completely different result on the report card with a different teacher. </t>
  </si>
  <si>
    <t xml:space="preserve">Percent is not reliable or valid. Four point scale is better. Students could get a completely different result on the report card with a different teacher. Should not use percent but also four point proficiency scale. </t>
  </si>
  <si>
    <t xml:space="preserve">Give students ownership over their learning. </t>
  </si>
  <si>
    <t>I connect very regularly with all of my families so less written reporting events would be useful to me</t>
  </si>
  <si>
    <t xml:space="preserve">The time it takes to write reports and contact homes and how little time we actually have to get this done, on top of all of our other duties. </t>
  </si>
  <si>
    <t xml:space="preserve">I do not agree with the change from moving away from letter grades for grades 8 - 9. I'm fine if the proficency scale wants to be included along side letter grades as to where their mark stands, or if this profiecency scale is to replace the effort grades, but not to replace letter grades. </t>
  </si>
  <si>
    <t xml:space="preserve">Letter grades are perfectly acceptable for students in middle and/or high school. </t>
  </si>
  <si>
    <t xml:space="preserve">Just stick to letter grades. If universities move toward a proficency scale, then adopt it. Otherwise, just leave the reporting system the way it is for middle and high school students. </t>
  </si>
  <si>
    <t xml:space="preserve">While it's a great idea to try and have students hold themselves accountable for their learning, many can still barely remember to bring a pencil to class, let alone work on developing their own self-assessment of competencies. </t>
  </si>
  <si>
    <t xml:space="preserve">Again, it's great that we all want to hold students more accountable for their learning, but the theory does not match the reality that many students struggle with basic learning material, let alone theoretical educational concepts. </t>
  </si>
  <si>
    <t>The proposed change in reporting comes across as theoretically idealistic.</t>
  </si>
  <si>
    <t>This is more than now.  And the word minimum</t>
  </si>
  <si>
    <t>We are currently using a similar scale but with different words and would like flexibility to stay the same.  Also is 10-12 require letter grade then we should have it for all grades then.</t>
  </si>
  <si>
    <t>Not fair for kids not consistent across grades then</t>
  </si>
  <si>
    <t>need more training in this before it can be mandated.  Not always easy to incorporate</t>
  </si>
  <si>
    <t>Croatian</t>
  </si>
  <si>
    <t>Not enough training and/or clarification given</t>
  </si>
  <si>
    <t xml:space="preserve">Good to keep in touch with parents. </t>
  </si>
  <si>
    <t xml:space="preserve">I think it’s a ridiculously inaccurate representation of student learning due to lack of letter grades and the fact that it’s a 4 point scale. This is especially true for grades 6 and up! Confusing for parents and students. </t>
  </si>
  <si>
    <t xml:space="preserve">Letter grades are more clear, self explanatory and useful. Those that earn academic excellence should be recognized for academic excellence in our academic institutions! </t>
  </si>
  <si>
    <t xml:space="preserve">As before it’s too ambiguous and confusing for parents and students. </t>
  </si>
  <si>
    <t xml:space="preserve">Don’t find that parents really care about all the time it takes and the work put into self assessments and don’t actually look at them! </t>
  </si>
  <si>
    <t xml:space="preserve">You’ve got be kidding me! I have to report on students personal goals?! That’s ridiculous. </t>
  </si>
  <si>
    <t>Doing it.</t>
  </si>
  <si>
    <t xml:space="preserve">It’s ridiculous to have to report on someone else’s personal goals. </t>
  </si>
  <si>
    <t xml:space="preserve">Teachers will need time to complete this depth of reporting. The current prep time available is severely insufficient. </t>
  </si>
  <si>
    <t xml:space="preserve">Works better for some types of classes than others </t>
  </si>
  <si>
    <t xml:space="preserve">As stated letter grades and percentages are required for post secondary </t>
  </si>
  <si>
    <t>The proficiency scales can be valuable depending on context</t>
  </si>
  <si>
    <t xml:space="preserve">This could be valuable as long as the labour is not pushed onto teachers without consideration of prep time. Too often "best practice" is at the cost of the teacher, many of whom are already spread incredibly thin and facing burnout. </t>
  </si>
  <si>
    <t xml:space="preserve">Again, this could be valuable, but will require massive time and effort in educating students on what this means and how to do it, and who will be responsible for holding students accountable to their goals. </t>
  </si>
  <si>
    <t xml:space="preserve">This is very important. Who will be doing the labour required to accomplish this goal? </t>
  </si>
  <si>
    <t xml:space="preserve">All these proposals are positive and beneficial, however the amount of labour required to implement and uphold many aspects is significant. This labour is often pushed onto teachers whose time and energy are already spread incredibly thin doing our best to support students in a very broken system. </t>
  </si>
  <si>
    <t>Teachers are overwhelmed with workload.  Having to write these report would take away a significant amount of time dedicated to the students.</t>
  </si>
  <si>
    <t>Does not fit with what they need to graduate and apply to Universities outside of BC.</t>
  </si>
  <si>
    <t xml:space="preserve">Teachers don't have the time do this.  </t>
  </si>
  <si>
    <t>The intention is good, but there is no mention of implementation.  These reports take hours upon hours of additional work.</t>
  </si>
  <si>
    <t>There are so many things wrong with this plan that I refuse to pick only one</t>
  </si>
  <si>
    <t>2-3 times per year is plenty.</t>
  </si>
  <si>
    <t>The students are equating the proficiency scale with letter grades anyway and it also does not prepare them for university letter grade system.</t>
  </si>
  <si>
    <t xml:space="preserve">Unnecessary. Prepare them for uni around the world by using letter grades and percentages </t>
  </si>
  <si>
    <t>Young students cannot meta cognitively think and reflect accurately and reliably about their learning styles and goals.  I barely read this part ever. For older students it’s a waste of time. All the major technological advancement/ development the past 100 years has been letter grade system based</t>
  </si>
  <si>
    <t>I hope you’re not expecting teachers to shoulder this extra load.</t>
  </si>
  <si>
    <t>Isn’t this the same as we already do, just named something different??</t>
  </si>
  <si>
    <t>Just like not all students respond well to letter grades, there are a great number of students who need letter grades to motivate their performance.  Taking  out letter grades until grade 10 meets some needs, so now different students needs are met, but not everyone. So no real benefit is attained.</t>
  </si>
  <si>
    <t>Just adding one more thing to my already full teaching day, with no real benefit to me or my students.</t>
  </si>
  <si>
    <t xml:space="preserve">Once again adds more to my teaching day and is of no real benefit for my young students.  Continuing to add things I need to do in a day without taking anything out keeps making it more difficult to get in all of the core teaching I need to do with my students.  </t>
  </si>
  <si>
    <t xml:space="preserve">This is a very big expectation and I have not seen any documentation as to how this would be handled or implemented in a meaningful manner.  If it is going to be left to me to interpret this and design and implement assessments that meet this requirement. Then it has once again created more work. </t>
  </si>
  <si>
    <t>I wanted to select goal setting and self assessment but could only choose 1.  Leave these things to me informally in my class then I can set authentic goals etc. and not be forced to try to have to fit into someone else’s  model.</t>
  </si>
  <si>
    <t xml:space="preserve">The proficiency descriptors are much more appropriate than letter grades and percentages but they are too broad. Proficient can be good enough to excellent. </t>
  </si>
  <si>
    <t xml:space="preserve">If student are going to be getting proficiency scales until Grade 10, translating them to numerical values will be a false sense of achievement and an artificial construct. </t>
  </si>
  <si>
    <t xml:space="preserve">This is better than percentages, but don't give a precise enough account of a student's progress, particularly for university entrance. </t>
  </si>
  <si>
    <t xml:space="preserve">The core competency self-assessment takes too much time away from teaching. Skill development and learning should be at the forefront. Too much time being spent on social emotional stuff and not enough on basic skills. </t>
  </si>
  <si>
    <t xml:space="preserve">Giving student agency and autonomy over their learning is good. It will keep them engaged. These need to be differentiated and students need to be assessed on their individual growth and not compared to others. </t>
  </si>
  <si>
    <t xml:space="preserve">Differentiated assessment is a good thing, but teachers lack training and time to do this effectively. </t>
  </si>
  <si>
    <t>I’d rather updates on individual assignments rather than large scale, big buckets that lump several competencies together.</t>
  </si>
  <si>
    <t>Proficiency scale just makes sense. Why can’t I include hi lighted PDFs of proficiency paths into MyEd?</t>
  </si>
  <si>
    <t>We know as educators the value of providing feedback on the proficiency scale. Artificially translating this into a numerical value between grade 10-12 is counterintuitive and harms the credibility of the proficiency scale. Suddenly, those aren’t “real marks”</t>
  </si>
  <si>
    <t xml:space="preserve">Yes- just do this!
Universities will figure it out!
No more artificially translating these ideas into numbers.
Let me report on individual competencies instead of one big bucket </t>
  </si>
  <si>
    <t>Move to proficiency scale!</t>
  </si>
  <si>
    <t>Onerous for teachers and parents. Summary at the end of the year makes no sense with semester-long courses that ended months ago.</t>
  </si>
  <si>
    <t xml:space="preserve">These terms are confusing - very buzz-word and inaccessible, especially for families for whom English is not a strength (ELL, for example). The current four point scale is much clearer. Letter grades for 4-9 are a more accurate indicator of progress and prepare students for higher education. </t>
  </si>
  <si>
    <t>Letter grades and percentages are needed, especially for senior high school. They are a more accurate indicator of progress and prepare for post-secondary.</t>
  </si>
  <si>
    <t>We need to be more specific about progress for 10-12.</t>
  </si>
  <si>
    <t>The current requirement for reporting is adequate. Students are already using self-assessment on a continual basis. It is more of a benefit for them than for parents/guardians, so including it in reporting isn't useful.</t>
  </si>
  <si>
    <t>Goals are personal and not necessarily useful as part of reporting. They are more useful in class.</t>
  </si>
  <si>
    <t>Agreed - but I want to know exactly what this will look like. Does it include professional autonomy over assessment? Teachers are better equipped to make assessment inclusive as we know our students abilities and challenges.</t>
  </si>
  <si>
    <t>The terms need to be clearer and more accessible to all learners and families. There needs to be more explanation for dropping letter grades for 4-9, as I do not understand the logic and neither do families.</t>
  </si>
  <si>
    <t>These terms are confusing. Emerging sounds like it should be further along the scale than Developing. Proficient sounds more advanced than Extending. And English is my first language!</t>
  </si>
  <si>
    <t>Girls tend to be harder on themselves in self assessments than boys.
Young children require a lot of adult support in order to engage in self assessment.</t>
  </si>
  <si>
    <t>Young children require a lot of adult support in order to engage in self assessment.</t>
  </si>
  <si>
    <t>Agree in principle but very challenging to have individualized assessment with large class size.</t>
  </si>
  <si>
    <t>Work load issue for teachers. Also frustrating to put so much time into creating reports that parents find difficult to understand.</t>
  </si>
  <si>
    <t xml:space="preserve">The pilot program for reporting with the ability to send progress reports when suitable for students is more effective than set time frame that reporting must be done. </t>
  </si>
  <si>
    <t>Adding more to be reported on without giving more time to do it- meeting the needs in the classroom to the curriculum is already impossible task.</t>
  </si>
  <si>
    <t xml:space="preserve">Adding to much into requirements there is no time to teach the curriculum </t>
  </si>
  <si>
    <t xml:space="preserve">This already occurs in the classroom </t>
  </si>
  <si>
    <t>Sure same number of reports, but the increased workload proposed is concerning. Assessment and communicating student learning are critical aspects of my role as a teacher, but so too is teaching. I'm concerned that the increased workload would take away from face to face teaching time.</t>
  </si>
  <si>
    <t>There needs to be the infrastructure in place to ensure this is feasible (ie. on MyEd or something like that). This has to be something that is easy for teachers to use and accessible.</t>
  </si>
  <si>
    <t>How does the proficiency scale translate into this? While not mutually exclusive they do not necessarily align perfectly. I have concerns about a sudden shift in assessment so late in students' academic careers.</t>
  </si>
  <si>
    <t>This eases my previous concerns. Will universities/post-sec follow suit?</t>
  </si>
  <si>
    <t>Many of us already do that. I'm not sure students are deriving any meaning from it currently.</t>
  </si>
  <si>
    <t>Are students then filling out report cards for themselves too? This sounds like more work for teachers.</t>
  </si>
  <si>
    <t>This is best practice already and the best teachers do this daily. All for including it in policy. A little sad if it isn't already.</t>
  </si>
  <si>
    <t>The written learning reports</t>
  </si>
  <si>
    <t>Teachers barely have time as is and I'm concerned that this would either eat further into free time or our instructional time with students.</t>
  </si>
  <si>
    <t>Teachers need PRO D days to be trained and educated with the new reporting format. Currently, school districts only offer AFTER SCHOOL time for training which is not right. Teachers already are over worked and innundated with so much. Training is required for teachers during PRO D.</t>
  </si>
  <si>
    <t xml:space="preserve">Grades 10 to 12 should have only % or grades </t>
  </si>
  <si>
    <t>Students can see how and where they can improve and what they are already doing well.</t>
  </si>
  <si>
    <t>Self inquiry on paper sounds and looks good but it is not practical and realistic for every student in BC. Students have to be very driven and motivated in order to do well with their inquiry otherwise it will not be done.</t>
  </si>
  <si>
    <t>teachers are NOT trained to work with special needs or students requiring IEPs... teachers need to be specifically trained in that area if teachers are to assess these students.</t>
  </si>
  <si>
    <t>Diversity and inclusion require teachers to have the special training to assess and currently, teachers do not have this training so it is unfair to expect teachers to report accurately and to assess accurately for diversed and inclusive teachers in the classroom.</t>
  </si>
  <si>
    <t>WIth well over 100 students per semester this would be a staggering amount of writing to report. It makes me wonder am I not going to do in order to find the time for this.</t>
  </si>
  <si>
    <t>It is confusing for parents and students and doesn't clearly give a picture of where the student is at with any given course or topic in a course</t>
  </si>
  <si>
    <t>Very clearly shows where the level of understanding or ability is and is also used and understood universally in post secondary and the working world</t>
  </si>
  <si>
    <t>why? the %/letter grade works and is more clear</t>
  </si>
  <si>
    <t>reflection and personal accountability are excellent goals but it is not so easy to have students take it seriously or have buy in</t>
  </si>
  <si>
    <t>highly unlikely to work and takes away from learning time and will be a lot more work for the teacher</t>
  </si>
  <si>
    <t>I await the inservice</t>
  </si>
  <si>
    <t>the current system is already fine</t>
  </si>
  <si>
    <t xml:space="preserve">Too frequent. Teachers already engage in informal reporting with students and families. These feels like an added yet unsupported workload increase for teachers. </t>
  </si>
  <si>
    <t xml:space="preserve">As a high school teacher this language does not align with how we need to report in order to ensure students have access to post secondary programs. Having to combine the use of proficiency scale language as well as conventional reporting feels unnecessarily arduous. </t>
  </si>
  <si>
    <t xml:space="preserve">We need to ensure students are not harmed by a system that doesn’t align with post secondary requirements. </t>
  </si>
  <si>
    <t xml:space="preserve">Is there any evidence to prove that using this style of reporting at the secondary level makes any difference in student learning? As there has not been widespread teacher education on the use of the proficiency  scale, any possible benefits will be rendered inert. </t>
  </si>
  <si>
    <t xml:space="preserve">When is this to be done? By which teacher or subject area? Kids do not take things seriously if they see no connection to what they are doing. The implementation of this would have to be done in a way that got both teacher and student buy in. The practicality of this has not been thought through. </t>
  </si>
  <si>
    <t xml:space="preserve">Again, I’m concerned about when this will be done and by whom? Buy in is key for anything to be meaningful. There is no point to doing this if it isn’t rolled out in a way that honours these key aspects. </t>
  </si>
  <si>
    <t xml:space="preserve">There is a lot of colonial language used in this document. How is this document inclusive and responsive to reconciliation? </t>
  </si>
  <si>
    <t>Not enough training or clarity on this in order to make it meaningful in secondary. Too much to expect of teachers to do both styles of reporting. And to what end?!</t>
  </si>
  <si>
    <t>As a teacher I am concerned about my workload to comprehensively facilitate these 5 learning updates. Writing formal assessments takes a significant amount of time outside of my scheduled work hours. Additionally, non-written learning updates (student-leds etc) also takes significant time to plan.</t>
  </si>
  <si>
    <t>I believe the language along with descriptive feedback tied in with the competencies provides a better insight and flexibility in assessment especially when compared with letter grades.</t>
  </si>
  <si>
    <t>It seems as though the ministry is bending to the will of post-secondary institutions who are unwilling to change their standards for academic success.</t>
  </si>
  <si>
    <t>By assigning letter grades to proficiency scale language, I am worried that parents/caregivers/students will ignore the descriptive feedback from elementary and just associate each level of the scale with a letter grade.</t>
  </si>
  <si>
    <t>I think student self-assessment and voice is important to be included in formal reporting but exemplars must be provided to teachers at each grade level. As an aside, I would enrougage the ministry to provide release time for school staff to develop their own reflective activities for their contexta</t>
  </si>
  <si>
    <t>See above - I think goal setting is an excellent practice, but teachers/school staff must be provided with release time or professional development that is context-specific.</t>
  </si>
  <si>
    <t xml:space="preserve">With an already overwhelming workload, teachers can’t possibly add yet more to their plates and still provide a productive and positive learning environment for students. The demand on teacher’s time will take away from student time. </t>
  </si>
  <si>
    <t xml:space="preserve">Choose one and stick with it. Providing more than one option is confusing and unnecessarily time consuming to produce, especially when high school teachers potentially deal with hundreds of students per semester. </t>
  </si>
  <si>
    <t xml:space="preserve">With an elementary class of under 30 students all year this may be possible, but high school teachers trying to track down hundreds of students every year, 5 times a semester, it would be near impossible. </t>
  </si>
  <si>
    <t xml:space="preserve">Again.. at a high school level, far too many students to have to potentially keep track of yet another piece of the reporting puzzle. </t>
  </si>
  <si>
    <t xml:space="preserve">Language around this is too vague. What exactly is this going to look like? </t>
  </si>
  <si>
    <t xml:space="preserve">It is a ridiculous workload ask for teachers.  </t>
  </si>
  <si>
    <t>It's a fair workload for teachers and gives opportunities for students/parents to check in if they are not already engaged with online gradebooks/portfolios,</t>
  </si>
  <si>
    <t>There is no consistency in meaning of the proficiencies.  Parents and students do not understand/engage with this system and gloss/glaze over the "Eduspeak" of the language used for competencies and disengage.  Not enough grading options to demonstrate progress/growth.</t>
  </si>
  <si>
    <t>It's not perfect but consider it a proficiency scale with more data for students/parents/teachers to extrapolate meaning.  Students are more engaged with their learning and parents understand it.</t>
  </si>
  <si>
    <t>It doesn't work in K-9 so don't bring it to 10-12.  Grading rubrics are helpful for feedback but having four proficiencies leaves out a lot of room for feedback.</t>
  </si>
  <si>
    <t>The roll out of this is imperfect as we need to teach students to reflect.  When they do not understand the grading model it is superficial at best.</t>
  </si>
  <si>
    <t>It's a nice idea but unless you have proper assessment that allows students to understand their progress (ie NOT the proficiency scale), they will not be able to goal plan effectively.</t>
  </si>
  <si>
    <t>We do not need a proficiency scale that is based on fudging to do this.  We need more supports in classroom to help these students reach their goals!</t>
  </si>
  <si>
    <t>I was in the pilot group for the last five years and it does not make students take ownership of their learning.  It confuses them and their parents.  There is no consistency in its use among teachers and if you take away the ability to measure student progress like this, we will all suffer.</t>
  </si>
  <si>
    <t>Teachers in grades 8-12 have approximately 200 students that they are responsible for in reporting. We are not given any time to complete these reports and have to complete it unpaid and on our own time. In a semestered system we don't even know the ability of our students by the first report.</t>
  </si>
  <si>
    <t>It does not provide an adequate picture into the students skill level. When they get into grade 10 they then struggle. Most feedback is cut and paste because TEACHERS DO NOT HAVE TIME!!</t>
  </si>
  <si>
    <t>This is exactly how post-secondary institutions grade and they should be aware of it. The problem is that when they come from a proficiency system it is a wake up call to students as to where they really stand and it causes greater anxiety and lower grades.</t>
  </si>
  <si>
    <t>This is not how post-secondary is structured and set's students up for disappointment. It is not an adequate refelction of their ability and skill levels.</t>
  </si>
  <si>
    <t>Students need to be able to reflect and work towards a growth mindset.</t>
  </si>
  <si>
    <t>Students need to set goals for the future and find ways to accomplish them for a fuller and productive personal and professional life.</t>
  </si>
  <si>
    <t>It hinders the ability of the classroom teacher to meet the needs of all students - too much work for one person therefore not able to assess thoroughly.</t>
  </si>
  <si>
    <t xml:space="preserve">NOT ENOUGH TIME!!!! As stated before, secondary teachers are responsible for up to 200 students and are not provided with time to complete these forms of reporting. We also are continually keeping parents and students in the loop all year long as we complete our formative and summative assessments. </t>
  </si>
  <si>
    <t xml:space="preserve">The amount of reporting will increase secondary school teachers' workload dramatically, especially in the semester system.  Reporting this frequently will not allow enough time for students to demonstrate growth between reports, thus contributing to feelings of inadequacy.  </t>
  </si>
  <si>
    <t>Moving away from numeric marks is great for all students. focusing on strengths and areas for improvement will foster personal well being in students</t>
  </si>
  <si>
    <t>We should not be basing public education reporting practices on the expectations of private institutions.</t>
  </si>
  <si>
    <t>Mandated goal setting does not work for everyone and can stifle spontaneity and adaptability.</t>
  </si>
  <si>
    <t>The frequency of reporting will force teachers to spend more time writing and less time with their students and it will take teachers away from their countless volunteer positions in their school (coaching, sponsoring clubs, committee members, etc.) drastically affecting school culture and community</t>
  </si>
  <si>
    <t>We are currently using that exact language in our reporting.</t>
  </si>
  <si>
    <t>We already do this too.</t>
  </si>
  <si>
    <t xml:space="preserve">Adults in the students lives need to be informed of how their child is progressing, the interviews at the beginning of the year to touch base and written reports following are frequent enough to connect with parents. </t>
  </si>
  <si>
    <t xml:space="preserve">The proficiency scale allows for progress to be viewed. </t>
  </si>
  <si>
    <t xml:space="preserve">For some students, reflecting is challenging. </t>
  </si>
  <si>
    <t xml:space="preserve">Teachers teacher goal setting but for it to be required on every report is too much. </t>
  </si>
  <si>
    <t xml:space="preserve">Two full report cards and 2 sets of OCSLs,plus regular email phone and in person interviews add up to a huge amount of work added on to planning and teaching. </t>
  </si>
  <si>
    <t xml:space="preserve">I think it works for grade k-7 or k-8. By grade 9 students are looking for grade and percentage feedback. It seems to affect how much work they are willing to put in if it is a vague assessment scale. </t>
  </si>
  <si>
    <t xml:space="preserve">I think grade 9-12 could use both scales so students who struggle could see where they fall and understand importance is on the improvement and not on a percentage. But those who value percentages are engaged enough to work hard. </t>
  </si>
  <si>
    <t xml:space="preserve">Only if it’s used with the grade/percentage system. </t>
  </si>
  <si>
    <t xml:space="preserve">Works well with assessments and keeps kids engaged in and responsible for their own learning. </t>
  </si>
  <si>
    <t xml:space="preserve">This could be the work of career Ed teacher, counsellors, but not full time teachers. </t>
  </si>
  <si>
    <t xml:space="preserve">This is unclear as to what it entails. </t>
  </si>
  <si>
    <t>I feel that the number of reporting as well as the amount of written feedback needed is excessive.  I provide clear rubrics and continually feedback to my students as we progress.  I feel that this proposed policy does not make sense and it's redundant.</t>
  </si>
  <si>
    <t>I currently use it with my students, some like it others do not understand and prefer letters or percentages</t>
  </si>
  <si>
    <t>within my current rubrics there are core competencies and students reflect of their work and learning</t>
  </si>
  <si>
    <t xml:space="preserve">Too much reporting that is meangingless in the language used.  Go back to percentages and letter grades.  Those make sense.  </t>
  </si>
  <si>
    <t>It does not make any concrete sense.  What is the difference between developing and proficient.  It can be philsophically explained however, it is not concrete.  A number is.  When I hear 55% I know my child needs to get after it.  When I hear developing that doesn't tell me anything.</t>
  </si>
  <si>
    <t>It makes sense</t>
  </si>
  <si>
    <t>see above.  It is all so vague and varialble</t>
  </si>
  <si>
    <t xml:space="preserve">They are kids, not teachers.  </t>
  </si>
  <si>
    <t xml:space="preserve">Funny as the the curriculum is set so wouldn't the goal be to learn the curriculum?  Again, another vague idea based on philosophy rather than practiccality.  A students makes a goal and what if they don't reach it or even strive for it?  </t>
  </si>
  <si>
    <t>Proficiency scale is hollow and meaningless.  It lacks entirely and is a disservice to students, parents and teachers.</t>
  </si>
  <si>
    <t xml:space="preserve">This isn't a change from the current reporting frequency, which has been the same for years. </t>
  </si>
  <si>
    <t>This is much more informative than a letter grade, but parents may have a hard time understanding this information.</t>
  </si>
  <si>
    <t>The public school system should not make decisions based on post-secondary institution "wants". If letter grades were discontinued, universities and colleges would have to develop a new system for entry requirements.</t>
  </si>
  <si>
    <t>One or the other.  Get rid of letter grades, or use the proficiency scale.  Both is an unreasonable amount of work for the teacher, and devalues both systems.</t>
  </si>
  <si>
    <t>How will this be accomplished? Does every school have to figure out how to gather and report out all this information?</t>
  </si>
  <si>
    <t>When and where will this goal setting take place?  Who will supervise the process?</t>
  </si>
  <si>
    <t>If a school district decides to use this option, they will greatly increase the workload of any teacher with Grade 10 -12 courses in their teaching load during report card time.</t>
  </si>
  <si>
    <t>where are the supports! years of underfunding; watering down or even elimination of district staf/ELL/SPED/LAC/Libraries  oh right we call them resource teachers and we slash their positions and now we want classroom teachers to take this all on</t>
  </si>
  <si>
    <t xml:space="preserve">Added load onto teachers who are already juggling so much as it is. Teachers are not paid enough for the extra work they are doing in a school year. This added reporting would cause more stress and anxiety in an already high anxiety job </t>
  </si>
  <si>
    <t xml:space="preserve">How would kindergarten students understand self reflection in the first term? </t>
  </si>
  <si>
    <t xml:space="preserve">How would kindergarten-gr.4 students be able to reflect within the first term? 
Students having one on one conferences with teachers each term would be impossible as time taken away from curriculum would be astronomical </t>
  </si>
  <si>
    <t xml:space="preserve">Detailed, written reports on proficiency and competencies for roughly 120 student, 3+ times per year in high school is unrealistic for high school teachers unless given a significant amount of time for report writing. </t>
  </si>
  <si>
    <t xml:space="preserve">Percentages are more specifically reflective of the students' abilities and are recognized by post-secondary institutions, which is important for many students. </t>
  </si>
  <si>
    <t xml:space="preserve">Jumping from proficiency scale to a sudden letter grade at the end, and then to percentages in the senior years of high school will cause a lot of uncertainty and confusion in students, parents, and even teachers. </t>
  </si>
  <si>
    <t xml:space="preserve">Significant increase in teachers workload for grade 8/9 teachers who teach in a secondary school and have up to 120 students per term. Parents love the current continuous reporting model we use but I can't see how I can sustain both models. </t>
  </si>
  <si>
    <t>Students will not get letter grades until they are on the graduation pathway and the marks go on their transcripts? My grade 8/9 students say they prefer letter grades and don't want to go back to the 'elementary model'.</t>
  </si>
  <si>
    <t>We need to continue to align with post secondary institutions.</t>
  </si>
  <si>
    <t xml:space="preserve">Unnecessary duplicity and would be confusing for everyone.  Choose one method and stick to it. </t>
  </si>
  <si>
    <t xml:space="preserve">Grade 8/9 students in a secondary school should have the same reporting methods as their older peers.  Grade 8/9 teachers in a secondary school are not generalists and have up to 120 students to report on during each reporting period.  </t>
  </si>
  <si>
    <t>lack of supports for teachers to learn about implementing the new reporting order
the potential for a significant increase in teacher workload to meet the new reporting requirements</t>
  </si>
  <si>
    <t>a disconnect between the draft reporting order and the needs of distributed, distance, and blended learning models</t>
  </si>
  <si>
    <t>a disconnect between the draft reporting order and the needs of distributed, distance, and blended learning models
lack of guidance from the Ministry to ensure consistent approaches across the province in implementing the new reporting order</t>
  </si>
  <si>
    <t>lack of guidance from the Ministry to ensure consistent approaches across the province in implementing the new reporting order
the potential for a significant increase in teacher workload to meet the new reporting requirements</t>
  </si>
  <si>
    <t>inclusion of colonial language and structures in the reporting order</t>
  </si>
  <si>
    <t xml:space="preserve">Post-secondary institutions must show some growth/adaptability in their terms of admission
The sudden change from proficiency scales to percentages between intermediate and secondary grades is unnecessary </t>
  </si>
  <si>
    <t>It gives me insight into how my children are progressing and what the teacher is doing.</t>
  </si>
  <si>
    <t>I do not get a clear indication as to how my children are doing and if they are struggling I am not told that until it is too late. This does not allow me to advocate for my child's educational needs. Comments are not helpful nor detailed.</t>
  </si>
  <si>
    <t>I want my children to attend post-secondary like me and they need to be prepared for the type of assessment they use.</t>
  </si>
  <si>
    <t>How does this prepare them for post-secondary???</t>
  </si>
  <si>
    <t>Its just a bunch of questions that they answer rather than actual reflection on their strengths, weaknesses, and what they should be doing and how.</t>
  </si>
  <si>
    <t>They just write the goals but their is no active work to reach the goals that they state. It become superficial.</t>
  </si>
  <si>
    <t>Due to inclusivity I did not get or realize that my younger son required LST support. If the reporting was direct and had mentioned that he was FAILING, I would have realized that there were learning issues and worked to advocate for supports instead of waiting for 4 years.</t>
  </si>
  <si>
    <t>It does a disservice to students that struggle - being marked as emerging does not provide us with the information needed to determine if our child has a learning issue. It is too late when we realize.</t>
  </si>
  <si>
    <t>There has been a report card every month this year (for secondary students). 30 Students x 4 Classes = 120 reports. At only five minutes per report, that is ten hours. This is impossible to do in addition to creating my own textbooks and rubrics that the ministry no longer provides for my courses.</t>
  </si>
  <si>
    <t xml:space="preserve">This is what we are already doing, and it is well and good, but we are doing this way too often. Also, MyEdBC is not set up for this, so we need the infrastructure first. </t>
  </si>
  <si>
    <t xml:space="preserve">Call it an A or an Extending, it makes very little difference to the student. However, it makes a world of difference to immigrant families struggling to understand our system. It makes an even bigger difference to students trying to understand post-secondary institutions. </t>
  </si>
  <si>
    <t xml:space="preserve">This is a pointless change that foists more work onto teachers. </t>
  </si>
  <si>
    <t xml:space="preserve">Students already do this and it is working well. </t>
  </si>
  <si>
    <t>There is no proposed framework for this, and I am concerned that this will end up being another thing we have to design ourselves.</t>
  </si>
  <si>
    <t>I would like to see clear directions for schools using a semester system. For example, a student may take Physics 11 in first semester. Should they receive  4 updates during the 18 week semester and a written summary at the end of the semester? That would be providing updates once every month.</t>
  </si>
  <si>
    <t>Students need to learn and practice self-assessment of the Core Competencies. How can this be accomplished in addition to the Learning Standards during class time?</t>
  </si>
  <si>
    <t>This provides the opportunity to connect with families throughout the course of the year.</t>
  </si>
  <si>
    <t>To do this for every subject will increase the workload of elementary teachers significantly.</t>
  </si>
  <si>
    <t>It is important at this level to know how students are performing.</t>
  </si>
  <si>
    <t>Self-assessment is very time consuming to implement with younger students.</t>
  </si>
  <si>
    <t>This would take away much needed time to develop the basic skills with the younger students.</t>
  </si>
  <si>
    <t>It is impractical to assess some of the students with moderate to severe disabilities in the same activities as their peers.</t>
  </si>
  <si>
    <t xml:space="preserve">Many teacher have over 120 students in a semester, it is not sustainable or manageable to provide descriptive feedback for without any extra prep time. </t>
  </si>
  <si>
    <t xml:space="preserve">what will the self assessment format would look like, is it done in every single course the student takes?  </t>
  </si>
  <si>
    <t xml:space="preserve">what will the goal setting format would look like, is it done in every single course the student takes?  </t>
  </si>
  <si>
    <t>how will students with learning disabilities or language learners complete self assessment evaluations?</t>
  </si>
  <si>
    <t>More time and clarity needed on how these assessments will be implemented in an authentic and sustainable way</t>
  </si>
  <si>
    <t>Would a teacher on a semester system then be completing six per year as there would actually be summarizing assessment at end of first semester?</t>
  </si>
  <si>
    <t xml:space="preserve">I do not teach these grades and cannot speak to this decision. </t>
  </si>
  <si>
    <t xml:space="preserve"> Letter grades are subjective and do not demonstrate level of skill or proficiency within specific competencies covered by a course.  I am disappointed to see a colonial and highly institutional grading system remain as our primary form of reporting. </t>
  </si>
  <si>
    <t xml:space="preserve">Proficiency scale demonstrates level of skill in a specific competency. </t>
  </si>
  <si>
    <t xml:space="preserve">Student self-reporting works well when students are taught how to engage in and assess their own learning. </t>
  </si>
  <si>
    <t xml:space="preserve">The more we teach our students how to assess their personal learning goals, the more successful they will be. </t>
  </si>
  <si>
    <t xml:space="preserve">Every student deserves to be supported in learning goals. </t>
  </si>
  <si>
    <t xml:space="preserve">I wish “slightly unsatisfied” was an option because I’m not completely unsatisfied, but not neutral either.  Again, letter grades do not speak to students’ actual skills and abilities. </t>
  </si>
  <si>
    <t xml:space="preserve">Assessment is not an authentic measure of learning until the end of the school year. 
Teachers focused on frequent assessments are less able to make content meaningful because of their heavy workload.
</t>
  </si>
  <si>
    <t>percentages alone do not capture the complex full learning profile of a student.</t>
  </si>
  <si>
    <t xml:space="preserve">While I think students' ability to self-assess is good for students, making it a documented requirement only serves to open the door to overworked teachers steering student responses. </t>
  </si>
  <si>
    <t>Appropriate for secondary, but not for elementary.</t>
  </si>
  <si>
    <t xml:space="preserve">Teachers are overburdened with classrooms full of diverse learners for whom there is insufficient support. They cannot possibly produce an authentic assessment of students they have insufficient resources to support and manage. </t>
  </si>
  <si>
    <t xml:space="preserve">Assessment is not an meaningful measure of learning until the third term.
Teacher workload. Teacher workload. Teacher workload.
</t>
  </si>
  <si>
    <t xml:space="preserve">It is too vague, I miss the letters or numbers grading. </t>
  </si>
  <si>
    <t>Letter grades and % for all students, not only grades 10-12</t>
  </si>
  <si>
    <t>I would love to be 100% aware or my kids grades before they enter grade 10. I believe this is the only way.</t>
  </si>
  <si>
    <t>I feel that parents are kept well informed and they have constant information about their students.</t>
  </si>
  <si>
    <t>There is confusion regarding the extending part of the scale.  Parents often expect that extending is equivalent to an "A".</t>
  </si>
  <si>
    <t xml:space="preserve">It is important that there is standard that is equivalent throughout the entire country so students have the ability to compete fairly for all post secondary institutions. </t>
  </si>
  <si>
    <t xml:space="preserve">This would create confusion and subjectivity. </t>
  </si>
  <si>
    <t>For the younger students,  they don't yet understand and are not yet subjective enough to complete this. The older students show disdain and do not complete it with careful thought,  they say what wants to be heard.</t>
  </si>
  <si>
    <t xml:space="preserve">Again this is time consuming and less useful when in competition for teaching time.  There is not enough time to cover the standard curriculum,  when you add this it takes away time from other valuable learning. </t>
  </si>
  <si>
    <t xml:space="preserve">The current reporting system allows for diverse forms of evaluation and communication.  </t>
  </si>
  <si>
    <t xml:space="preserve">There will an unreasonable increase in workload for teachers.  Teaching is a challenging job that takes everything,  if the work load continues to increase the health of our teachers is greatly at risk. </t>
  </si>
  <si>
    <t xml:space="preserve">Words are irrelevant to children.  Unless they can actually see the rise in their grade it means nothing to them. This is also not how real life works.  We need to be taught what grades mean, and how will they get to university without this understanding </t>
  </si>
  <si>
    <t>This is how the world works</t>
  </si>
  <si>
    <t>Stop using language that parents and teachers do not understand or relate to</t>
  </si>
  <si>
    <t>Brutal, we do not need to do this. The language is confusing, kids lie, and teachers do not have time to pretend this matters. Relationships and community matter to help raise a confident child</t>
  </si>
  <si>
    <t xml:space="preserve">Only the elite students get anything from this , the rest do not care or understand or have the capability.  We are teachers here to teach not psychologists </t>
  </si>
  <si>
    <t xml:space="preserve">Great philosophy with no money and no support </t>
  </si>
  <si>
    <t xml:space="preserve">Student goal setting </t>
  </si>
  <si>
    <t>It does not work and is a waste of time</t>
  </si>
  <si>
    <t>I don't believe that providing a written report in the first 25% of the year would be an accurate representation of what the students know and can do.</t>
  </si>
  <si>
    <t>I find there is much more of a focus on the comments instead of just letter grades or percentages.</t>
  </si>
  <si>
    <t>It's important for students to become accustomed to letter grades and percentages.</t>
  </si>
  <si>
    <t>This could also be helpful to students.</t>
  </si>
  <si>
    <t>It's a good way to show what students know.</t>
  </si>
  <si>
    <t>This would create a lot of extra work for teachers.</t>
  </si>
  <si>
    <t>It is unnecesary to be constantly documenting changes.  The focus should be on 'teaching' not constantly documenting!</t>
  </si>
  <si>
    <t>Whatever the language says is not particularly relevant as it communicates the same information</t>
  </si>
  <si>
    <t>This is important so that BC students are still able to apply to post-secondary institutes outside of BC and around the world.  Without % and Grades this would be an exercise in futility.</t>
  </si>
  <si>
    <t>Adding this language is not any great addition as the letter grades should be a clear indication of whether your child is 'Proficient' or any other term.</t>
  </si>
  <si>
    <t>Self-assessment of these 'general topics' is fine... but in my opinion not extremely relevant to passing a course or grade level or having any greater comprehension of learning.</t>
  </si>
  <si>
    <t>A tool that all people can benefit from as a life skill and most learners would benefit from being taught more explicitly how to effectively 'set goals', rather than just assuming that it is something that all students just know how to do.</t>
  </si>
  <si>
    <t>The old reporting system did the same thing in my opinion.  Thinking this system is vastly different from any other reporting system used in past years, with the exception of the bombardment of information to families, is a miscue.</t>
  </si>
  <si>
    <t>I don't feel teachers should be spending their time constantly documenting progress, I would rather have them planning interesting learning opportunities for my child.  As a parent I don't want to be receiving a constant flow of assessment snapshots - 3 written reports is sufficient for me</t>
  </si>
  <si>
    <t>The report that came out last year with the "emerging, proficient, etc.  while it provided a lot of information it was all in teacher mumbo jumbo and means nothing. Want letter grade.</t>
  </si>
  <si>
    <t>How is a parent to know how a student is doing in comparison to everyone.  Is my child behind?  What is emerging - means nothing.  Proficient - compared to what. Give me a percentage and a letter grades.</t>
  </si>
  <si>
    <t>This makes sense and is understandable.  Don't fix what is not broken.</t>
  </si>
  <si>
    <t>Don't fix what is not broken.</t>
  </si>
  <si>
    <t>This is again loaded with teacher talk  - core competencies - what is this?  What does it mean to me as parent.  How does this help my child.  How long will this take for my kid to do - I'd rather they spend the time learning in class.</t>
  </si>
  <si>
    <t>I really don't want this on the report card.  Last years report card ended up almost 9 pages in length - dumb.</t>
  </si>
  <si>
    <t xml:space="preserve">I don't even understand the question you are asking.  What does inclusive of all learners mean? </t>
  </si>
  <si>
    <t xml:space="preserve">Seems a waste of teacher time and resources. </t>
  </si>
  <si>
    <t>How does this prepare kids for the real world?  Kids don't fail anymore they just get pushed through as "emerging" and then what. If they don't know their stuff they should not be move on.  Learning is important treat it as such. Make it a value or a bar you have to get over.</t>
  </si>
  <si>
    <t xml:space="preserve">The draft changes the language around these reports and it increases workload significantly. </t>
  </si>
  <si>
    <t xml:space="preserve">Teaching the core competencies takes a lot of time and effort and if students are required to reflect on them meaningfully FIVE times, we don't have the time to teach that. I teach the core competencies all year long, but a six year old can only put the words or ideas to it after working on them . </t>
  </si>
  <si>
    <t>Stop putting more work on teachers. We have the pandemic safety measures, distance ed, health, and educational goals on our shoulders as well. This is not okay. BACK OFF.</t>
  </si>
  <si>
    <t xml:space="preserve">Having five assessments per year per subject matter is an u reasonable ask of teachers. They must instruct, observe and assess before reporting out. This is an unreasonable amount of written assessment and evaluation for a teacher to undertake that will not produce meaningful, authentic reflections </t>
  </si>
  <si>
    <t xml:space="preserve">I like this language and use it in my classroom. I feel it encourages positive, growth mindset with regards to learning </t>
  </si>
  <si>
    <t xml:space="preserve">I would be concerned with the number of self assessments students would have to perform. Again if this assessment is meant to be meaningful and authentic, it need not happen excessively </t>
  </si>
  <si>
    <t xml:space="preserve">Again, three written documents - two learning updates and a summation of learning - is excessive. I would appreciate more open means of conveying student learning like digital or physical portfolios, celebrations of learning, authentic conversations, et cetera. </t>
  </si>
  <si>
    <t>Unreasonable amount of work for teachers</t>
  </si>
  <si>
    <t>Uncomplicated and creates less anxiety around percentages</t>
  </si>
  <si>
    <t>Only senior courses should require a percentage</t>
  </si>
  <si>
    <t>Needs further development so that it is taken seriously</t>
  </si>
  <si>
    <t>Too much work for teachers; unrealistic and time consuming</t>
  </si>
  <si>
    <t xml:space="preserve">I believe reports are a handy tool for me as a parent to see where my child learning competencies are being met or if we need extra support in areas at home </t>
  </si>
  <si>
    <t>It’s worded positively- 
Emerging is still successful and in development stage, not “ not meeting expectations “
Feels better and more respectful of the child and family</t>
  </si>
  <si>
    <t>I think it’s a good idea as some children can mature later or earlier and grasp concepts at different times, not Necessarily at that particular year or age</t>
  </si>
  <si>
    <t xml:space="preserve">I think a child having an image of them selves is always a good thing to asses where they feel strengths and weaknesses </t>
  </si>
  <si>
    <t>I really appreciate the idea of children being in control of their own educational journey</t>
  </si>
  <si>
    <t xml:space="preserve">
I think this is a good idea because true inclusiveness is seamless and therefore should be for everybody no matter their abilities needs etc.</t>
  </si>
  <si>
    <t xml:space="preserve">Letter grading In the older grades can be very intimidating. there could be a written summary of their learning competencies instead that included things about a child’s character but until these post secondary schools allow for such grading to be utilized as entry methods that grading is the only </t>
  </si>
  <si>
    <t>We are reporting too often formally. Less reporting in a more meaningful way would be more valuable (ie conferences)</t>
  </si>
  <si>
    <t>We should not be reporting in all subject areas, especially k-3. Let’s go back to the basics and focus on numeracy and literacy and health (includes careers, phys Ed, health, arts) which impact every other area of learning.</t>
  </si>
  <si>
    <t>Progression to university makes sense</t>
  </si>
  <si>
    <t>Reflecting is important</t>
  </si>
  <si>
    <t xml:space="preserve">This is important in helping students make progress </t>
  </si>
  <si>
    <t xml:space="preserve">I don't believe that the student voice is necessary. Too many reporting periods puts more unnecessary work on teachers. </t>
  </si>
  <si>
    <t xml:space="preserve">I do not believe that this scale grading system benefits or reflects true achievements. It is too broad and ambiguous. </t>
  </si>
  <si>
    <t xml:space="preserve">Percentage grading is accurate and precise. Proficiency grading is ambitious. </t>
  </si>
  <si>
    <t xml:space="preserve">Most young students are either too hard on themselves, or self glorifying. Not enough life skills too provide meaningful self assessment. </t>
  </si>
  <si>
    <t xml:space="preserve">If required for 10-12 only, yes. They are a little more ready to reasonably set achievable goals. </t>
  </si>
  <si>
    <t xml:space="preserve">I believe what is done now is meeting the requirements. </t>
  </si>
  <si>
    <t>I do not believe that accurate assessment will be completed by students. Most will says what they believe we want to hear.</t>
  </si>
  <si>
    <t xml:space="preserve">Uusing a high school semester system, there is barely enough time to develop students and then we have to report.  The teacher's workload is immensely huge with the semester system and the lack of having prep time.   I think the teacher can send an email directly to the affected student if needed.
</t>
  </si>
  <si>
    <t xml:space="preserve">I think high school reports should be offered a sliding tool like in elementary school to be allowed to show in between proficiencies. </t>
  </si>
  <si>
    <t>increased work load for teachers</t>
  </si>
  <si>
    <t>the proficiency areas need to be very clearly defined in parent friendly language</t>
  </si>
  <si>
    <t>just use the letter grades. Both are onerous for teachers</t>
  </si>
  <si>
    <t>student self assessment is essential. let teachers and students decide what it looks like
in their own classes</t>
  </si>
  <si>
    <t xml:space="preserve">again this seems to be increasing teacher workload unless very clearly defined </t>
  </si>
  <si>
    <t xml:space="preserve">again, a rubric or template needs to be developed that will include all assessments for all learners
don’t ask teachers to develop these too on top of their existing demanding workload </t>
  </si>
  <si>
    <t>teachers spend hours designing curriculum activities and making modifications and adaptations for students. Asking them to report five times a year is seriously going to increase an already demanding workload. We need to find ways to communicate informally that enable students to show what they know</t>
  </si>
  <si>
    <t>Report cards do not contribute to improved student learning.  They are a beauracratic document used for record keeping on student progress and as a measure for post secondary entrance. The new language of emerging, developing, proficient, extending is both vague and cookie cutter.</t>
  </si>
  <si>
    <t>The language is vague and not relatable to all subject areas.  As a parent it does not tell me how my child is doing in relation to peers and course objectives.  As a teacher this process takes time away from focusing on curriculum and students actual progress.</t>
  </si>
  <si>
    <t>Percentage and letter grade is a performance indicator used by post-secondary.  It is something that parents and students understand.</t>
  </si>
  <si>
    <t>Significantly increased workload for educators on something that does nothing to promote actual learning in the classroom.</t>
  </si>
  <si>
    <t xml:space="preserve">I'm guessing school districts, administrators, and teachers will be left with no information about how to achieve this on actual report cards.  Again another time consuming piece that will likely result in huge inconsistancies between districts and/or schools.  </t>
  </si>
  <si>
    <t>When it is the first time you have taken a course (electives for example) how can you possibly set goals for accomplishment in curriculum.  Taking several days out of the school year to plan educational goals with our students means lost time in class curriculm.</t>
  </si>
  <si>
    <t xml:space="preserve">We already do this.  </t>
  </si>
  <si>
    <t>Add Frequency of reporting and Student Goal Setting to things to change about the proposal.  Also, when giving people a big space to comment, how about giving them more allowed characters.  I couldn't write everything I wanted to say.</t>
  </si>
  <si>
    <t>In a semester system the first reporting period home can have little data and therefore may be really not useful or potentially misleading (inaccurate)</t>
  </si>
  <si>
    <t xml:space="preserve">Only given 4 categories. Emerging is too hope for high school students failing a course; esp. as there are a variety of reasons for failure. Also these terms are very subjective; this frightens me for fair assessment; can be vaguely applied and are a shift away from clearer understood criteria. </t>
  </si>
  <si>
    <t>Though there can be discrepancy between teacher assignments and assessment judgements, still a commonly held understanding; and is consistent with post secondary assessment. •••••These fields won't let you type much, not as much space as they show.•••••</t>
  </si>
  <si>
    <t>Added to - more work for the teacher and it is already a daunting prospect to create engaging lessons, keep up up assessment in a real and useful fair way and meet the needs of our mutlt skilled classes filled up 6-10 IEPS; often without EA support; and for with NO PREP TIME DURING THE DAY.</t>
  </si>
  <si>
    <t xml:space="preserve">Students now enter gr 8 with quite a sense of (often misplaced) personal excellence. Self assessment is not meaningful if they have a strong sense that what they do is great because that is how they do it and if there has been little effective critical thinking or use of criteria to assess skills. </t>
  </si>
  <si>
    <t>In the ideal great; in reality students are not thoughtful, ineffective students do not take it seriously</t>
  </si>
  <si>
    <t xml:space="preserve">They should be inclusive - but when and how does all this get done? with so many IEPs and "unique" students and ministry designated students?????? Such long hours required - ....... burning out here .... but now teachers who care ..... do more! </t>
  </si>
  <si>
    <t>really, throwing all these changes on teachers, with more and more diverse and needer students, more and more mentally fragile "stressed" students, less able to work and learn, and make meaning from reading or viewing, this all just seems plain silly. Do something authentic to support kids learning.</t>
  </si>
  <si>
    <t xml:space="preserve">The frequency is fine. </t>
  </si>
  <si>
    <t xml:space="preserve">Proficiency scale is suitable.  These need to be developed by teachers in each subject and each grade. Time to develop these will take time. Examples need to be provided. Inconsistent scale use between teachers is possible. Expectations for each teacher will be different. 
</t>
  </si>
  <si>
    <t xml:space="preserve">Traditional practice familiar by most. </t>
  </si>
  <si>
    <t xml:space="preserve">Too many! Use one way or the other. Both not needed. </t>
  </si>
  <si>
    <t xml:space="preserve">Students hate this. Not authentic. Just a forced bit of work that isn't useful. No buy in by anyone. </t>
  </si>
  <si>
    <t xml:space="preserve">Another hoop to jump. Not authentic.  Waste of time. </t>
  </si>
  <si>
    <t>Each student does not have an IEP and require different learning reports. This is making it harder for teacher..</t>
  </si>
  <si>
    <t xml:space="preserve">This is too much. Teachers will need so much time to complete all of this. It takes away from learning time for students to do these tasks. No examples given. </t>
  </si>
  <si>
    <t xml:space="preserve">Needs clarity </t>
  </si>
  <si>
    <t>Needs clarity</t>
  </si>
  <si>
    <t>Already not enough support</t>
  </si>
  <si>
    <t>Need adequate help before any of this can happen</t>
  </si>
  <si>
    <t xml:space="preserve">The number of reports a year is not a concern -- the detail expected in the report is. In a time when there is a teacher shortage and significant issues with recruitment and retention increasing teacher workload with no increased time to do the work is going to push more out of the profession. </t>
  </si>
  <si>
    <t xml:space="preserve">The four point scale does not offer enough nuance to be beneficial for student learning. For the grade 8-12 courses I teach I use a 6 point scale and that is often not enough to truly capture learning and growth. Growth happens in small increments, not letter grade. </t>
  </si>
  <si>
    <t>Why percentages *AND* letter grades?</t>
  </si>
  <si>
    <t xml:space="preserve">The four point scale does not offer enough nuance to be beneficial for student learning. For the grade 8-12 courses I teach I use a 6 point scale and that is often not enough to truly capture learning and growth. Growth happens in small increments, not letter grade. Please have more faith in us. </t>
  </si>
  <si>
    <t xml:space="preserve">We have had little to no in-service for Core Competencies, and the students We need tools to authentically integrate the CCs before teaching them, not to mention before asking kids to self-assess on them. </t>
  </si>
  <si>
    <t xml:space="preserve">This is too vague to offer feedback on. </t>
  </si>
  <si>
    <t>How does this promote inclusivity? This also only mention inclusion of needs, but what about other areas of inclusion?</t>
  </si>
  <si>
    <t>workload</t>
  </si>
  <si>
    <t>Teachers are tired. Its infuriating to have the ministry increase our workload without mentioning time in which this work should be done. Our plates are full; what will we have to skip doing to ensure that this work gets done properly?</t>
  </si>
  <si>
    <t>In a secondary school semester system, teachers would be expected to report formally either during all five months of the semester - or multiple times in fewer months.  This is not a reasonable addional workload for teachers, and, in most cases, it will yield little difference between reports.</t>
  </si>
  <si>
    <t>Particularly above grade 4, these categories do little to explain level of success to parents.  This is particularly difficult for parents whose first language in not English to comprehend - even if translated.  The proficiency scale may be used for some aspects of curriculum, but not as sole measur</t>
  </si>
  <si>
    <t>This is a clear cut measure of success understandable to most parents.</t>
  </si>
  <si>
    <t>Double modes of assessment are not reasonable to a teacher's workload and will take away from their time in planning meaningful lessons for students.</t>
  </si>
  <si>
    <t>The requirement for student self-assessment using this prescribed scale is adult centred and not in the least mindful of levels of development of actual students.  This is not how students describe themselves and their work.</t>
  </si>
  <si>
    <t>Again, while ownership of learning is positive in itself, attempting to achieve this end in this standardised way is the epitome of idealogical adult centredness.  It is unlikely to produce any information useful to students or parents.</t>
  </si>
  <si>
    <t>I have been in the profession since the mid 1990's.  We have been doing what has been described in the above context since at least then.</t>
  </si>
  <si>
    <t>All except Letter grades 10 to 12</t>
  </si>
  <si>
    <t>These pedantic, idealogical methods of assessment have been imposed with little thought to actual needs of students and families in B.C., and with no real and broad consultation with B.C. teachers.</t>
  </si>
  <si>
    <t xml:space="preserve">Takes valuable time away from prepping, instruction, evaluation/feedback directly to students, particularly given new semester system in which half of a teaching staff has literally no prep period for 1/2 of the year. ALL OF THIS WORK MUST BE DONE AT HOME/LUNCH. Mental health/unnecessary busy work. </t>
  </si>
  <si>
    <t xml:space="preserve">Things are so unclear....every time I've written a report card....
I want to report on student's learning at the  beginning middle and end of the school year. 
Math, Literacy and Behaviour regularly, other subjects once or twice a year. 
Formal contact with parents in writing twice a year.  </t>
  </si>
  <si>
    <t xml:space="preserve">The expectations for this are not clear. How does this align with semester-based schools? </t>
  </si>
  <si>
    <t>How will this be implemented? What in-service will be provided? Who is setting the standard for what each level means? Is this standardized across the province?</t>
  </si>
  <si>
    <t>This does not impact my practice in any way. We already do this. 
It is pretty stupid though, considering that is a change from grade 9 to 10 of going from proficiency then back to the archaic system of grades/percentages. Make up your mind and make it the standard.</t>
  </si>
  <si>
    <t xml:space="preserve">So, you're asking people to provide additional proficiency-based feedback and reporting on top of the percentages and letter grades? Do you think we have time to do this? Why would anyone elect to do more work? </t>
  </si>
  <si>
    <t xml:space="preserve">This is already the standard across grades 8 and 9. Who will be responsible for administering time to complete these student self-assessments? Who will be creating the guidelines and reporting methods? </t>
  </si>
  <si>
    <t>This is already done in IEPs, which have already moved to be competency/proficiency-based. Who is monitoring the progress and assessment of goals? Is this self-assessment? Will you be hiring additional teachers and providing training for this? Do you think we want to work for free?</t>
  </si>
  <si>
    <t>What does this even mean? This practice is already done by adhering to supports stated in an IEP. Does this "diversity" and "inclusion" take into account the First Peoples' Principles of Learning? Cross-cultural values/ways of learning? Or are you only considering diversity as a disability issue?</t>
  </si>
  <si>
    <t>Why would I do extra assessment in a profession that is woefully under-compensated? For "funsies"? Grow up. The government values lip-service and standardized testing more than actual learning and teaching conditions. It's like this proposed policy was designed by bureaucrats.</t>
  </si>
  <si>
    <t>Too many reporting periods. 
Language is too complex for ELL/ESL parents</t>
  </si>
  <si>
    <t>This is too much additional work for all teachers. I already spend 30 additional hours after work to complete reports cards 3 times a year.</t>
  </si>
  <si>
    <t>Students need to have info early in gr. 10 to improve.</t>
  </si>
  <si>
    <t>This would create a standardized grading system.</t>
  </si>
  <si>
    <t>Self assessment for k to 3 is not age appropriate.</t>
  </si>
  <si>
    <t xml:space="preserve">This should be done in gr. 8 to 12 only. </t>
  </si>
  <si>
    <t>University requirements</t>
  </si>
  <si>
    <t>polish</t>
  </si>
  <si>
    <t xml:space="preserve">It is already too much now. </t>
  </si>
  <si>
    <t>I have been anticipating a move towards the proficiency scale for grades 10-12 and the removal of percentages. Letter grades can be reflected more generally to the proficiency scale, but if percentages are to remain, then a standardized conversion from proficiency to letter grade would be useful</t>
  </si>
  <si>
    <t>I support a proficiency scale at gr 10-12, but this needs to be done with a conversion for percentages if those are to remain. Are negotiations in place for post secondary to accept proficiency scales for entrance?</t>
  </si>
  <si>
    <t>Will this be tied to a course at gr 10-12 level or is it to be repeated in every course!</t>
  </si>
  <si>
    <t>What does this look like?</t>
  </si>
  <si>
    <t>Why would they need a letter grade, a percentage, written comments,  AND a proficiency scale. That’s just added work and redundant</t>
  </si>
  <si>
    <t xml:space="preserve">Primary students are not developmentally ready for goal setting and self monitoring. 
Even intermediate students have difficulty setting a goal and sticking with it long term. 
It is more suited for upper level high school students who have chosen a post-secondary path. </t>
  </si>
  <si>
    <t xml:space="preserve">The range of reporting events and it’s structure is not feasible for staff in the proposed setting and educational model. </t>
  </si>
  <si>
    <t>The language leaves no room for variability and it is colonial in its nature</t>
  </si>
  <si>
    <t>This is already being done</t>
  </si>
  <si>
    <t xml:space="preserve">Too many. If you want us to assess this often, and well, we need less students. You have to choose if you want us to do this well or just do it. We can’t do an excellent job with over 20 kids. </t>
  </si>
  <si>
    <t xml:space="preserve">I think the proficiency scale is great. You’ll need to make sure parents get it though. </t>
  </si>
  <si>
    <t xml:space="preserve">Make sure staff are supported in this. </t>
  </si>
  <si>
    <t>Increased workload. And shouldn’t the grades and the proficiency scale be aligned?</t>
  </si>
  <si>
    <t xml:space="preserve">We need a province wise stronger guidance on how to teach self assessment in a genuine way </t>
  </si>
  <si>
    <t xml:space="preserve">Give guidance and support. </t>
  </si>
  <si>
    <t>I do this is valuable, if teachers are given more time to help do this. Especially newer teachers - how are we meant to learn how to support learners well with the lack of support?</t>
  </si>
  <si>
    <t xml:space="preserve">Workload is already way too much. Make it less often so we can do higher quality. </t>
  </si>
  <si>
    <t>I don't understand what "learning updates" mean. Right now,we have a student-family-teacher conference, a brief report card in the fall (only performance standards, no comments except for about student habits), 2 extremely lengthy report cards later on in the year (March and June),open house</t>
  </si>
  <si>
    <t xml:space="preserve">There needs to be a five point scale.  Many of my grade 4/5 students are in between Developing and Proficient and there is no way for me to say that.  </t>
  </si>
  <si>
    <t xml:space="preserve">I feel that all high school students should have letter grades and percentages, not only grade 10-12. The shift would be too jarring and confusing.  </t>
  </si>
  <si>
    <t xml:space="preserve">The Proficiency Scale cannot be compared to letter grades and percentages.  We have heard that many, many times from our district.  </t>
  </si>
  <si>
    <t>Younger students cannot self-assess themselves properly.  They often assess themselves as being great at everything, even though the teacher knows that is not correct.  The teacher cannot tell them to change their self-assessment because that defeats the purpose.</t>
  </si>
  <si>
    <t xml:space="preserve">I am part of a district piloting the new reporting guidelines. These practices are extremely time consuming for teachers and confusing for parents. </t>
  </si>
  <si>
    <t xml:space="preserve">This wording is confusing for parents who cannot relate it to letter grades or percentages. </t>
  </si>
  <si>
    <t xml:space="preserve">I am part of a district piloting these reporting practices. The students have a hard time being accurate in their self assessments. Parents do not find this information useful. </t>
  </si>
  <si>
    <t xml:space="preserve">The age of students that I teach find this to be a very abstract concept. It would require an extra workload for the teacher for very little student gain. </t>
  </si>
  <si>
    <t xml:space="preserve">I would like to know how this is different than current practices. I suspect it requires a extra time of teachers. </t>
  </si>
  <si>
    <t xml:space="preserve">I am part of a district piloting the new frequency of reporting. It requires more time and work for teachers than the previous three reporting+parent teacher conference and parents are confused by the information that they receive. </t>
  </si>
  <si>
    <t>2 reports are OK. Mid-term and final.</t>
  </si>
  <si>
    <t>Letter grades or percentages are a better summary that can be understood at a glance.</t>
  </si>
  <si>
    <t>Classic.</t>
  </si>
  <si>
    <t>Students can do this at any time in any format on their own. No need to include in school report.</t>
  </si>
  <si>
    <t>Individual feedback should best be done with a one-on-one meeting. Standard reporting should report on standard criteria.</t>
  </si>
  <si>
    <t>Summary of Learning is already captured in the end-of-year report, and is embedded in comments about student learning. Why is it being added as a separate requirement? Breaking it out as an explicit deliverable adds to teacher workload and adds unnecessary complexity.</t>
  </si>
  <si>
    <t xml:space="preserve">Extending applies to a small minority of learners in the system. It is unnecessary to include as a separate column. Students who extend can (and do) receive honourable mention in teacher comments.   </t>
  </si>
  <si>
    <t>Letter grades promote a deficit/competitive view of human potential and ability. Qualitative comments are much more meaningful, as evidenced by their ubiquitous use among employers following high school.</t>
  </si>
  <si>
    <t>Why are we providing both options? To play safe? To appease everyone? This is a political stunt, not informed by pedagogical or best practice.</t>
  </si>
  <si>
    <t xml:space="preserve">There should be room for teacher comments on student self assessment.ow do we know if a self-assesment is realistic/accurate? Self assessments are more meaningful and enhanced by the perspective of another stakeholder (teacher). </t>
  </si>
  <si>
    <t>What does emerging mean?</t>
  </si>
  <si>
    <t xml:space="preserve">For early primary grades (K-3), reporting should at SET times.  A written paragraph, on a FORMAL document, twice/yr on: reading, writing, numeracy, engagement, and behaviour.  That's it!!!  Keep it simple!  Parents want to know....can my child read, write and do math and do they have friends?
 </t>
  </si>
  <si>
    <t xml:space="preserve">If you are going to use a proficiency scale, please make it user friendly and clear to select where the child is on the continuum.  </t>
  </si>
  <si>
    <t>Universities and colleges use letter grades.  
Percentages are mathematically sound.</t>
  </si>
  <si>
    <t>It is not needed.</t>
  </si>
  <si>
    <t>Student Self-Assessment should not be required in the early primary grades (K-3).  Introduce this later when students are more mature.  Early primary students can still set goals and do this informally but it does not need to be part of reporting.</t>
  </si>
  <si>
    <t xml:space="preserve">Student goal setting is very important for their development; however, it should not be part of reporting.  </t>
  </si>
  <si>
    <t>Mode of delivery</t>
  </si>
  <si>
    <t xml:space="preserve">PLEASE keep two formal written reporting documents that are issued at a specific time in the year (ie, Jan &amp; June), which report on reading, writing, math, and behaviour, &amp; engagement, plus two other reporting methods (meeting, email). This new reporting policy lacks clarity. It is too willy-nilly. </t>
  </si>
  <si>
    <t xml:space="preserve">We currently have 2 reporting periods per semester.  IF this part doesn't change, that's fine.  </t>
  </si>
  <si>
    <t>Many of the high schools in this province operate 9-12 and 8-12.  This type of reporting doesn't make sense for high schools where students are changing classes and don't have the kind of time to sit down with 120 kids.  it's an unfair burden on grade 9 teachers.</t>
  </si>
  <si>
    <t>Letter grades are fine. Proficiency scale is fine.  But pick a system and keep it consistent.  It's silly to split the kind of grading we do in high school.  Kids who are coming into high school used to a proficiency scale have a false expectation of what their grades should be.</t>
  </si>
  <si>
    <t>You can't do both.  Pick one.  If there is a way to make the proficiency scale directly relate to letter grades and the ministry does the work to show how they connect... then okay.  But now this is starting to sound like High school teachers have to double report.  No.</t>
  </si>
  <si>
    <t>I do this already.  The kids hate it.  I emphasize how important it is.  Not all teachers have bought into it and the roll out of its importance was poorly done.  But what it's doing is putting more work on teachers.  It's yet another report or piece of paperwork we need to generate or manage.</t>
  </si>
  <si>
    <t>Who is going to do this?  And with what funded time?  Who is going to teach kids how to write goals? Their steps? How are we to ensure consistency? Follow up?  Kids don't buy in or pay attention to this, and it needs to be taught over and over again every year.  Make it a requirement from home.</t>
  </si>
  <si>
    <t>The new reporting language for students with differentiated needs is good.  We don't need more change here.</t>
  </si>
  <si>
    <t>Only one?</t>
  </si>
  <si>
    <t>These proposals put more of a paperwork burden on teachers, sacrificing engagement time with kids. More paperwork does not replace parent engagement and student accountability.  Down the road, this sets teachers up to carry far too much blame and responsibility for distracted, disengaged students</t>
  </si>
  <si>
    <t xml:space="preserve">I'm an itinerant band teacher at multiple schools which means I have 300+ students. They need to be filmed and just getting them to do that and successfully upload online is problematic. Us itinerant band teachers only see our kids twice a week for less than an hour </t>
  </si>
  <si>
    <t>Most of my 300+ students have told me they do not like the proficiency scale because they end up not understanding where they truly stand with their progress.</t>
  </si>
  <si>
    <t xml:space="preserve">I think having students exercise self reflection and regularly assessing themselves are important skills to have. </t>
  </si>
  <si>
    <t xml:space="preserve">We live in a diverse society and everyone should be seen. We all have different life experiences and the way we experience a shared situation is unique. </t>
  </si>
  <si>
    <t xml:space="preserve">Itinerant band teachers have to report on 300+ students using online portfolios. It is a heavy workload and it's easier to comment if they upload a video of them playing individually but that means they have to film one at a time otherwise it's too noisy. Last year it took all of my classes 1 month </t>
  </si>
  <si>
    <t xml:space="preserve">We are a semester school and 5 reporting periods don’t make sense in a school year. Have a total of 4, 1 at interim and one at the end of the course. </t>
  </si>
  <si>
    <t xml:space="preserve">I don’t feel like it’s an accurate representation of student ability meaning that ‘extending’ is doing more than asked. Sets up each course to only be achieved by gifted learners. </t>
  </si>
  <si>
    <t xml:space="preserve">You need to choose one way of reporting, not 3! It is not a fair expectation of staff to use letter grades, percentages and proficiency scale and work habits. It’s just too much for students and families to process. </t>
  </si>
  <si>
    <t xml:space="preserve">The language used is in ‘edu speak’ it isn’t relevant to student learning. Make it useful and purposeful for students to have self reflection </t>
  </si>
  <si>
    <t>This is too big of an idea for students to actually find useful. This needs to be done differently for it to be relevant and effective and not just another hoop for students to fill out</t>
  </si>
  <si>
    <t xml:space="preserve">Current reports are not written to the extent the order specifies. This is very intensive and most likely too much for most parents. Verbal or short message contacts with parents would be  much more effective. Yes same number of reports, but not same format, so the above is a bit misleading. </t>
  </si>
  <si>
    <t>Have been using this for some time now, and it works very well - no arguing over one or two percent...</t>
  </si>
  <si>
    <t>As they are required for application for universities, there is no way around using percentages. On a daily basis, the proficiency scale works well on a daily basis</t>
  </si>
  <si>
    <t>Would be a good compromise.</t>
  </si>
  <si>
    <t xml:space="preserve">This only works if led by teachers, or not much is recorded - but where is this attached? Without some curricular continuity, this makes little sense. Would be better to integrate this into the Career Life / Connections Path and make that a real subject, not just made up marks pulled from the ether </t>
  </si>
  <si>
    <t>Again, this does not happen without teacher guidance. Should be incorporated into Career Life stream and these courses given a true curriculum that is relevant to other aspects of student life - budgeting, finance, etc.</t>
  </si>
  <si>
    <t>As teachers we have been doing this for a LONG time!</t>
  </si>
  <si>
    <t xml:space="preserve">To keep the workload manageable. Self assessment and Goal Setting will not happen in a realistic way with this order, but impact on teaching will be minimal, until it is given a solid framework and curriculum basis. </t>
  </si>
  <si>
    <t>Early feedback allows students to understand whether their initial engagement supports their goals. It is not clear whether the two written reports for each semester would continue or be replaced by one written report at the end of each semester.</t>
  </si>
  <si>
    <t xml:space="preserve">The writing of proficiency scales for curricular competencies and criteria categories at each proficiency level for has not been provided. The work to write this language is extensive and cannot just be added to teacher work loads. </t>
  </si>
  <si>
    <t>Once the language of proficiency scales has been created, it will provide specific information for students about their level of sophistication within each competency—important information to help them understand what is next. It does not make sense to withdraw that information from mature students.</t>
  </si>
  <si>
    <t xml:space="preserve">If the proficiency scale provides superior information, it needs to be supported (teachers need to be supported in creating the assessments) through graduation.  An additional level of work (letter grades) simply for the convenience of universities is not justifiable. </t>
  </si>
  <si>
    <t>In theory, it sounds good but this is complex reflection that requires understanding of how core competencies are woven into teaching. This understanding is the work of teachers. Well-intentioned creation of documents to meet requirements for self-evaluation readily becomes a hoop jumping exercise.</t>
  </si>
  <si>
    <t xml:space="preserve">Theory is good. Practice is challenging. In-depth understanding of how activities and assignments weave in elements of the curriculum is the work of teachers. There is a lot of teaching required to make this meaningful for students.  Time needs to be provided to support this work. </t>
  </si>
  <si>
    <t>Excellent pedagogy with insufficient support.</t>
  </si>
  <si>
    <t>Potential for meaningful and ongoing feedback is excellent, the time required to do this work is extensive and support is not evident.  Already, teachers are sacrificing personal health and well being in their efforts to support students.  Adding a great deal to workloads is unsustainable.</t>
  </si>
  <si>
    <t xml:space="preserve">Too much reporting with no support or time provided to complete. Increase in workload with no increase in prepatory time. Teacher burnout is high. Retention is a challenge. Why would you make teaching less desirable? </t>
  </si>
  <si>
    <t xml:space="preserve">The language is not inclusive. We have many immigrant families who do not understand the proficiency scale. A numerical scale is much more inclusive as numbers are universally understood. </t>
  </si>
  <si>
    <t xml:space="preserve">Why do you need both? </t>
  </si>
  <si>
    <t xml:space="preserve">Provide more training, time and pay. </t>
  </si>
  <si>
    <t xml:space="preserve">Increased workload. Curricular expectations are already challenging. Again, provide more training, time and pay. Better yet, take something out of the curriculum instead of continuing to add to teacher workload. If this took the place of something else then it's a fair ask of teachers. </t>
  </si>
  <si>
    <t xml:space="preserve">We already do this. Proficiency scale language should also be inclusive. </t>
  </si>
  <si>
    <t xml:space="preserve">We already spend UNPAID HOURS writing reports. Reporting needs to be streamlined so reports can be completed during prep times. </t>
  </si>
  <si>
    <t xml:space="preserve">A written summary of learning is a 3rd written report at the end of the year.  Currently where I work, we do 2 written reports and 3 other "Communications of Student Learning".  If 2 written reports plus a summary of learning is required, then we are really going back to 3 written reports.  </t>
  </si>
  <si>
    <t xml:space="preserve">If we are going to use letter grades in Grades 10-12, why are we not using them for the rest of high school grades?  Proficiency scale should be used either for K-3 or K-7 at most, then high school students should be given letter grades.  Proficiency scale can be provided as well for continuity.  </t>
  </si>
  <si>
    <t xml:space="preserve">This should only be done if students have letter grades earlier than Grade 10.  I think the proficiency scale should be phased out earlier.  Grade 10 to suddenly introduce letter grades is too late in a student's educational career.  </t>
  </si>
  <si>
    <t xml:space="preserve">Letter grades and percentages are required for many post-secondary admissions applications internationally.  It puts BC students at a disadvantage to not provide them with letter grades/percentages, which is the widely accepted standard for measuring achievement.  </t>
  </si>
  <si>
    <t xml:space="preserve">Although useful, this is not always feasible or as realistic in lower grades.  The language and wording around the Core Competencies is difficult for younger students to grasp (those in Primary, especially lower Primary).  </t>
  </si>
  <si>
    <t>Although useful, not always feasible for younger (lower Primary) students.  Also, when students are younger, parents and teachers have a larger influence on their goals.  Age-appropriateness needs to be considered.  Goal setting for students age 10+ is great, but it's not one size fits all from K-12</t>
  </si>
  <si>
    <t>This is the same amount of reports currently required so nothing has changed.</t>
  </si>
  <si>
    <t>Percentages/letter grades in Gr. 6-12 and if not 6-12 for sure 9-12.  Students need a definitive % to compare their learning to peers.  This is motivational. In elementary more split grades so difficult to give Gr. 3's a report card with Proficiency Scale and then Gr. 4's a percentage/ letter grade.</t>
  </si>
  <si>
    <t>Universities need to see a percentage and letter grade in each subject area to compare across student applications from many Secondary schools.  It is definitive and quick to compare students applying for entrance.  No time to read descriptive feedback!</t>
  </si>
  <si>
    <t>Added info for parents and students always good.</t>
  </si>
  <si>
    <t>K-8 students have difficulty assessing their own learning.  They tend to not take self-assessments seriously and then don't refer to them in the future.  Need standardized self assessments to use so they see the same tools every year to self assess and learn how to use properly.</t>
  </si>
  <si>
    <t xml:space="preserve">Students have difficulty doing this especially at a young age.  Even adults have difficulty and yet we are asking this of children!  Need standardized goal setting tools so they see the same tools every year and learn how to use properly.  </t>
  </si>
  <si>
    <t>I don't understand how this is different from before.</t>
  </si>
  <si>
    <t>Percentages and Letter Grades should be given through Grades 6-12.</t>
  </si>
  <si>
    <t>It seems sufficient but works well in the semestered system</t>
  </si>
  <si>
    <t>Not clear what is required to move to the next grade level.  Not as clear as numerical feedback.  Extending - by its meaning not necessarily taught or given time/opportunity for.  Some teachers cap marks at proficient for A level students and some call that Extending.  My children are angered by it.</t>
  </si>
  <si>
    <t>This is clear reporting that parents and students understand.  Other feedback can and does happen where necessary between teacher,  student and parent.</t>
  </si>
  <si>
    <t>Proficiency scale is too much information and is often ignored.  The scale forces grades into interpreted word meanings that are inconsistently interpreted between teachers.</t>
  </si>
  <si>
    <t>Don't find these to be at all motivating for my kids because they are divorced from content.  I care more about work habits and behavior as a parent.</t>
  </si>
  <si>
    <t>The most motivated, engaged and concerned students don't appreciate doing this from what I've heard.  It will be treated as a hoop but nothing more.  Setting goals is more valuable at home.</t>
  </si>
  <si>
    <t>It currently is but when you make reporting more written the possibility of inequity increases.</t>
  </si>
  <si>
    <t>Do not like the proficiency scale.  The grades can still be competency based but a numerical scale is much more helpful.  It is too much information!!!</t>
  </si>
  <si>
    <t>As teachers we are already stretched thin by the four reporting periods, and with 5 reporting periods you are going to see more staff burn out and leave the profession</t>
  </si>
  <si>
    <t>Letter Grades should be allowed to continue to represent student’s progress, since they will be receiving them in grade 10-12. If they don’t receive letter grades in k-9 the students are not prepared for getting them in 10-12</t>
  </si>
  <si>
    <t xml:space="preserve">Not useful or applicable for applying to post secondary institutions </t>
  </si>
  <si>
    <t>The competencies are too confusing for students to report on. They need to be easier to understand otherwise they’re not useful.</t>
  </si>
  <si>
    <t xml:space="preserve">I already integrate this into my teaching so this is going to be extra work as a separate project for both teachers and students </t>
  </si>
  <si>
    <t xml:space="preserve">More reporting periods mean more stress for teachers in an already stressful situation (the pandemic) and adding more workload means teacher burnout and less retention/earlier retirement </t>
  </si>
  <si>
    <t>There already isn't enough time in the working day and in our contract hours to write personalized, individual comments for each student for the reports that we already complete. To require more anecdotal and descriptive feedback, when we teach 100+ students a semester is unjust.</t>
  </si>
  <si>
    <t>I much prefer the 5 point scale - it better reflects what I've seen in students. Parents and students are also not fans of this approach - they much prefer percentages and letters, especially at the level/age group I work with.</t>
  </si>
  <si>
    <t>Removing letter grades and percentages would make it very difficult for any students who wish to attend post-secondary outside of BC, as other provinces and countries use these methods. They may say they'll still accept our students, but I believe non-BC acceptance rates will drop.</t>
  </si>
  <si>
    <t xml:space="preserve">Parents and students that I've spoken to when I taught using proficiency scales did not understand what they meant, and they were not fans. </t>
  </si>
  <si>
    <t>I do think it's incredibly important that students learn how to become good citizens, and that they are held accountable and encouraged to grow. However, I wonder what other areas of their education would be cut to have the time to work this in to every course, at every grade level.</t>
  </si>
  <si>
    <t>Students should have goals for their education, and keep their goals in mind through the year- this is a great way that teachers can help individualize learning. However, I wonder what other areas of their education would be cut to have the time to work this in to every course, at every grade level.</t>
  </si>
  <si>
    <t>I already do this anyways, and always keep in mind my students individual capabilities, skills, etc. Students should not be compared to one another in assessment - their work and skills should be compared to the criteria/expectations.</t>
  </si>
  <si>
    <t>Written reports in high schools would require an incredible amount of time to do properly.  In K-7 they teach between 21-30 students.  Most high school teachers are responsible for 90-120 (per semester) and up to 210 in a linear system. This would be so hard to do well with that number of students.</t>
  </si>
  <si>
    <t>This is already being done at the high school level (Proficiency Scale) but to add significant anecdotal feedback again would take so much time when you have this many students.</t>
  </si>
  <si>
    <t>Until Post Secondary does not require this, I am not sure what else can be done to replace it.</t>
  </si>
  <si>
    <t>Again - too many students and not enough time to do this well</t>
  </si>
  <si>
    <t>Students are constantly asked to be reflective of their learning - I don't think the people making these decisions have an actual idea of what is going on in schools in most classrooms -this is the norm and not something new.</t>
  </si>
  <si>
    <t>At the senior level students need to start to be treated as the young adults that they are and know they are responsible for their learning.  It should not be all placed on the teachers to report this. When they get into the workforce they need to be responsible for their work ethic.</t>
  </si>
  <si>
    <t>That is already done everyday in the classrooms at my school.</t>
  </si>
  <si>
    <t xml:space="preserve">written assessment </t>
  </si>
  <si>
    <t>The anecdotal reporting at high school for grades 8-9 would create a situation where teachers would not want to teach 120 students from those grades as the reporting would take days to do well - not hours DAYS!</t>
  </si>
  <si>
    <t xml:space="preserve">It’s unnecessary </t>
  </si>
  <si>
    <t xml:space="preserve">I prefer letter grades and work habits </t>
  </si>
  <si>
    <t xml:space="preserve">University requirements </t>
  </si>
  <si>
    <t>Students are not very accurate at self reporting</t>
  </si>
  <si>
    <t xml:space="preserve">Too time consuming </t>
  </si>
  <si>
    <t xml:space="preserve">Too vague </t>
  </si>
  <si>
    <t xml:space="preserve">Too demanding for teachers </t>
  </si>
  <si>
    <t>The new reporting policy seems to be putting a lot more work onto teachers.</t>
  </si>
  <si>
    <t>As a DL teacher, parents can always access student grades and feedback, but the way we are expected to include student self-assessment and make it a separate report for each student in each subject is overwhelming, especially with the self-paced, continuous enrolment format.</t>
  </si>
  <si>
    <t>It's an easy scale to apply to everything and families are starting to get used to it. There just needs to be a final grade option for students who don't do anything.</t>
  </si>
  <si>
    <t>I think teachers should be able to choose to use this, but I wouldn't want them to have to as it would be extra work for some teachers.</t>
  </si>
  <si>
    <t>It's too hard to get students to self-assess, and to do so by the time expected, in a DL setting.</t>
  </si>
  <si>
    <t>I like the idea, except that I have no idea how to implement it and how to do so without it being more work for students and teachers overall.</t>
  </si>
  <si>
    <t>We need more guidance around this if we're expected to implement it. I'm in favour of inclusion, but for it to benefit students, we need to learn how and to have some consistency in expectations there.</t>
  </si>
  <si>
    <t>It feels overwhelming to do this on top of everything else we do.</t>
  </si>
  <si>
    <t xml:space="preserve">I think the frequency is good as a minimum number of contacts - I do believe that ongoing communication of learning is important too. Teachers should use e-portfolios  as a written update- trying to do e-portfolio and separate written updates creates duplication of information </t>
  </si>
  <si>
    <t>I enjoy using the proficiency scale</t>
  </si>
  <si>
    <t>This an important aspect of student learning.</t>
  </si>
  <si>
    <t>This is a step in the right direction for our students</t>
  </si>
  <si>
    <t>Very important for all students to be included - would like some more details on how this will be managed. Use of e-portfolios as an option as a written update would facilitate this. This way videos, audio recordings etc. can be included in the reporting.</t>
  </si>
  <si>
    <t>How the reporting information is delivered to parents</t>
  </si>
  <si>
    <t>the written update should be done through e-portfolios or another online system where videos, audio, photos etc. can complement the written feedback and proficiency scale. I would like to see some flexibility and keep up with how society shares information - not return to written reports</t>
  </si>
  <si>
    <t>2 written reports per course, regardless of semester or linear system, is enough reporting. 1 at the halfway point and 1 as a summative/final report.
We (teachers) also have to do interim report and incomplete reports, also Parent-Teacher Interviews.</t>
  </si>
  <si>
    <t>I feel that having students focused on learning and improving understanding, as the main goal of education is a good thing. Not focused on a percentage or a letter grade.</t>
  </si>
  <si>
    <t>Letter Grade and Percentages should only be given on Final(at end of Course), for Grades 10-12. During the course, teachers should use proficiency scale, like younger grades.</t>
  </si>
  <si>
    <t xml:space="preserve">I am concerned that this would increase the workload of teachers if teachers are required to ensure that students are completing these self-assessments. </t>
  </si>
  <si>
    <t>Again, I am worried that these goals would increase workload for teachers: requiring teachers to ensure students are setting goals. How are these goals collected? How are they tracked? What software are students using to input these goals?</t>
  </si>
  <si>
    <t>Until I see examples of what this would look like, I cannot comment. I hope that students, parents, and teachers could see examples prior to the implementation of the new reporting system.</t>
  </si>
  <si>
    <t>Amount of reporting (Four is too much)</t>
  </si>
  <si>
    <t>Workload increase.
What will the proposed system look like? Put out exemplars/timetables of reporting for Semester and Linear schools.</t>
  </si>
  <si>
    <t>Teachers using e-portfolios often evidence learning more effectively in a much more ongoing way and there needs to be the option to do this without needing a written report as well. Maybe clear guidelines for e-portfolios where that is chosen so that they are considered accountable?</t>
  </si>
  <si>
    <t>Many schools have developed proficiency scales with descriptive language and education of the parents and students on the language. Hopefully these scales will be unacceptable under the new policy.</t>
  </si>
  <si>
    <t>Post secondary will adapt. Meaningful grading and constructive feedback still need to be at the core of the K-12 reporting and B.C. can be a leader in this shift.</t>
  </si>
  <si>
    <t>On the right track- again it is the constructive feedback that matters more.</t>
  </si>
  <si>
    <t>Every teacher I know does this- we all know student involvement in assessment is incredibly valuable.</t>
  </si>
  <si>
    <t>Any teacher following best practices is doing this</t>
  </si>
  <si>
    <t>Again- this is just best practice. I would be appalled if anyone is not using inclusive assessment practice.</t>
  </si>
  <si>
    <t>Allows professional autonomy. E-portfolios are much more work, more frequent feedback, allow student involvement and provide more meaningful and concrete evidence of learning. Guidelines around this should be created as this is a direction assessment should move in.</t>
  </si>
  <si>
    <t>I don't think we should go back to 3 written report a year. One in January and one in June allow teachers to continue to use electronic platform to communicate regularly. More report card will decrease this opportunity that is more efficient.</t>
  </si>
  <si>
    <t>Why going back to those words? We have beginning, developing, applying and extending. It makes more sense with the competencies.</t>
  </si>
  <si>
    <t>I wish that University would more towards an evaluation of competencies rather than marks....</t>
  </si>
  <si>
    <t>One is enough....</t>
  </si>
  <si>
    <t>Too much...</t>
  </si>
  <si>
    <t xml:space="preserve">Too much reporting doesn't mean better reporting. </t>
  </si>
  <si>
    <t>This has not changed from before.</t>
  </si>
  <si>
    <t>Grades 6-12 should have percentages and grades.  Descriptive feedback takes too much time to write for the teacher and parents don't read or appreciate it.  They want to know how their child is doing compared to their peers in a definitive way. Parents have no time to help students at home.</t>
  </si>
  <si>
    <t>Needed for university entrance.</t>
  </si>
  <si>
    <t>Secondary teachers have so many students, they don't have time to give descriptive feedback on every student.</t>
  </si>
  <si>
    <t>Students don't take this seriously and feel it's a joke.  Don't refer to it later to improve.</t>
  </si>
  <si>
    <t>Adults find this difficult to do, let alone young children!  Need some standardized goal setting templates to use every year so students learn how to use the tool and improve their ability to goal set.</t>
  </si>
  <si>
    <t>I don't understand how this has changed.</t>
  </si>
  <si>
    <t>Grades and percentages needed from Grades 6-12.  This motivates students if they can compare their learning to their peers definitively. Descriptive feedback takes a lot of time to write for teachers. Parents don't read.  Parents want to know definitively if their child is behind.</t>
  </si>
  <si>
    <t>Too often.</t>
  </si>
  <si>
    <t>I agree with the feedback provided by the BCTF. All of their recommendations reflect my position.</t>
  </si>
  <si>
    <t>This requires reporting in 2 separate ways, making more work for the teachers. Why not just have a legend that states which percentages align with the levels on the proficiency scale?</t>
  </si>
  <si>
    <t xml:space="preserve">Some of the language in the reporting order is colonial and will perpetuate systemic racism. </t>
  </si>
  <si>
    <t>You need to take the feedback from the BCTF and incorporate it into the final order.</t>
  </si>
  <si>
    <t>It gives enough time between reporting periods to gather evidence of student progress. Any more frequently, and it would be difficult to report on changes or development of students. Families are familiar with this reporting schedule, and I see no need to change.</t>
  </si>
  <si>
    <t>This scale is quite vague and subjective, which many parents and students have found confusing. However, parents, students and teachers are getting used to it since we have been required to use it for a number of years now.</t>
  </si>
  <si>
    <t xml:space="preserve">Letter grades are familiar to parents and teachers, but they come too late in the student's education. For their entire education, many have been told they are "proficient" which encompasses C to A. Many students and parents are shocked in grades 10-12 because they still think "proficient" means A! </t>
  </si>
  <si>
    <t xml:space="preserve">Letter grades should be used sooner than grades 10 as noted in my comments for the previous question. Every year teachers review the meaning of the proficiency scale yet, sigh, students and parents are still confused. </t>
  </si>
  <si>
    <t>I think this is very important, but I am concerned about consistency between teachers/schools/districts. Clear expectations/guidelines are necessary. This is still new for teachers, and although we are very used to adapting to change, guidelines would be appreciated.</t>
  </si>
  <si>
    <t xml:space="preserve">Important for students but, similar to my previous comment, we need guidelines for implementing this. Keep in mind, all of this takes time away from instruction, so it needs to be valuable for students' learning. </t>
  </si>
  <si>
    <t>All learners are valuable.</t>
  </si>
  <si>
    <t>Time necessary for total</t>
  </si>
  <si>
    <t xml:space="preserve">These changes are ADDING to teachers' already packed workloads. As it is, I spend 30-40 hours of my personal time to write reports EACH reporting period. My 110 min/week of prep go to my lessons/marking. No time for report cards. Give teachers a report writing DAY EACH term. </t>
  </si>
  <si>
    <t xml:space="preserve">The policies we have in place now are enough. No learning summary at the end of the year is necessary. </t>
  </si>
  <si>
    <t>Not necessary to use for every subject every time. Just not needed.</t>
  </si>
  <si>
    <t xml:space="preserve">Once a year is enough. Although I strongly support student self assessment it is a learned process throughout the year and lots of work for young students...but I do believe it is important. </t>
  </si>
  <si>
    <t>Again, maybe once in the Fall and reviewed at the end of the year although not as well as all of the core competencies</t>
  </si>
  <si>
    <t xml:space="preserve">More frequent does not mean better quality/more thoughtful assessment </t>
  </si>
  <si>
    <t>Unnecessary increase of workload and stress for teachers</t>
  </si>
  <si>
    <t xml:space="preserve">There is nothing wrong with % and majority of parents prefer it.
</t>
  </si>
  <si>
    <t>Clear and easy to understand for everyone.</t>
  </si>
  <si>
    <t>Pointless, choose one and stick to it</t>
  </si>
  <si>
    <t>How would this be implemented? Shouldn't students communicate directly with their parents?</t>
  </si>
  <si>
    <t>Don't students do this already?</t>
  </si>
  <si>
    <t>These are just meaningless words!</t>
  </si>
  <si>
    <t xml:space="preserve">Because I could not select more than one, I checked off the first one.
It really sounds like a bunch of bureaucrats trying to justify their existence fixing what isn't broken. And it is transparent to everyone! </t>
  </si>
  <si>
    <t xml:space="preserve">We have just piloted writing reports in January and June with other communications available in between.  We have educated parents and teachers on how to report.  To change it back to 3 reports seems like a waste of all of our time.  November is too early to have a written report </t>
  </si>
  <si>
    <t xml:space="preserve">This scales shows growth and learning over time and not just a number like a percent or grade which does focus on what is important </t>
  </si>
  <si>
    <t xml:space="preserve">Self assessment is very important for students' journey in learning </t>
  </si>
  <si>
    <t>I'm worried about how to manage 30 different goals</t>
  </si>
  <si>
    <t>2 written reports with 3 other forms of communication throughout the year would be better.  Writing reports is a lengthy, and time consuming task.  Information/student progress is better showcased to parents through portfolios, open houses, conferences and performances</t>
  </si>
  <si>
    <t>This is more than is currently in place in my district.</t>
  </si>
  <si>
    <t>There are discrepancies in the language; our district uses Beginning, Developing, Applying, and Extending.</t>
  </si>
  <si>
    <t>I am a teacher and I have to supply a performance scale for parents and PSRs (letter grades) to the ministry. Why are there both?</t>
  </si>
  <si>
    <t>I have no experience with that.</t>
  </si>
  <si>
    <t>It is a useful exercise for intermediate students (grade 5-7).</t>
  </si>
  <si>
    <t>I said neutral because, on the one hand, I do this already with my students, but on the other hand, I do not want to make it one more thing that becomes part of reporting which already is an onerous task.</t>
  </si>
  <si>
    <t>Again, makes a difficult task even more difficult with no training for teachers on how best to do this.</t>
  </si>
  <si>
    <t>There was no option for removal of letter grades (PSRs) for intermediate students, so I almost chose OTHER. I chose this because the frequency is too high.</t>
  </si>
  <si>
    <t>Results in simply adding more work to teachers who already have too much to do &amp; not enough time, support, resources etc.</t>
  </si>
  <si>
    <t>Many parents still want letter grades</t>
  </si>
  <si>
    <t>Letter grades should be required in earlier grades</t>
  </si>
  <si>
    <t xml:space="preserve">Most students lack the necessary skills required to assess themselves accurately despite all of teachers' previous efforts to help support them developing these skills.  </t>
  </si>
  <si>
    <t>See previous answer</t>
  </si>
  <si>
    <t>New policy is unrealistic &amp; untenable as funding continues to be reduced/cut year after year</t>
  </si>
  <si>
    <t>Frequency is too "close together"</t>
  </si>
  <si>
    <t xml:space="preserve">The time needed to report will increase with the semester system. If parents would like more reporting, perhaps teachers could opt to send 1 assignment with feedback home as an example of current growth. </t>
  </si>
  <si>
    <t>The scale is not as important as detailed feedback on progress, which already exists. I don't believe that substituting grades for the scale provides any real advantage on its own (with perhaps an exception for a reduction in anxiety?)</t>
  </si>
  <si>
    <t>Assessment in high school is not standardized and varies widely by teacher. Let post-secondary institutions test students themselves and let us focus on meaningful feedback in relation to universal and established competencies and levels of development (all of which is informed by science).</t>
  </si>
  <si>
    <t xml:space="preserve">Is the proficiency scale any more useful than grades and comments alone? I have never received any justification for the current system or its proposed replacement. What is really going to be accomplished? </t>
  </si>
  <si>
    <t>I like the competencies and think that all reporting should be standardized around them by grade/developmental level. As it stands, I have never received any training on how to evaluate the competencies and while some may try to grade by it there are many who have not.</t>
  </si>
  <si>
    <t xml:space="preserve">Goals are great if someone wants to achieve them, but our current system puts students with little interest through classes with limited practical value to their lives (aside from competencies) and which they don't have any interest in. Goals in this case are meaningless.  </t>
  </si>
  <si>
    <t xml:space="preserve">I support the change. However, I have little training on how to evaluate those with disabilities. I aim for differentiated instruction, but whether or not my marking strategies do justice to those with disabilities is something I wonder about. </t>
  </si>
  <si>
    <t>Grades, 4-point scale and frequency of reporting</t>
  </si>
  <si>
    <t xml:space="preserve">Eliminate grades, standardize competency-based assessment by grade/developmental level (and use science to do it). Don't just reinvent the wheel and expect meaningful change. Finland did well to make education more flexible and personalized, and I expect their reporting is more meaningful too. </t>
  </si>
  <si>
    <t>Teachers are going to be more busy writing reports than creating new an innovative lesson plans if they have to report this much</t>
  </si>
  <si>
    <t xml:space="preserve">The scales make sense to a bureaucrat or perhaps even a teacher but make no sense to students and parents. </t>
  </si>
  <si>
    <t xml:space="preserve">Letter grades and percentages make sense to students, parents and teachers. The cost to
Create this bureaucratic nonsense should have been used instead to actually help students. </t>
  </si>
  <si>
    <t xml:space="preserve">This assessment scale is merely a maze
for parents and students which is unnecessary and was only created to justify huge salaries for the masses of administration at the board offices. </t>
  </si>
  <si>
    <t xml:space="preserve">It is always a good idea for students to look at their strengths and weaknesses however they should learn the specific skills they need to gain, not the mumbo jumbo language of a bureaucrat or administrator who is so removed from the classroom that they need to hide it by sounding magnanimous. </t>
  </si>
  <si>
    <t>I have seen how this interpreted
As project based learning in the classroom and applauded by administration. Teachers create open ended projects with little or no direction and necessary academic skills are omitted. English classrooms become art classes and students never learn to write ect</t>
  </si>
  <si>
    <t xml:space="preserve">This is obvious and has been the case for many years. To even ask this question suggests that it hasn’t been the case and I resent the implication that it hasn’t been. </t>
  </si>
  <si>
    <t xml:space="preserve">I have detailed the reason extensively throughout this survey. </t>
  </si>
  <si>
    <t xml:space="preserve">I like the idea of more feedback to parents, but the technology exists already for parents to check on their child's progress daily (provided that their child's teacher enters marks regularly). I think a greater concern is the extra work for teachers in reporting on their students. </t>
  </si>
  <si>
    <t>What is the difference between the four-point scale and the "six-point scale at present - A, B, C+, C, C- and F"?  Will I learn more about my child with a four-point scale? Only if there is a detailed anecdotal reporting, and again, that means much more work on teachers to prepare.</t>
  </si>
  <si>
    <t>As long as post-secondary institutions require percentages, secondary schools must follow.</t>
  </si>
  <si>
    <t>I don't see the point in changing to a four-point scale system, when percentages and letter grades are still in effect. It is doubling the work on employees who are responsible for doing it.</t>
  </si>
  <si>
    <t>There's nothing wrong with anyone doing a self-assessment, but that assessment needs to be limited. What about a student who self-assesses him/herself quite high, when he/she is achieving only what would have been a C- in the past? Which assessment prevails - teacher or student?</t>
  </si>
  <si>
    <t>Like I have previously said, student-led input is definitely desirable, but who is responsible for compiling it. If it is the teacher, where will they find to time to do this extra work?</t>
  </si>
  <si>
    <t>I think I have stated my reasons for points like this previously. Writing the same reason down again would simply be redundant.</t>
  </si>
  <si>
    <t>Again, unless the education system is going to hire many more people to do this extra work, it will simply exhaust teachers who are responsible for doing more, and they will provide less information to parents, not more, simply because of time constraints.</t>
  </si>
  <si>
    <t xml:space="preserve">I am doing continuous reporting at the moment and I am bogged done in paperwork with no end in sight. It is unsustainable. </t>
  </si>
  <si>
    <t xml:space="preserve">Using it at the moment </t>
  </si>
  <si>
    <t xml:space="preserve">It’s too much work. It’s insustainable. </t>
  </si>
  <si>
    <t>clarity is an issue; written reports instead of letter grades and percentages gr. 8-12 is more understandable by parents, especially parents who are ELL.
lack of supports for teachers for implementing the new reports; workload 
lack of guidance from the Ministry to ensure consistent approach</t>
  </si>
  <si>
    <t>clear easy to understand; this is what parents and students ACTUALLY want; easier for post secondary acceptance</t>
  </si>
  <si>
    <t>complete waste of time; no student likes the proficiency scale; no parents during parent teacher interviews like the proficiency scale when I was explaining it.  Every parent said they preferred letter grades and percents starting in grade 8</t>
  </si>
  <si>
    <t>Students see this as extra meaningless hoop  jumping that has no significance.  They do not see this as important and neither do their parents</t>
  </si>
  <si>
    <t>Students see this as extra meaningless hoop  jumping that has no significance.  They do not see this as important and neither do their parents.  Stop making students do extra work, they are already stressed out and detest CLC.  We serve the students and you are not listening to their voices.</t>
  </si>
  <si>
    <t>This is a way for you to violate class composition and provide no additional support like EAs or learning centres for these students. There is only so much differentiating a class room teacher can do in a class of 30.  This is completely unrealistic and is detrimental to students self esteem.</t>
  </si>
  <si>
    <t xml:space="preserve">no student likes the proficiency scale; no parents during parent teacher interviews like the proficiency scale when I was explaining it.  Every parent said they preferred letter grades and percents starting in grade 8.  Keep the proficiency scale at elementary, but do not keep it in high school. </t>
  </si>
  <si>
    <t>Parents do not engage in written feedback, and only sometimes interact with the online digital portfolio media, including recordings, photographs and videos. 
Frequency of posting is very high with this model and means parents feel inundated even when the amount of reporting times has not increased</t>
  </si>
  <si>
    <t xml:space="preserve">The categories are so broad that it is impossible to clearly inform a parent. Two students could both be developing and one has barely managed some areas beyond emerging and the other could be very close to managing proficiency. The scale doesn’t reflect this. </t>
  </si>
  <si>
    <t xml:space="preserve">Suddenly shifting from one scale (proficiency) to letter grades is not seamless for the student or family. The proficiency scale doesn’t simply convert to letter grades. There is no direction on how this is accomplished or how families, students and teachers are to navigate this shift. </t>
  </si>
  <si>
    <t xml:space="preserve">The proficiency scale and its merits are not transferable directly to letter grades. It’s like trying to rate the positives of the presentation of a gourmet meal, and then also rating it as to how salty the entire meal is. It doesn’t make sense. </t>
  </si>
  <si>
    <t xml:space="preserve">How to do this is not well supported nor are teachers trained in it. Therefore the students are not benefiting as they should and could be. </t>
  </si>
  <si>
    <t xml:space="preserve">There is again little support in teaching students this or clarity about how to assess this. </t>
  </si>
  <si>
    <t xml:space="preserve">The reporting orders still make it possible for me to assess a child against an IEP goal and yet still report the child as emerging at the end of the year because it is grade level curriculum based. It is DAMAGING to the student. This practice means all IEP students are consistently emerging. </t>
  </si>
  <si>
    <t xml:space="preserve">Too many to choose and not just one is an issue. </t>
  </si>
  <si>
    <t xml:space="preserve">The sustainability of the proposed reporting order is impossible. Both for students and teachers. The amount of time it takes out of the school day for students to create meaningful evidence is in excess of an hour a week. The result doesn’t benefit diverse learners and little parent engagement. </t>
  </si>
  <si>
    <t xml:space="preserve">This is a great practice in theory but is extremely hard for younger kids. It is not developmentally appropriate for kids ages 4-7ish. </t>
  </si>
  <si>
    <t xml:space="preserve">There is a wide range of application of this scale at my school.   No consistency.   Example proficient is an A or B equivalent level.   Parents ask me how proficiency scale   translates to grades.    Confusing to parents. 
 </t>
  </si>
  <si>
    <t xml:space="preserve">Post secondary schools in BC , Canada, and north America and abroad will not recognize the proficiency lingo.   Percent and letter grade is a universal scale.   </t>
  </si>
  <si>
    <t xml:space="preserve">The end result needed for post secondary schools are letter grades and percents. 
This is over assessing.  </t>
  </si>
  <si>
    <t>Not accurate</t>
  </si>
  <si>
    <t xml:space="preserve">Grade 8 to 12 should be letter grade and or percent.  Proficiency scale is not accurate enough.   Some teachers use 4 scale .  Others 6 scale.   </t>
  </si>
  <si>
    <t xml:space="preserve">This will pile on much more work for teachers. We already spend hours and hours of our unpaid time on CSL. Teachers should be focusing their time on teaching and developing their pedagogy. This will take away precious time away from more important uses of time. </t>
  </si>
  <si>
    <t xml:space="preserve">It is not as stigmatizing for students as letter grades in my opinion. The language supports a better understanding of where students are at. </t>
  </si>
  <si>
    <t>More work piled on high school teachers.</t>
  </si>
  <si>
    <t>Goals that are set should align with teachers style of teaching. If teachers don’t strongly use an inquiry approach, they should not be forced to have students set “empty” goals</t>
  </si>
  <si>
    <t>This scale is based on the student performance.  It is explicitly explains the way in which children learn new skills.</t>
  </si>
  <si>
    <t>I would like a more information about what a student self assessment would look like for younger children. I agree that children should be involved in setting some of their goals. I don't this it should be included in reporting. I think this is something that should be ongoing throughout the year.</t>
  </si>
  <si>
    <t xml:space="preserve">Not great for early years...   I agree with setting goals, just not with including it with report cards. </t>
  </si>
  <si>
    <t>reporting on core competencies</t>
  </si>
  <si>
    <t>I feel this is a make work project for young children.  It is not meaningful for them to be included in report card.  Report cards for young children are meant for the parents. Most children are oblivious to their report card.</t>
  </si>
  <si>
    <t>There are not enough supports in place for teachers to realistically do this inclusion well</t>
  </si>
  <si>
    <t xml:space="preserve">For secondary teachers, this means 2 types of reporting scales: proficiency scales for grades 8-9, percentage for 10-12. This means that gradebooks, especially in MyEd, would need to be set up differently for different levels. Most secondary teachers teach a variety of grades.
</t>
  </si>
  <si>
    <t xml:space="preserve">See comment above.
Also, why not have a proficiency-to- percentage equivalency scale that is consistent for the Province?
We are mixing 2 different grading philosophies: one based on proficiency (K-9) and then another based on points (10-12). There is a huge disconnect between the two. </t>
  </si>
  <si>
    <t>It should NOT be an option but a REQUIREMENT.</t>
  </si>
  <si>
    <t>Very difficult to implement in secondary.
Would rather see student reflect on curricular competency.</t>
  </si>
  <si>
    <t xml:space="preserve"> Very difficult to implement in secondary.</t>
  </si>
  <si>
    <t>This order is unrealistic and will take some time to implement. 22-23 is too soon. Many mechanisms will have to be put in place to allow for student feedback to be generated. Goal setting: when? In every class? During instructional time? Reflections: same questions. How does this work for semesters?</t>
  </si>
  <si>
    <t>The workload is too much for teachers.</t>
  </si>
  <si>
    <t>It shows a progression of learning.</t>
  </si>
  <si>
    <t>What is the point of having both?</t>
  </si>
  <si>
    <t>Do you understand how difficult this is with primary students?  It is not authentic reflection if the teacher has to heavily prompt students.  Primary students often do not know what they are good at or need to work on.
Students in Grade 4 - 12 should be able to do this without too much difficulty.</t>
  </si>
  <si>
    <t>As stated above it is difficult for primary students to say what they are good at or need to work on.  
Students in grade 4 - 12 should be able to do this authentically.</t>
  </si>
  <si>
    <t xml:space="preserve">*pressure on teachers to get out reports more frequently/adding stress to an already overflowing plate of assessing   *parents do need info on  a regular basis, but the old system with 3 reports and 2 informal was great. Parents need a steady system of reporting but the load must be reasonable </t>
  </si>
  <si>
    <t>This is challenging for primary students who do not yet think abstractly and find this challenging. Great for grades 4 and up</t>
  </si>
  <si>
    <t>K-3 do not yet think abstractly and goal setting is very challenging for this age group for a number of reasons. 4 and up it is fine.</t>
  </si>
  <si>
    <t>*some students' needs are so incredibly complex that this may not be possible/this reality needs to be understood</t>
  </si>
  <si>
    <t>very interesting to see that children are usually really honest with how they are doing/good for parents to see how they perceive themselves</t>
  </si>
  <si>
    <t>I am not concerned about the number of reporting periods if they have not increased</t>
  </si>
  <si>
    <t>I teach high school and am very concerned about there being no students who fail.  
The Ministry should provide proficiency scales and learning maps for each grade and subject.</t>
  </si>
  <si>
    <t xml:space="preserve">It’s gives more opportunity to have a conversation with families. </t>
  </si>
  <si>
    <t xml:space="preserve">Letter grades and percentages aren’t descriptive. </t>
  </si>
  <si>
    <t>Scrap letter grades and go proficiency scales k-12</t>
  </si>
  <si>
    <t xml:space="preserve">Core competency reflections are not take seriously by students because they are not authentic. Asking kids to reflect is fine, but requiring them to do it in a format designed BY adults and FOR adults is not helping anyone. </t>
  </si>
  <si>
    <t xml:space="preserve">Again, if this is implemented as a ministry requirement it will be treated as such and that will suck the joy and authenticity out of what should be meaningfully done bay students in their everyday classroom contexts. </t>
  </si>
  <si>
    <t xml:space="preserve">Too much ambiguity here. Very vague. </t>
  </si>
  <si>
    <t xml:space="preserve">Require proficiency scales in all grades. Scrap letters and percentages. Colleges will follow your lead. </t>
  </si>
  <si>
    <t xml:space="preserve">The requirement of descriptive feedback for each subject area is a huge increase in teacher workload. Most parents do not want to read that much. </t>
  </si>
  <si>
    <t>Teachers should not have to provide both letter grades and the proficiency scale. Parents are happy with only percentages/letter grades</t>
  </si>
  <si>
    <t>In primary grades, it takes a lot of learning time to teach how to do a self assessment. It would be better to allow students and teachers to use that time in more valuable ways.</t>
  </si>
  <si>
    <t>I do not think that is developmentally appropriate for primary students. It requires a lot of teaching time that would be better spent helping students get better at reading and writing.</t>
  </si>
  <si>
    <t>While this works for some students with disabilities, it does not work for all. I think the IEP should state how reporting will work for individual students with disabilities.</t>
  </si>
  <si>
    <t xml:space="preserve">Requiring all subject areas to be reported on 5 times a year with descriptive feedback is a huge increase in teacher workload. It will also decrease instructional time and replace it with assessments to give feedback to parents. </t>
  </si>
  <si>
    <t>I am fine with three report cards throughout the year, but if the school wants to provide more than three, that is fine too.</t>
  </si>
  <si>
    <t>Our school adopted the proficiency scale last year and I feel clueless and helpless when it comes to knowing where my child stands.  I asked my son (13) if he could explain the proficiency scale his answer was "no clue".  It does not allow him to excel.  If he gets prof he feels its good enough.</t>
  </si>
  <si>
    <t>It allows me to know where my son stands and how to help him improve over the year.  It also allows him to challenge himself throughout the year, or be proud when he has worked hard and gets a good grade.  It is needed for university entrance in Canada and U.S.</t>
  </si>
  <si>
    <t>I don't feel it is necessary.  As long as teachers are able to meet with parents/students in person to discuss where the stand and how they can improve if they note their letter grades are low, this should be more than sufficient.</t>
  </si>
  <si>
    <t>I have never liked doing self-evaluations for work and I don't think my son should have to be subjected to the stress it can cause.</t>
  </si>
  <si>
    <t>Currently he likes to set goals such as getting 70% or more on a test.  Or beating his last mark.  I don't think this needs to be written down.</t>
  </si>
  <si>
    <t xml:space="preserve">I do not want this policy to be implemented.  As mentioned our school is using it now and I feel lost and helpless when it comes to knowing where my sons stands and how to help him improve.  I feel middle school and high school should be using letter grades and percentages.  </t>
  </si>
  <si>
    <t>The current workload to provide detailed, written reports for every student is onerous, yet parents and students are reading this information.</t>
  </si>
  <si>
    <t>The language is so vague that it is easy to push students through the system, even when they have not demonstrated any learning actual learning.</t>
  </si>
  <si>
    <t xml:space="preserve">We need consistency in the grading from senior high school through to the universities.  </t>
  </si>
  <si>
    <t>Once again, the language is so vague that it will be easy to socially promote students to graduation, even when they are essentially functionally illiterate (i.e., cannot locate, use, or interpret texts).</t>
  </si>
  <si>
    <t xml:space="preserve">Neither the students nor their parents take this self-assessment seriously; the task has become a make-work project that produces next to no value for any of the stakeholders.  </t>
  </si>
  <si>
    <t>Due to the social promotion of students from K-9, the majority of students have not learned to develop critical thinking skills or personal discipline, both of which are required for personal inquiry projects.</t>
  </si>
  <si>
    <t>There is too little funding for training or support staff to make this happen.  Too often, district in-service days do not invest in sufficient time and funds to truly allow for this goal to come into fruition.  The end result is further social promotion.</t>
  </si>
  <si>
    <t>Lack of funding and lack of time invested in making a true difference; too much pitching the latest educational trend and checking off bureaucratic boxes on forms, but not enough time spent in the classroom with the teachers to recognize the real challenges that we face.</t>
  </si>
  <si>
    <t>Does not support diversified learning</t>
  </si>
  <si>
    <t>Already familiar where most of this plan lacks teacher training</t>
  </si>
  <si>
    <t>Easier to use one or the other rather than scale and letter grades together, this would also confuse families</t>
  </si>
  <si>
    <t>Hard to implement and becomes just another thing to do, when the whole curriculum already requires self reflection, that should be practiced with good teaching methods</t>
  </si>
  <si>
    <t>Lacks the articulation between goals and curriculum- how do we fit it all in?</t>
  </si>
  <si>
    <t>At times, we do not have the hours or paid time to do all of the diversitification required for all of the students in our class. There are frequently too many students that need our individual attention, which slows down learning and teaching.</t>
  </si>
  <si>
    <t>Too often early in the year where we barely have an opportunity to know the students and it is hard to give an accurate report.</t>
  </si>
  <si>
    <t xml:space="preserve">Too little time between formal reports. Often very little changes over 3 months. Up the informal reports reduce the formal to just 2. </t>
  </si>
  <si>
    <t>Again… too much with not enough time. Too often losses meaning.</t>
  </si>
  <si>
    <t xml:space="preserve">Written reports take at least 1 hour per student to write.That's 24 hours on top of teaching and preparation time.  It's unrealistic to do this 3 times per year. </t>
  </si>
  <si>
    <t xml:space="preserve">There needs to be parent education that developing is ok.  Also, there is a wide rage between developing and proficient.  How proficient is proficient?  Perhaps a category between developing and proficient is needed. Something to communicate a student is on track but there is room for growth.  </t>
  </si>
  <si>
    <t xml:space="preserve">Letter grades and percentages require numerical data and the default is multiple choice assessments.  It makes no sense to focus on description up to grade 9 and then switch.  The requirement for a letter grade significantly influences teaching methods. </t>
  </si>
  <si>
    <t xml:space="preserve">Student voice is important.  It's an additional layer for teachers to incorporate into reporting and reporting is already an overwhelming task. </t>
  </si>
  <si>
    <t>Sounds great - resources and time to achieve this ideal will be required.  It's not realistic to expect one teacher to meet the diverse needs of a class of 24-30 students.</t>
  </si>
  <si>
    <t xml:space="preserve">The time required to minimally fulfill the reporting requirements is excessive.  In addition, MyEd is not user friendly, full of glitches and inefficient making a challenging task even more challenging and time consuming.  The work required compared to the value is out of whack.   </t>
  </si>
  <si>
    <t>Too subjective. Not enough indicators to clearly communicate a student’s ability. Positive framing of comments can lead to a misunderstanding that the student is doing fine when the truth is that there are gaps in understanding and it’s not clear what the student lacks or does not grasp</t>
  </si>
  <si>
    <t>Best system for reporting in the most objective and fair way that we have.</t>
  </si>
  <si>
    <t xml:space="preserve">Unnecessary. Self-assessment is problematic on many levels. Competency-based eduction is misguided. We develop competencies through the content; not vice versa. </t>
  </si>
  <si>
    <t xml:space="preserve">Setting learning goals is good. Inquiry focus is not as effective for novice learners as direct instruction. </t>
  </si>
  <si>
    <t xml:space="preserve">Most people learn in similar ways. This could widen the gaps in the name of inclusion. </t>
  </si>
  <si>
    <t xml:space="preserve">Less frequent and time-consuming. This time and energy spent on lengthy reports would be more effectively spent on planning. </t>
  </si>
  <si>
    <t xml:space="preserve">I would like to see more ongoing reporting by requiring the use of sharing (i.e. Google classroom). With only 4 formal reports. </t>
  </si>
  <si>
    <t xml:space="preserve">More training is needed before this could be implemented. Also difficult when you teach 9s and the higher grades. Consistency for high school is prefered. </t>
  </si>
  <si>
    <t xml:space="preserve">Doing both is too much. Students will see the % as the only important part. A lot of work goes into proficiency reporting for it to be ignored. </t>
  </si>
  <si>
    <t>Who is doing this with the students? Who is tracking it?</t>
  </si>
  <si>
    <t>More training is needed to implement this</t>
  </si>
  <si>
    <t xml:space="preserve">Avec la nouvelle technologie, nous communiquons déjà très souvent et de facon continue avec les parents
</t>
  </si>
  <si>
    <t xml:space="preserve">Les élèves et les parents veulent avoir des notes en pourcentage, même si l'on sait tous que l'acquisition de compétence est nécessaire. Les universités ne seront plus quoi faire de ces relevés qui ne voudront plus dire grand chose. </t>
  </si>
  <si>
    <t>Les élèves n'aiment pas du tout cet échelle. Ils veulent des notes en pourcentage et àl alimite un cote.</t>
  </si>
  <si>
    <t>Ça fait encore une autre chose à gérer, notre travail est déjà assez lourd.</t>
  </si>
  <si>
    <t>Nous le faisons déjà à notre école, inclusion!</t>
  </si>
  <si>
    <t>S'il vous plait arrêter de toujours tout changer</t>
  </si>
  <si>
    <t xml:space="preserve">The inclusion of three written reports will significantly increase my workload as a teacher. </t>
  </si>
  <si>
    <t xml:space="preserve">I do not teach these grades. </t>
  </si>
  <si>
    <t xml:space="preserve">The inclusion of self assessment is a good practice for older students but is almost impossible for primary students. For most younger students, self assessment of core competencies is meaningless as it is not developmentally appropriate without significant, guided support. </t>
  </si>
  <si>
    <t xml:space="preserve">Again, this is great for older kids but a real challenge for primary students or certain kids with exceptionalities. To be truly inclusive, the developmental levels of these children should be considered when proposing abstract items like goal setting. </t>
  </si>
  <si>
    <t xml:space="preserve">Inclusion as a practice can result in isolation without proper funding or teacher training. I am supportive of this idea in theory (both as a a teacher and a parent of a child with special needs) but would like to see more funding and training to support its implementation. </t>
  </si>
  <si>
    <t xml:space="preserve">Please see my comments, above. I support inclusive practice but, in order to be affective, teachers need to be trained and students need access to supports like specialists, SSWs, therapies, and more. </t>
  </si>
  <si>
    <t>More work load for teachers</t>
  </si>
  <si>
    <t>Increase work load for teachers</t>
  </si>
  <si>
    <t>status quo</t>
  </si>
  <si>
    <t>Increased work load for teachers</t>
  </si>
  <si>
    <t>students often don't take reflection seriously</t>
  </si>
  <si>
    <t>Students often have trouble setting their own goals</t>
  </si>
  <si>
    <t>Support diverse learners</t>
  </si>
  <si>
    <t>workload for teachers</t>
  </si>
  <si>
    <t>This does not take into account the various delivery methods of courses (linear, semestered, quartered). It is also not very clear on how these reports are to be created and there is no specification for any time provided to complete this reports so that they are meaningful for each students.</t>
  </si>
  <si>
    <t>These are the same scales currently being used and will allow for more clarity and consistency.</t>
  </si>
  <si>
    <t>This does not align with the rest of the assessment practices prior to grade 10. Regardless of the inclusion of comments that may be tailored to the student, the percentage because the primary focus and takes away from the principals that guide the current assessment practices, including FPPL.</t>
  </si>
  <si>
    <t>This is not continuity as the shift to the proficiency scale is to acknowledge the learning and progress and better incorporate the First People’s Principals of Learning and requires the proficiency scale now be associated with a percentage instead of on the learning.</t>
  </si>
  <si>
    <t>There is no clear guidelines for how or when this would happen. This self-assessment also requires a lot of scaffolding and teacher support for these to be meaningful for students.</t>
  </si>
  <si>
    <t xml:space="preserve">How will these be tracked and traced? Who will follow up? How is accountability being considered so that this becomes meaningful and not another hop for students to jump through. Also, when is this to happen? </t>
  </si>
  <si>
    <t xml:space="preserve">There is still colonial language being used and does not reflect the First Peoples Principals of learning. </t>
  </si>
  <si>
    <t>5 is a lot in 10 months! Takes away from valuable planning time, which allows me to teach more, and teach my best. Completing this survey at 6:00 pm. Started at 8:00 am.  More school work to do at home tonight!</t>
  </si>
  <si>
    <t>The scale communicates to parents where their child is. BUT.......................using "Learning Areas" (Subjects) is very broad. eg. Language Arts- what if a child excels at reading, but not writing.......excels at writing, but not speaking/presenting. SSDAS report broke it down, speak, read etc.</t>
  </si>
  <si>
    <t>Some place and value in this, but plan is excessive, and not appropriate for young (K-3) students. Time consuming to teach and do, yet not valid (they check "yes I am" for all, for example) and therefore not useful to parents.</t>
  </si>
  <si>
    <t xml:space="preserve">Some place and value in this, but plan is excessive, for young (K-3) students. Much valuable teaching time taken for this. </t>
  </si>
  <si>
    <t>Ridiculous!!!!!!!!!!!!!! to apply proficiency scale for special needs students.</t>
  </si>
  <si>
    <t>5 times is excessive, especially as teachers continually spend additional hours to participate in in-person talks, emails and phone calls with parents throughout the year!!!!! And, parents can contact/ask/inquire anytime! Too much time spent that could be used to plan for kids!!!!!!</t>
  </si>
  <si>
    <t>That is a reasonable number of reporting periods</t>
  </si>
  <si>
    <t>I think students by grade 6 are ready for, and benefit from, letter grades to describe their learning. If not grade 6, definitely grade 9 as they are starting high school in many districts.</t>
  </si>
  <si>
    <t xml:space="preserve">More work for teachers and the current reporting assessment is fine </t>
  </si>
  <si>
    <t>Teenagers are not always able to see their strengths but good at seeing their faults so this could be damaging to their mental health. They are fully aware of what they can and can’t do without putting themselves through this process in all classes regularly.</t>
  </si>
  <si>
    <t>Great idea for elementary or middle school, where they have 10 months to re-examine goals but hard at high school where they have 2.5 or 5 months.</t>
  </si>
  <si>
    <t xml:space="preserve">I am not in agreement with removing the work habits part of reporting. It could use more consistency within districts but I feel that it is a valuable aspect to report on, for teachers and parents. </t>
  </si>
  <si>
    <t>Yea here aren’t using this scale consistently across schools or districts (meaning different teachers assign ‘extending’ for different levels of achievement) which can be detrimental at high school.</t>
  </si>
  <si>
    <t>Lack of clarity on requirements for reports. As the 4 traditional reports in high school all required Descriptive Feedback, school districts are asking teachers to simply do the same a fifth time, causing a *significant* increase in workload, without any support (ex. paid non-teaching days).</t>
  </si>
  <si>
    <t>The wording of the proficiency scale is confusing, putting extra labour on teachers to continually educate parents. (What does "Emerging" mean? Why is "Proficient" not a verb?) Furthermore, 4 points compare too directly to traditional grading, meaning students usually just translate to an A/B/C/D.</t>
  </si>
  <si>
    <t>If we redesign K-12 reporting, we need to change our relationships with universities. Parents &amp; students are confused by changes in reporting, and will be confused &amp; angry to switch back. This will be intensified with future parents &amp; children native to the proficiency system, once in Grade 10.</t>
  </si>
  <si>
    <t xml:space="preserve">Good for continuity, but more work for teachers. Districts should not be able to demand this. It should be made clear that teachers will not be expected to use this for every assessment given between official reports, and that if one system predominates, the other will only be an approximation. </t>
  </si>
  <si>
    <t xml:space="preserve">Students do not understand the importance of this, and so give lazy responses. Teachers need supports (i.e. given materials and/or extra preparation time) for proper implementation. </t>
  </si>
  <si>
    <t>Will students be directly uploading the student-generated content? If teachers are expected to collect, track, &amp; data-input the student goal setting &amp; core competency self-assessments, it is going to lead to a significant increase in teacher workload. Support teachers via prep time &amp;/or materials.</t>
  </si>
  <si>
    <t>The draft Reporting Order and supporting documents continue to be based on traditional, colonial reporting structures and contain language that is of a colonial nature.</t>
  </si>
  <si>
    <t>It may be the same number of reports but there is not enough clarity in what is required. Having to do this for 200 plus students is not appropriate.</t>
  </si>
  <si>
    <t>This will be redundant for high school students that have 8 courses.</t>
  </si>
  <si>
    <t>High school students have 8 courses. Their goal setting will likely become redundant and it will only be viewed as a chore which isn't supplementing their learning.</t>
  </si>
  <si>
    <t>This presumes that teachers are currently not inclusive of all learners.</t>
  </si>
  <si>
    <t>onerous, on students and teachers. Many parts are ambiguous.</t>
  </si>
  <si>
    <t xml:space="preserve">The existing number of reports will be too many with the new longer reporting requirements. If I have 4 full classes per semester, that’s 120 reports, five times per year. Too much. </t>
  </si>
  <si>
    <t xml:space="preserve">It isn’t really any different than what I am already doing.  It will be so much work to change all of my assessments. Will we be given days to complete this transition?  It will take so much time. </t>
  </si>
  <si>
    <t xml:space="preserve">I prefer to give percentages to senior students because I k is they will require them for post secondary. Using the 4 point scale and then converting to percentages is a huge waste of time though. </t>
  </si>
  <si>
    <t xml:space="preserve">Too much work. The proficiency scale works well for English, math and maybe social studies but does not translate well to science, biology, chemistry etc. There is simply too much content  in this upper level academics. </t>
  </si>
  <si>
    <t>Who is creating these student self -assessments?  Is this being downloaded to the teachers?  When will teachers be given time to do this?  Are there outlines or guidelines for each subject and each topic?  If not, there should be samples for every single competency in every subject and every grade</t>
  </si>
  <si>
    <t xml:space="preserve">Goal setting is always a good idea but this will take away time from other areas of the curriculum. How will it be made up?  Teachers are already pressed for time to finish the curriculum. </t>
  </si>
  <si>
    <t>Who will help me with this. I’m not an expert on Inclusive education?  Why are regular classroom teachers being tasked with this?</t>
  </si>
  <si>
    <t>Also student goal setting and frequency of reporting</t>
  </si>
  <si>
    <t>This new system puts the onus on teachers but offers very little guidance (just like the vague new curriculum). The province needs to provide frameworks that show exactly how each curricular competency relates to the big ideas/content and how to assess this using the proficiency scale - set it up!</t>
  </si>
  <si>
    <t>Proficiency standards that allow students and parents to see where student strengths and deficiencies will help motivate students and make expectations clear.</t>
  </si>
  <si>
    <t>Why are universities not changing their entry models? Why is it up to high school teachers to filter students by percentages. Not reliable or consistent ways of assessing student learning.</t>
  </si>
  <si>
    <t>I haven't had a prep for a year now (I had one last in Quarter 1 last year). I don't have a prep in this semester. I barely keep my head above water and am close to keep quitting my job.  There is no way that I can deal with this increased reporting requirement.</t>
  </si>
  <si>
    <t>I have more than 100 students. I don't have time to give descriptive feedback that many times. nor do I think it is necessary for a 5 month semester.</t>
  </si>
  <si>
    <t>Too many reports!</t>
  </si>
  <si>
    <t>Too many reports.</t>
  </si>
  <si>
    <t>Adds a huge amount of work to my work load.</t>
  </si>
  <si>
    <t>I have &gt; 100 students. How am I supposed to manage this? It's a crazy work load right now anyway.</t>
  </si>
  <si>
    <t>Too vague. What does that even mean? If you want me to do that then give me some time off to be able to do that. I have no prep this semester!!!!!!</t>
  </si>
  <si>
    <t>We are in the middle of a Covid pandemic, my classes are all full, I have no prep. I am very close to quitting my job or burning out. I cannot do more work without any time given to do this work.</t>
  </si>
  <si>
    <t xml:space="preserve">No time - if this is proposed for next year, when will I have the time to change over all of my assessment materials?  Such an intense amount of work- especially at the secondary level. </t>
  </si>
  <si>
    <t>I don’t think grade 9 should be included in this. Too much work</t>
  </si>
  <si>
    <t xml:space="preserve">Universities want letter grades - there is no point using a proficiency scale if it is going to be converted back to a grade/percentage. Extra and unnecessary work. </t>
  </si>
  <si>
    <t>Who will create all of these self assessments for each subject area and grade level. Again - so much work and no consistency between subjects/grades if every teacher makes their own</t>
  </si>
  <si>
    <t>Students can do this on their own</t>
  </si>
  <si>
    <t>Regular teachers are not inclusive education specialists and should not be tasked with a specialists job that they are not trained to do. Inclusive Ed teachers can do this</t>
  </si>
  <si>
    <t>This style of assessment is very difficult to apply to senior sciences. I have been to several science assessment workshops and they have not been helpful. The govt needs to make the list of curricular competencies and content that we can use for assessment. (Like in the old curriculum)</t>
  </si>
  <si>
    <t>It doesn’t allow for the flexibility provided with e-portfolio’s.</t>
  </si>
  <si>
    <t>The wording is not clear for parents nor are they regular words for kids to use.</t>
  </si>
  <si>
    <t>Why would we change the way we report for only two grades?  That makes no sense.</t>
  </si>
  <si>
    <t>Setting goals works well for intermediate kids but is much more difficult for primary children.</t>
  </si>
  <si>
    <t>Some students require specific supports.  These students are getting left out.</t>
  </si>
  <si>
    <t>We have done a lot of work around e-portfolios.  This order goes backwards and removes what we feel is a much more effective way of communicating student learning.  Teachers can not be doing this order as well as e-portfolios as the workload is huge.</t>
  </si>
  <si>
    <t xml:space="preserve">No examples provided of what the reports could look like for each subjects. How long will this take us to complete? We should have release time to be able to write all these reports. We should not be expected to write reports on our free time. </t>
  </si>
  <si>
    <t xml:space="preserve">I have been using this scale for the past two years, but again, we do not have any examples of what a scale rubric should look like based on the curriculum. </t>
  </si>
  <si>
    <t xml:space="preserve">How are we expected to use a rubric and then give a Letter Grade? This makes no sense. </t>
  </si>
  <si>
    <t>Again, how are we supposed to convert the scale to percentage or a letter grade? Doesn't it defeat the whole purpose of the scale? If a student has Three Proficient, Two Developing and 1 Extending based on the skills shown in class, how Am I expected to find the average of that?</t>
  </si>
  <si>
    <t xml:space="preserve">These goals should be clearly communicated with teachers per subject la. </t>
  </si>
  <si>
    <t>As long as I can still use FreshGrade digital portfolios as a reporting tool and I don't have to provide a written report in addition to the detailed assessments therein, I'm okay with the status quo.</t>
  </si>
  <si>
    <t>I don't think the proficiency scale is appropriate for Kindergarten, especially in the first term. The only things appropriate to report in Kindergarten first term are the baselines for numeracy, literacy, fine motor skills, and social/emotional skills.</t>
  </si>
  <si>
    <t>Students need to understand letter grades and percentages to prepare for and qualify for post secondary.  Even if BC post secondary moves to accept more updated forms of assessments, post secondary schools outside BC may not.</t>
  </si>
  <si>
    <t>Possibly redundant</t>
  </si>
  <si>
    <t>Ridiculous in the primary grades. The teacher time required to meet individually with each child to create a true understanding of their own growth is prohibitive. Self-assessment would become superficial and meaningless. It's difficult enough to do once a year. More than that is insane.</t>
  </si>
  <si>
    <t>Ridiculous in the primary grades. The teacher time required to meet individually with each child to create formal goals is time wasted. In the primary classroom, small attainable goals are set and celebrated in the moment as student grow along a continuum.</t>
  </si>
  <si>
    <t>Seems obvious. What's the catch?</t>
  </si>
  <si>
    <t>No time. No help. No way.</t>
  </si>
  <si>
    <t>The new reporting expectations will increase teacher workload, especially if using e-portfolios. 
If the requirements for each report increase, the number of written reports must decrease
Only 2 written reports (midterm and a final) should be required especially with e-portfolios</t>
  </si>
  <si>
    <t>This scale makes more sense to students</t>
  </si>
  <si>
    <t>This would be more work</t>
  </si>
  <si>
    <t>This will increase teacher workload
We are doing them through the year but making them part of the final report only is more than sufficient</t>
  </si>
  <si>
    <t>This will increase teacher workload
Of course students set goals but to add them to the reports is more work
It is also only possible at a very simple level for primary kids
It will take a lot of teaching time for them to do ALL of this each time</t>
  </si>
  <si>
    <t>We are not provided with nearly enough funds/staff to respond fully to all of our students' needs
We are struggling to minimally meet them because services (such as counselling groups) have been completely cut and there is not enough resource teacher time
It would be impossible</t>
  </si>
  <si>
    <t>If the requirements for reporting are increasing, it will increase teacher, especially classroom teacher, workload
This is unfair and must not happen
More requirements must be offset with less frequent written reports</t>
  </si>
  <si>
    <t xml:space="preserve">This sounds like a lot of extra work and reporting despite being the same number of reports. </t>
  </si>
  <si>
    <t xml:space="preserve">this does not impact me as I am already using the scale
</t>
  </si>
  <si>
    <t>It is a hard transition for students, but unless universities are able to adapt, I understand the rationale. I find the four point scale a better indicator.</t>
  </si>
  <si>
    <t xml:space="preserve">Assigning percentages to each category would help all teachers be more accurate. Currently, there is a big discrepancy between individual teachers using the scale. </t>
  </si>
  <si>
    <t xml:space="preserve">Student self assessment is such an important part of ownership of learning. I do this already.... all the time.... every day. </t>
  </si>
  <si>
    <t>How do you propose setting goals in a career related context in K?</t>
  </si>
  <si>
    <t xml:space="preserve">I would only be satisfied if there are strong provincial guidelines and sample templates that can be used.  </t>
  </si>
  <si>
    <t xml:space="preserve">Where is this coming from? Where are the studies that this improves student engagement/acheivement, or is it just one more story told or seized on by a bureaucrat to allow them the illusion of control?  It takes away from time w/ my kids, a devolution which has been happening over time.  </t>
  </si>
  <si>
    <t>Let's just get rid of grades, or have them through the system in a consistent way.  I'm for getting rid of them and then letting universities test before taking in kids.  Or, huge cash grab done by some of the unis in Quebec, EVERYONE gets in first year and half don't make it to second. Open access.</t>
  </si>
  <si>
    <t xml:space="preserve">It's a scale, replacing a scale.  A scale, for a scale.  Give me a break.  </t>
  </si>
  <si>
    <t>A report card 25% of the way into the year?  How reliable can that be? [ya didn't get that from the Finns]. I actually know one of the sources for all this, work in the same school, and the kids think he is the WORST teacher. Time wasted on this when they already know?  Virtue signalling.  Ugh.</t>
  </si>
  <si>
    <t>Also recycled from Brain Based learning and the corporate world. In the main, busy work, which is a stand in for real teaching, deep thinking.  Most kids do not care and without motivation there is little insight and a shallow box checking.  Exit interviews?  Kids roll their eyes.</t>
  </si>
  <si>
    <t xml:space="preserve">Good in theory.  Where am I getting the time?  Sick time?  Time away from creating community and actively engaging w/ kids?  EVERYTHING should be about streamlining all the  noise and making the teaching time sacrosanct. This all sends the wrong message. It's fusty.  </t>
  </si>
  <si>
    <t>KISS</t>
  </si>
  <si>
    <t>Explained above by a highly regarded, reasonably well loved educator who has [no way to measure it anymore but that's okay] real results with kids. Teachers just doing what they are told and get on with it; develop strategies so they can survive, have lives: the message is teaching is low priority.</t>
  </si>
  <si>
    <t xml:space="preserve">Reporting regularly throughout the year help teachers and students set attainable goals. There’s time to make progress, reflect and adjust in between each reporting period.  </t>
  </si>
  <si>
    <t>Provincial Performance standards provide a level of equity and and standardization province wide.</t>
  </si>
  <si>
    <t>Post secondary requirements and communicating to students what subjects they enjoy and are good at.</t>
  </si>
  <si>
    <t>Being mindful and self aware…..not always easy but always beneficial.</t>
  </si>
  <si>
    <t>Guided thoughts about the future help make what could be stressful and overwhelming, more manageable for some students.</t>
  </si>
  <si>
    <t>I think a combination of written and verbal (parent conferences) reports is best. Two written and one summary report is good practice.</t>
  </si>
  <si>
    <t>Proficiency scale language and pedagogy is sound practice - more specific feedback than letter grades.</t>
  </si>
  <si>
    <t>Letter grades are needed for post secondary. Until this practice changes, then letter grades are necessary.</t>
  </si>
  <si>
    <t xml:space="preserve">Although this is cumbersome as percentages and Proficiency Scale don't really match - a combination of grades/percentages and Proficiency Scale will be better than just switching suddenly to letter grades only. </t>
  </si>
  <si>
    <t>This will be a lot of work in primary grades, for teachers to incorporate this in every reporting session.</t>
  </si>
  <si>
    <t xml:space="preserve">Students setting their own learning goals throughout the year is so important. </t>
  </si>
  <si>
    <t>2 of the Learning Updates provided during the school year must cover all the subject areas is unreasonable. Cover either Humanities or Science in alternating reporting sessions, not both at the same time. Unreasonable to have a least 1 Learning Update take place in first 25% of year.</t>
  </si>
  <si>
    <t xml:space="preserve">I'm not sure if it is going to  be simplified for quick completion and universally the same from school to school. 
Extra workload for teachers with no extra time to complete assessments and written expectations of the reports including the summary. 
Little professional development or input </t>
  </si>
  <si>
    <t xml:space="preserve">There isn't consistancy of understanding among teachers or administrators </t>
  </si>
  <si>
    <t xml:space="preserve">Often letter grades and percentages are driven by test taking and not teaching and learning. It is data driven instead of exploring and learning new things. </t>
  </si>
  <si>
    <t xml:space="preserve">When something is only encouraged it leaves the door open to opt out. This will also put more work load and stress on teachers. </t>
  </si>
  <si>
    <t xml:space="preserve">I am happy to see students taking part in learning and setting goals. However many teachers still do not have enough professional development opportunities to learn how to do this so it's valuable.  Examples and opportunities for professional development need to be included. </t>
  </si>
  <si>
    <t xml:space="preserve">This is a good idea. However it is very  time consuming with so many obstacles such as language barriers and the lack of resources to support students who may struggle  with self-regulation, reading and writing. They may not have the support at home either. </t>
  </si>
  <si>
    <t xml:space="preserve">Not enough support in classrooms often to support students and teachers.  Often students who need assistance don't qualify for assistance but that doesn't mean they don't need it. It's important that professional development happens around inclusion practices and their is money to support it. </t>
  </si>
  <si>
    <t xml:space="preserve">The more formal reporting I'm required to do the less time I will have to build connections with families and to plan, teach and collaborate  with colleagues to provide for my students. Unless there is a check list that's not time consuming!! </t>
  </si>
  <si>
    <t>I prefer the IB scales of either 8 or 7 as providing a  more nuanced description</t>
  </si>
  <si>
    <t>a 4 point scale does not translate very well into percentages again the IB scales do a better job.</t>
  </si>
  <si>
    <t>Having the students self assess this and report it will be a logistical challenge and a technical challenge.</t>
  </si>
  <si>
    <t>Very difficult to do especially at the secondary level. Students have limited access to technology to do this easily and it will become a large burden on staff.</t>
  </si>
  <si>
    <t>Too difficult reminds me of the Physical activity self reporting which was pointless, time consuming and futile.</t>
  </si>
  <si>
    <t>Grade 9 teachers are not prepared for this change and have received minimal support. Social promotion at grade 9 sets the stage for failure at grade 10</t>
  </si>
  <si>
    <t>Inconsistent. These two grading systems are not the same. Why are students being assessed twice?</t>
  </si>
  <si>
    <t>Self assessment and responsibility for learning is a good thing</t>
  </si>
  <si>
    <t>Social promotion at grades 8 and 9</t>
  </si>
  <si>
    <t xml:space="preserve">I would like to see the description of Proficient to say "solid understanding" versus "complete understanding".  I am not sure we can be at a complete understanding of a topic so it is misleading.  </t>
  </si>
  <si>
    <t>This is difficult to do for young children (i.e. I teach grade one).  I have done this in the past consistently but it is very time consuming to teach this so it is authentic.</t>
  </si>
  <si>
    <t>I am not very clear on how I would report on a student with special needs using the Proficiency scale.  I am assuming that this will be using the IEP goals that are set and then using the scale to give feedback.</t>
  </si>
  <si>
    <t>I like doing goal setting in January and June with grade one's and don't see how I will fit this in for the first term if we have to do it for all 3 reporting terms.</t>
  </si>
  <si>
    <t>I suppose I am neutral because it is the same number every year.</t>
  </si>
  <si>
    <t xml:space="preserve">I am neutral because it is definitely easier to give a performance level versus a percentage translating to a Grade.  Parents have difficulty understanding exactly how their child is doing which is when parent/teacher conferences close to report card time is important.  </t>
  </si>
  <si>
    <t>I am slightly satisfied because it is disruptive to change reporting to letter grades so late in a child's education.  But if post-secondary schools require letter grades, then it needs to be done.</t>
  </si>
  <si>
    <t>Encouraged is not an appropriate term; it is either done or not done.</t>
  </si>
  <si>
    <t>Self-assessment is best beginning in Grade 4 when students are developmentally ready to understand.</t>
  </si>
  <si>
    <t>Goal setting is not suitable before grade 4 because they are not developmentally ready to understand.</t>
  </si>
  <si>
    <t>I think as teachers we do this already.</t>
  </si>
  <si>
    <t>Student Self-assessment is not appropriate in the Primary grades.  More time could be spent on learning to read.</t>
  </si>
  <si>
    <t>This requires too much time...which is taken away from planning and actual teaching.  Throw in FSA testing and there is very little instructional time.</t>
  </si>
  <si>
    <t xml:space="preserve">Parents don’t want fancy words.  They just want to know how their child is doing and how they can help at home.  </t>
  </si>
  <si>
    <t>Most parents want letter grades for their children from intermediate to graduation.  They come in to talk to the teacher for verbal explanations and details about those grades.</t>
  </si>
  <si>
    <t>Mostly a waste of valuable instructional time.</t>
  </si>
  <si>
    <t>Less reporting not more. There needs to be more instructional time.  More practice of lessons.  Mire engagement and fun. Reporting is stressful.  It cuts into valuable planning and instruction.  It adds nothing! It takes away from the joy of teaching.  Less is more.</t>
  </si>
  <si>
    <t xml:space="preserve">My district uses Freshgrade which is more than enough with the three written semester reports. </t>
  </si>
  <si>
    <t xml:space="preserve">Promotes a growth mindset and encourages students to go above and beyond. </t>
  </si>
  <si>
    <t>Don’t really agree with grades for reporting, but then they are used for post-secondary. So it would be hard to go without.</t>
  </si>
  <si>
    <t xml:space="preserve">Students voices are heard and are learning goal setting and working towards achieving them. </t>
  </si>
  <si>
    <t xml:space="preserve">We would need help differentiating all the assessments. </t>
  </si>
  <si>
    <t xml:space="preserve">If everyone requires different assessment, then resources need to be made available for teachers to be able to do that. </t>
  </si>
  <si>
    <t>I feel this will greatly increase teacher’s workload. Teachers work loads have continued to go up over the years to address these diverse learning needs and complex behaviours. It sounds like we will have less time to teach students as more of our time will be dedicated to a constant cycle of assess</t>
  </si>
  <si>
    <t xml:space="preserve">I think it better reflects student achievement and provides room for growth. </t>
  </si>
  <si>
    <t xml:space="preserve">I feel like universities are behind in assessment practices, especially when they should be leading the way with new practices based on research. </t>
  </si>
  <si>
    <t xml:space="preserve">When a percentage is tied to the grade, it’s hard to fully commit to assessment practices that are based on constant feedback and goal setting. </t>
  </si>
  <si>
    <t xml:space="preserve">I think this is common practice, but it becomes a make work project when you are forced to find a way to share these conversations we have daily in a paper-based way to send home. </t>
  </si>
  <si>
    <t xml:space="preserve">I feel like all students have something to work on and their individual goals should be reflected in their reports. </t>
  </si>
  <si>
    <t xml:space="preserve">Because this is going to burn out our teachers!  Our focus will turn away from teaching to one of constant reporting. Assessment doesn’t need to be official all of the time. Often the most effective pieces of student feedback happen quickly and on the fly, as the learning is happening. </t>
  </si>
  <si>
    <t>Increased workload in an already demanding year.</t>
  </si>
  <si>
    <t>I teach kindergarten and this is too difficult for them adding to the teacher's already demanding workload.</t>
  </si>
  <si>
    <t>K's CANNOT do this.</t>
  </si>
  <si>
    <t>K'S not able to do this.</t>
  </si>
  <si>
    <t xml:space="preserve">Strange breakdown for semester system though.  An interim in October, written in November, summative in Jan, another interim in march, written in April and another summative in June.  We end up either doing or 6.  This means we now must do 6.  </t>
  </si>
  <si>
    <t>As a teacher, when I look through grade 7 report cards to find out info about my grade 8's, I can really tell very little from these report cards.  I honestly have looked at several and I find it very hard to get an actual understanding of the grade 6 and 7 math skills.  I understand A, B, C, etc, b</t>
  </si>
  <si>
    <t>easy to understand for all and an 86% A is very different than a 99% A in math.  Nice and clear!</t>
  </si>
  <si>
    <t>How much more work do you want from us as teachers?  WHEN are we supposed to be filling in all these checkboxes??</t>
  </si>
  <si>
    <t xml:space="preserve">I don't see why I need to lose math time for this.  When I read grade 7's, comments like "I do better at math since we play outside" do NOTHING to help!
</t>
  </si>
  <si>
    <t xml:space="preserve">Again, I don't know why I need to use my valuable class time for this!  I find the kids that need goals really don't take it seriously and the kids that take it seriously already have goals set.  </t>
  </si>
  <si>
    <t>I realize we are being inclusive, but there are still right answers in math, no matter how much a student attempts.  I fear we are just passing kids on out of social promotion rather than being ready....which adds to the mental health strain at the next level, where they aren't prepared to be!</t>
  </si>
  <si>
    <t>proficiency scale in math</t>
  </si>
  <si>
    <t>by the time you use a scale, and then convert it to percentages, I feel math is far more accurately reported by using the actual percentages.  Math answers aren't subjective.  I fully understand prof scale in many subjects....NOT MATH!!!!  It should be used where it's applicable.</t>
  </si>
  <si>
    <t>5 reporting periods for a class within a semester system is too frequent. The first one this year was too early in the year to say much about my students.</t>
  </si>
  <si>
    <t>I love the proficiency scale, and wish all course evaluations could move in this direction. It so easily enables student reflection, useful feedback that encourages growth and a clear direction for students (vs. a number or letter)</t>
  </si>
  <si>
    <t>As detailed above, the system technically works but takes the focus off of growth, reflection and valuable feedback.</t>
  </si>
  <si>
    <t>See prior answer. I think it’s a wonderful idea!</t>
  </si>
  <si>
    <t>I have yet to see this implemented in a valuable way.</t>
  </si>
  <si>
    <t>I need more information to form an opinion. Would this be done in every class, or…?</t>
  </si>
  <si>
    <t>This sounds like a great idea. Teachers already respond to various learning needs, so might as well further this endeavour if it benefits students.</t>
  </si>
  <si>
    <t>Too frequent. 5 times in a year makes sense. 5 times in half a year is a lot. Growth takes time.</t>
  </si>
  <si>
    <t xml:space="preserve">With high schools operating in two semesters, it doesn't make sense to require an odd number of reports.  Does one semester get three reports and the other get only two?  This does not fit well. There should be an equal number of reports per semester. </t>
  </si>
  <si>
    <t>Some parents won't be able to read the communication based on language skills. The interpretation of the keywords may be different between teachers of similar grades and subjects. Student performance and descriptive feedback are subjective. Are there examples or standards for each subject/level?</t>
  </si>
  <si>
    <t xml:space="preserve">Traditional practice is straightforward and well known. Teachers of grades 8-9 and 10-12 will be looking at more work and two different reporting requirements. </t>
  </si>
  <si>
    <t xml:space="preserve">Use one scale or the other. Both are redundant. This is just more work for teachers. One system is adequate. </t>
  </si>
  <si>
    <t xml:space="preserve">I really can't see how this would benefit. Students will give themselves great reports, especially if the parents are going to see them. Why would they write something negative? Why would they buy in? This takes away from learning time and is just another piece of info that teachers have to juggle. </t>
  </si>
  <si>
    <t>This will take away from learning time. Who will assess these goals and manage the progress?  If it is teachers, just don't do it. Are there examples of what this looks like?  Do teachers have to make this up? Will there be support for time needed to be spent creating and managing all this?</t>
  </si>
  <si>
    <t xml:space="preserve">Each student does not have their own individual learning plan. Too much time needed for teachers. Classrooms are diverse and having to tailor assessment to each student will create stress for teachers. This is not a simple practice and support for teachers will be needed to prepare materials this. </t>
  </si>
  <si>
    <t>ALL need to change</t>
  </si>
  <si>
    <t xml:space="preserve">The time that it would take for a teacher to complete all of this for the number of students they have would mean they would have to spend hours and hours completing it. It would take away from learning time. This is not well thought out. </t>
  </si>
  <si>
    <t xml:space="preserve">Relying so heavily on Written reports are exclusionary of many ELL parents 
</t>
  </si>
  <si>
    <t>The process of Self assessment needs to be taught through the year and in primary grades doing it in the early reporting periods isn’t true self assessment as the children do not understand and it ends up being yet another thing that has to be directly supported and completed by the teacher</t>
  </si>
  <si>
    <t xml:space="preserve">The process of setting goals needs to be taught through the year and in primary grades doing it in the early reporting periods isn’t true goal setting as the children do not understand and it ends up being yet another thing that has to be directly supported and completed by the teacher. </t>
  </si>
  <si>
    <t>This is already what teachers do</t>
  </si>
  <si>
    <t>The demand by some districts that reporting be done exclusively via eportfolio</t>
  </si>
  <si>
    <t>Requiring all reporting be done via e-portfolios  is not inclusive and respectful of all children. The amount of time demanded to maintain reporting in this format for a primary class means huge amounts of time coming out of instruction and learning opportunities.</t>
  </si>
  <si>
    <t>Workload of completing 5 reports for approximately 200 students taught during the school year is not justified.</t>
  </si>
  <si>
    <t>Description of what constitutes extending or any other criteria are unclear. In discussion with other teachers the definitions to these criteria tend to vary greatly.</t>
  </si>
  <si>
    <t>Parents are familiar with letter grades and do not need the confusion of adding another layer.</t>
  </si>
  <si>
    <t xml:space="preserve">The work load vs the effectiveness is not equal.  Too much for the value </t>
  </si>
  <si>
    <t xml:space="preserve">Vague for the student.   Developing is to broad of a term </t>
  </si>
  <si>
    <t xml:space="preserve">Asked to do too many core competency reporting </t>
  </si>
  <si>
    <t xml:space="preserve">Again.   Too many hours spent rather than teaching other important skills </t>
  </si>
  <si>
    <t xml:space="preserve">Although teachers are consistently asked to perform more administrative tasks student attendance and achievement is not improving. </t>
  </si>
  <si>
    <t xml:space="preserve">The range of the four point scale is far too large making it insufficient to give a clear understanding of student progress. </t>
  </si>
  <si>
    <t>It is fundamental that we maintain a system of symbols that is understood and as accurate as we can make it. Sadly, the transfer from grades 8 and 9 where a four point scale is used to letter grades is confusing for students. Letter grades and percentages would be more appropriate for that grade lev</t>
  </si>
  <si>
    <t>The provincial proficiency scale is inaccurate and doesn't clarify the wide range within each category.  It is more appropriate for elementary students. Teachers should not be asked to do still more by  now adding the 4-point scale. We don't get any time to do reporting, please don't ask us to do mo</t>
  </si>
  <si>
    <t xml:space="preserve">The core competencies are not measurable. This is a hurdle for teachers, students and parents. </t>
  </si>
  <si>
    <t xml:space="preserve">Now firmly entrenched in the new curriculum students have shown no improved ownership of learning, nor have they improved in their demonstration of learning. Inquiry as a primary means of learning remains a detriment (see PISA recommendations). </t>
  </si>
  <si>
    <t>Teachers are unable to "respond fully" to student needs. Inclusion is a failure in my school. We are not allowed to send students who need extra help in a quiet space to get that help. Our classes are full of students who need constant supervision and support and we have to delivery meaningful lesso</t>
  </si>
  <si>
    <t xml:space="preserve">Diversity and Inclusion sounds wonderful because the words are positive, but the reality is that teachers are now so overburdened and undersuported. Many students need extra help, please allow us to give it to them and stop forcing teachers to pass all students. Some kids need extra support and tim </t>
  </si>
  <si>
    <t>Student growth needs time to develop, and for most students, the number of reports to  parents is sufficient.  In the case of students needing more reporting, the teacher and parent can communicate more frequently, both formally (written) and informally as needed.</t>
  </si>
  <si>
    <t>Teachers can clearly comment on evidence for the level of competency for students in each category.</t>
  </si>
  <si>
    <t>Letter grades are necessary for the post secondary entrance requirements, and it is important for youth to see their performance compared to objective standards.</t>
  </si>
  <si>
    <t>Very young children have a great deal of challenge understanding the concepts of the core competencies.  although learning to self reflect is a valuable learning opportunity for very young children, including it into a summary of student learning at the end of a year of school adds little meaning.</t>
  </si>
  <si>
    <t>Learning to reflect and set goals is a valuable tool for students to fulfill their potential and reach goals throughout their lives.</t>
  </si>
  <si>
    <t>commenting on each curricular area each reporting period</t>
  </si>
  <si>
    <t>In elementary settings, teachers often teach thematically, focusing on particular curricular areas at one time.  In some terms, we may not have engaged in enough content for all curricular areas to an extent that we can comment on growth or proficiency,  eg. science one term, social studies the next</t>
  </si>
  <si>
    <t xml:space="preserve">Two written reports and 3 points of progress during the pilot program was so valuable. Parents/Caregivers took so much more away from in person points of progress than the written reports. Getting families into the school building for learning and reporting opportunities is so valuable. </t>
  </si>
  <si>
    <t xml:space="preserve">I find the four point scale is a better representation of students progress. </t>
  </si>
  <si>
    <t xml:space="preserve">Observing students grow and develop in their ability to self assess through the pilot project was so interesting. I also find it valuable to understand where they think they are at vs where I think they are at. </t>
  </si>
  <si>
    <t xml:space="preserve">There needs to be more support and discussion about how assessing and reporting looks for our most diverse learners. </t>
  </si>
  <si>
    <t xml:space="preserve">Reporting takes away from teaching time.  Parents are not interested in report cards beyond telling them if their children can read, write and do math.  This is a waste of precious time and resources from our kids and their parents. </t>
  </si>
  <si>
    <t xml:space="preserve">Young children struggle with metacognition and this is a stressful process for them.  It also takes 5 times longer to do these reflections with young children than it does with older children.  Again, this takes time away from teaching and learning.  </t>
  </si>
  <si>
    <t>Too much reporting takes time away from instructional planning. Let the teachers do their jobs.</t>
  </si>
  <si>
    <t>Descriptors are better than a letter or number. Comments with descriptors are better.</t>
  </si>
  <si>
    <t>Required by post-secondary institutions so all secondary institutions' hands are tied to this system. So long as comments are included to explain the numbers this works.</t>
  </si>
  <si>
    <t>Want to see more about how this would be implemented. Would this replace personal comments? If so, no thank you.</t>
  </si>
  <si>
    <t>If the students are expected to assess all of the core competencies it is too much. If they are focusing on one or two per year, that may be acceptable.</t>
  </si>
  <si>
    <t>The students would need to be taught to do this from kindergarten. This is NOT something that can be done overnight. Requires a lot of time to inculcate proper self assessment. Time that is better used elsewhere.</t>
  </si>
  <si>
    <t>Are you proposing that a one size fits all approach works? It does not. Inclusion is excellent, but the supports being supplied keep getting cut. Retraining all the staff to be able to do this is not going to happen. You won't provide the funds nor the time.</t>
  </si>
  <si>
    <t>As I read it the frequency of reporting policy is the same for linear, semester and quarterly systems. How can this be a good idea? Teachers and students barely have time to get all they need to do done as it is.</t>
  </si>
  <si>
    <t xml:space="preserve">Not enough time passes between the first and second report card. There has been enough time for student growth to happen and for meaningful assessment to happen. Furthermore, parents seem to have trouble accessing and acting on information from report cards- maybe a conversation would be better </t>
  </si>
  <si>
    <t>I don’t like proficient. Sounds like an end point. It’s not a verb like the others. Applying is better</t>
  </si>
  <si>
    <t>For this to be meaningfully done requires a lot of teaching time and assessment opportunities. There’s limited time and student resources in a day. Is it worth doing 3 times a year for the information that it provides families? What is this replacing?Would it be better to do it once but really well?</t>
  </si>
  <si>
    <t>For this to be meaningfully done requires a lot of teaching time and personal awareness. There’s limited time and student resources in a day. Is it worth doing 3 times a year for the information that it provides families? What is this replacing?Would it be better to do it once but really well?</t>
  </si>
  <si>
    <t>Who is doing the assessment? How is the child and the teacher being supported through this complex process?</t>
  </si>
  <si>
    <t xml:space="preserve">Workload under the current reporting  schedule is barely manageable. Adding more pieces and more layers will impact teacher wellness and consequently student learning. </t>
  </si>
  <si>
    <t>This will become one more thing that teachers have to chase after kids for.</t>
  </si>
  <si>
    <t>Of course assessment should be equitable. HOWEVER the proposed plan adds even more work to already overburdened teachers. I have classes of 28 and 29 students and the vague statement of "respond fully to individual needs" requires clarification because it sounds incredibly daunting.</t>
  </si>
  <si>
    <t>Clearer language and expectations.</t>
  </si>
  <si>
    <t>Teachers are burning out as it is - especially during the pandemic. Be clear, be concise, and be mindful of the well-being of the people you depend upon as educators.</t>
  </si>
  <si>
    <t>I prefer the online portfolio to give updates with an interim report during the year and a final written summary at the end.</t>
  </si>
  <si>
    <t>4 point scale is too general. Would like a 5 or 6 point scale.</t>
  </si>
  <si>
    <t>Provides more accuracy.</t>
  </si>
  <si>
    <t>Letter grades and percentages important for accuracy in upper grades.</t>
  </si>
  <si>
    <t>Year end self assessment is sufficient. Would rather have students spending time on learning concepts.</t>
  </si>
  <si>
    <t>Need more in-class support, such as Education Assistants, for these students. Otherwise, the idea of inclusive assessment is empty.</t>
  </si>
  <si>
    <t xml:space="preserve">Our district has experimented with 2 written reports a year and 3 other forms of assessment. The chance to meet and talk with parents and report on their child's learning is valuable and the written reports are more meaningful when rich discussions have taken place prior to the written report. </t>
  </si>
  <si>
    <t xml:space="preserve">Teachers workloads are already overwhelming. There are far more efficient and effective ways to report upon a child's progress e.g. meeting with parents and reporting back on their child's learning as well as involving students in assessment. </t>
  </si>
  <si>
    <t>This is an archaic method of assessment. It is narrow. It is colonial.</t>
  </si>
  <si>
    <t>Students have multiple intelligences and the proficiency scales fail to include the strengths each child has. They are archaic. Students are being squeezed into boxes, we need to broaden how we assess, it's narrow and it is NOT inclusive.</t>
  </si>
  <si>
    <t>More than one teacher in the classroom, smaller class sizes e.g. 15 students max. and more resource support, then let's discuss the above.</t>
  </si>
  <si>
    <t>On paper it sounds great, but the reality is that students receive inadequate support/resource It's awful enough to know this and see daily the reality of this, but then to pretend in a report card that we're inclusive of all learners and we meet individual needs is hypocritical and untrue.</t>
  </si>
  <si>
    <t xml:space="preserve">I marked the provincial proficiency scale because it is outdated. It does not describe or accurately reflect the goals of teachers for their students. The language is prescriptive, limiting and dull. Less written reports more varied ways of reporting with richer language in assessment. </t>
  </si>
  <si>
    <t xml:space="preserve">The timeline given for the first report is unrealistic.  It’s hard to know what to say that’s meaningful about students 25% into a course. Furthermore, how would we report on students that transfer in after the first week.  Will there be any accommodations regarding reporting? </t>
  </si>
  <si>
    <t>The options and language about communicating student progress offer a lot of potential and facilitates more holistic learning, not just getting into post-secondary (which many students may not attend).</t>
  </si>
  <si>
    <t xml:space="preserve">Allowing letter grades for grades 10-12 defeats the purpose of making the shift to a proficiency scale.  Post-secondary institutions need to start making a shift in their assessment too.  The burden for progressive assessment shouldn't just fall on the shoulders of K-12 educators.  </t>
  </si>
  <si>
    <t xml:space="preserve">It should be mandatory.  As previously stated, allowing letter grades for grades 10-12 defeats the purpose of making the shift to a proficiency scale.  </t>
  </si>
  <si>
    <t xml:space="preserve">This is very time consuming which will yet again take more time from my course content.  There should be a template provided to teachers for this. </t>
  </si>
  <si>
    <t xml:space="preserve">To do this well takes A LOT of time. </t>
  </si>
  <si>
    <t xml:space="preserve">I like to be kept apprised of my children’s progress. </t>
  </si>
  <si>
    <t xml:space="preserve">I understand this approach in primary but once a child enters grades 6 and above they should be provided grades. We need to hold them accountable for their performance and ensure they grow into hard working accountable adults. Provide real life consequences of passing and failing. </t>
  </si>
  <si>
    <t>It should Start earlier so children are prepared to meet those expectations when they get to grade 10.  Grade 10 is when grades start to matter so there should be some introduction to them before grade 10 so children are adjusted.</t>
  </si>
  <si>
    <t xml:space="preserve">This will ensure consistency across schools and districts similar to provincial exams. </t>
  </si>
  <si>
    <t xml:space="preserve">Children will self assess outside their ranges. They don’t have the self awareness to accurately reflect their performance. </t>
  </si>
  <si>
    <t>Same as before</t>
  </si>
  <si>
    <t>Grades should start before grade 10. Children need to adjust to this requirement before grade 10</t>
  </si>
  <si>
    <t>4 required reporting periods (2 written) would be sufficient, with the final one being the summary report. One at approximately each quarter of the year. Recognizing that if needed, teachers will connect with parents to communicate any concerns to discuss (phone, email, meeting, etc.)</t>
  </si>
  <si>
    <t>The four point scale is effective and consistent. Expecations on descriptive feedback for Secondary Teachers needs to be considered, especially if they have up to 200 or more students to provide feedback on. There needs to be a balance otherwise reporting will overtake other teaching tasks.</t>
  </si>
  <si>
    <t>I thinking useful to use proficiency scales to talk about stages of learning, but I believe that it's not the intent for them to be equated to percentages necessarily, or at least not until the end of the year. I believe there is much more space for Pro- D on this.</t>
  </si>
  <si>
    <t>Invites ownership of learning and encourages greater self-awareness of where thwyvare as a learner and where they want to go!</t>
  </si>
  <si>
    <t>4 required reporting periods, one at each quarter of the year, with the 4th being summative allows time within each reporting period for growth to occur for a student. Recall that learning takes patience and time. Additional connections with parents if needed can be left to professional judgement.</t>
  </si>
  <si>
    <t>When you increase the data, feedback, need to coach middle school students through meaningful self evaluation and goal setting this is a huge amount of work.</t>
  </si>
  <si>
    <t>It is more in keeping with a learning journey.</t>
  </si>
  <si>
    <t>Makes no sense to have a proficiency scale and then switch.</t>
  </si>
  <si>
    <t xml:space="preserve">Again, letter grades make no sense when their entire educational career has been with a proficiency scale.  Choose a team and stick with it.  You can't have it both ways.  It makes the Proficiency Scale disingenuous when you then flip back to marks.  You can't have it both ways </t>
  </si>
  <si>
    <t xml:space="preserve">Then take something off my plate, careers education, art, health, media education..... to get meaningful self reflection it takes a TON OF TIME to teach and develop that skill.  Otherwise it is just the classroom teacher having to spoon feed "something" for the student to include in the report.  </t>
  </si>
  <si>
    <t xml:space="preserve">Again, you have just added an entire new set of content for me to cover-- meaningful self reflection it takes a TON OF TIME to teach and develop that skill.  Otherwise it is just the classroom teacher having to spoon feed "something" for the student to include in the report.  </t>
  </si>
  <si>
    <t>I have no idea what that statement even means</t>
  </si>
  <si>
    <t>If you want it to be authentic something else has to give.  There simply isn't enough time to address this in a meaningful way will all the other things I'm meant to cover as well as literally "take care" of my kids and their mental, social and emotional health.  I am TAPPED OUT!</t>
  </si>
  <si>
    <t xml:space="preserve">I feel that based on terms at school and reporting after each term is sufficient time to focus on topics, competencies, content in order to report. At the elementary level, I feel that one parent conference in the year would be sufficient. Online portfolio already provides information
</t>
  </si>
  <si>
    <t>Our school already uses a 4 point scale with similar language....a bit different but it's all relative.</t>
  </si>
  <si>
    <t xml:space="preserve">Students need to know where they stand when considering any level of post secondary education. </t>
  </si>
  <si>
    <t>In the early primary grades, many students do not give an accurate account of their understanding/performance of the core competencies. I personally feel that about grade 4, students can give a more accurate, accountable, authentic reflection of self-assessment.</t>
  </si>
  <si>
    <t>This would be most effective at older grades as goals several students set in Gr 1/2 are questionable and 'out there' in relation to learning evidence.</t>
  </si>
  <si>
    <t>At the high school level, only a final percentage is necessary at the end of the course. Most academic teachers choose to give ongoing updates after summative assessments in units with reflection goal setting something encouraged to happen at home. This isn't necessary in a course like drama or pe.</t>
  </si>
  <si>
    <t xml:space="preserve">Actual learning is hidden from students through the vague language of the curriculum. Leaving the definition of, and the setting of learning standards to teachers as well as asking them to create their own individual proficiency scales results in really inconsistent and unclear assessment. </t>
  </si>
  <si>
    <t>Percentages are clear, reliable and connected to student work. Experience of proficiency scales has been awful across subjects, but especially English and Math. Very little work and learning happening in classes using scales. The scales tell you your child attended. That's it.</t>
  </si>
  <si>
    <t xml:space="preserve">Experience of scales at elementary was good. Middle and Secondary it was awful. </t>
  </si>
  <si>
    <t>This doesn't have to be official and measured. It should be expected that teachers make this an organic part of classes, but adding it to reporting is so frustrating. Student's should not be writing their own report cards, which are professional and legal documents!</t>
  </si>
  <si>
    <t xml:space="preserve">Do this in class and encourage it at home. Don't make it part of reporting. All students I know hated having to do this because it was attached to reporting. </t>
  </si>
  <si>
    <t xml:space="preserve">The new proposed model lowers standards, and hides authentic assessment. This is insulting to all learners. Teachers have ways of doing this with the current reporting process and performance standards. </t>
  </si>
  <si>
    <t>The written summary of learning is redundant.</t>
  </si>
  <si>
    <t>How about the students who are not meeting expectations at grade level</t>
  </si>
  <si>
    <t>It is extremely difficult for ELL and younger students to set personal and learning goals for themselves.</t>
  </si>
  <si>
    <t xml:space="preserve"> students  with severe learning disabilities should not have assessment and evaluation goals. It is a lifelong process.</t>
  </si>
  <si>
    <t xml:space="preserve">Diversity and inclusion should be in a different category . It should not be included in a regular k-12 proficiency reporting. </t>
  </si>
  <si>
    <t>I think the reporting system is fine.</t>
  </si>
  <si>
    <t>Because the proficiency scale is not in any way clearer than the letter grading system or is a better more equal way to grade.</t>
  </si>
  <si>
    <t>I think this system should be implemented for all grades of high school (grade 8-12)</t>
  </si>
  <si>
    <t>Because it’s a bad way to grade and none of the students I’ve talked to like it.</t>
  </si>
  <si>
    <t>I think this is fine</t>
  </si>
  <si>
    <t xml:space="preserve">I think it’s a good way to keep students on track and have them have a sense of purpose </t>
  </si>
  <si>
    <t>Please pause anything "new" until we get our footing with this new normal. The kids aren't ready. We teachers aren't ready.</t>
  </si>
  <si>
    <t>Kids lie. They say what they think your want to hear. They say what they think they need to, in order to go to university.</t>
  </si>
  <si>
    <t>Her the EA's responsible for these children to write the reports of they are any different from what we're already skiing with IEP's etc.</t>
  </si>
  <si>
    <t xml:space="preserve">Put any changes on hold for another year.  Resources, funding, filtered air, has been taken from teachers, and we get more and more piled on top of our workload. </t>
  </si>
  <si>
    <t>Providing an update within in the first 25% of the learning period</t>
  </si>
  <si>
    <t>We need some time to get to know students. The beginning of the school year is very busy and it takes some time for students to settle in to a new school year.  Teachers need time to begin to understand how each student learns best and to see some progress in their work before they can report back.</t>
  </si>
  <si>
    <t>It is unclear how many written reports are required in a high school. In a semester system is it two written reports per year per teacher or two per semester per student? Are high school teachers working in a semester system expected to report 5 or 10 times per year? In a quarter system 20 times?</t>
  </si>
  <si>
    <t>lack of guidance from the Ministry to ensure consistent language of Provincial Proficiency Scale 
the time to create language for each competency at each scale is extensive; the rubrics need to be generated by teachers paid to do that work and available across the province</t>
  </si>
  <si>
    <t>If the proficiency scale is superior, it makes no sense to deny its benefits to senior students just because letter grades are more convenient for universities</t>
  </si>
  <si>
    <t xml:space="preserve">This adds an additional layer of work for teachers with no pedagogical benefit </t>
  </si>
  <si>
    <t>It is unclear how this will be accomplished in a way not reduced to hoop jumping and unclear how it will be reported to parents</t>
  </si>
  <si>
    <t>this is sophisticated work that requires time, teaching and support: How is it to be reported out in a meaningful way?</t>
  </si>
  <si>
    <t>there is insufficient support to make this happen</t>
  </si>
  <si>
    <t>provide additional support for teachers</t>
  </si>
  <si>
    <t xml:space="preserve">This proposed structure = a significant increase in teacher workload without additional support. In order for teachers to bring into being the pedagogical benefits embedded in this structure, they will need significant additional support.
</t>
  </si>
  <si>
    <t>The terms are too short for assessment. There should be two reporting periods, one in January and one in June. This gives more significant time for teachers to cover more ground. Students are so far behind because of Covid that teachers are trying to play catch-up.</t>
  </si>
  <si>
    <t>Let’s be honest. The four qualifiers are the same as ABCD. I’m not sure why the ministry keeps changing the language. It’s very confusing for parents. Students should be getting letter grades from grade 6 and up. Grade k-5 could keep those qualifiers. When kids go to university they are given letter</t>
  </si>
  <si>
    <t>Once again. Why are students getting letter grades in grades 10 to 12. They should be getting them from grade 6 and up. Intermediate teachers are trying to prepare students for high school and letter grades are well understood in older children and parents.</t>
  </si>
  <si>
    <t>Students especially the primary grades are not old enough to reflect much on their progress. Intermediate elementary students are working on it but I don’t feel as if it Hass to be done so consistently.</t>
  </si>
  <si>
    <t>Why are we not done just bringing back work habits? There seems to be a lot being implemented for parents and students and teachers to write and understand. I don’t understand how teachers are going to cover the entire curriculum with everything that’s been thrown on them.</t>
  </si>
  <si>
    <t xml:space="preserve">I have noticed student in Grade ten are complacent and uncaring about their achievements. I am answering and fielding so many questions and complaints from parents in regards to the proficiency scale. Students feel like they "cannot fail" and then choose to do the minimum in oder to "get by." </t>
  </si>
  <si>
    <t xml:space="preserve">The proficiency scale is subjective. Many teachers struggle with knowing where a student falls and choose instead to use the  scale in relation to a numerical scale. Extending being an A, Proficiency a B, and so on. </t>
  </si>
  <si>
    <t xml:space="preserve">The data collected over a semester is more valid </t>
  </si>
  <si>
    <t>An excessive amount of work for teachers. Assessment should be a PART of teaching not the main focus</t>
  </si>
  <si>
    <t>Student assessment is very important to allow for growth</t>
  </si>
  <si>
    <t>It already is</t>
  </si>
  <si>
    <t xml:space="preserve">It is too subjective. The students and the parents will likely be very dissatisfied with a proficiency scale. I haven't yet heard a positive comment about it from parents with students in gr 8 and 9. </t>
  </si>
  <si>
    <t>Not enough information on the proposed policy change</t>
  </si>
  <si>
    <t>Not applicable to my grade level.</t>
  </si>
  <si>
    <t>This would work well with a three-way conference model. Documenting these goals would take time to individually conference/meet with primary students, as they are not able to record their ideas independently. Where will this time come without additional coverage in the classroom?</t>
  </si>
  <si>
    <t>Reporting all subject areas each report, as well as including student goal setting and self-assessment is a large increase to our workload without adequate time to prepare. This would require additional coverage at the primary grades, or require us to work well into the evenings.</t>
  </si>
  <si>
    <t>I was satisfied with 5 reporting periods but I am not satisfied with changing one of them to a written format. I liked the 3 in person and 2 written.</t>
  </si>
  <si>
    <t>I teach Grade 2 and although self assessment for very tangible things is important at this age, it is not very informative with regards to specific curricular outcomes.</t>
  </si>
  <si>
    <t>It depends on what it will look like and if we are given guidance and structure to follow. If it is going to be a willy-nilly “write your own essay” type of format, it will only male an arduous task more arduous.</t>
  </si>
  <si>
    <t>Teachers were just told to switch reporting formats and now you are changing it up again. I am already at my limit (it takes me approximately 3 full weekends to complete report cards). Enough is enough. Please make them easier for teachers to write so that they are not so onerous a task.</t>
  </si>
  <si>
    <t>I don't know if there is anything better.</t>
  </si>
  <si>
    <t>It is too vague - not specific enough.</t>
  </si>
  <si>
    <t>It can be highly specific, and lets you know exactly how your child is doing.</t>
  </si>
  <si>
    <t>It does not measure  accurately enough how your child is doing. Much too nebulous and open to interpretation rather than factual based. Numbers don't lie.</t>
  </si>
  <si>
    <t>Children cant always know what they want or need. They are not mature enough to accurately determine jow rhey are doing. This is the job of teachers. Don't put the onus on children.</t>
  </si>
  <si>
    <t>Again, children arent necessarily capable of this. I cant get my chikdren to chose what they want for breakfast let alone future goals. They  might nit know what they want or need. What a huge amount of pressure to put on kids. Let them learn - they will be able to set meaningful goals later.</t>
  </si>
  <si>
    <t>This is terrible. As a parent with two neurodiverse children, you cant measure our neurodiverse children with the same measuring stick you use to measure neurotypical children.</t>
  </si>
  <si>
    <t>I'd change all of it.</t>
  </si>
  <si>
    <t>We've used both old and new reporting systems, and have found that the old way of measuring progress and success vs failure with percentage numbers is much more accurate to understanding how your child is doing.</t>
  </si>
  <si>
    <t xml:space="preserve">I find the Ongoing Communication for learning do not really tell me how my child is doing. I find the best way to do that is through a formal conference with the teacher is best. </t>
  </si>
  <si>
    <t>These terms are ambiguous. What do they really mean? Is the term extending based on what a teacher expects or is there a provincial norm? Nothing is very transparent. Parents still need to decipher the "teacher speak". And without grades parents don't really understand what the terms mean.</t>
  </si>
  <si>
    <t>I just don't think that this scale gives an accurate picture of where a student is at. It is basically an A, B, C, D grading system or am Excellent, Very Good, Good or Developing reporting system. Just because the semantics have changed doesn't change the way we see the categories. Extending=A</t>
  </si>
  <si>
    <t>The current policy is working fine. Don’t make changes to things that already work well.</t>
  </si>
  <si>
    <t>Numbers 1-4, letter grades and percentages are a better measure. Many families use grades to help motivate their children (like I do for my own children at home). 
Emerging, Developing, Proficient, and Extending are too vague and meaningless to people outside the education field.</t>
  </si>
  <si>
    <t>Letter grades and percentages are SO IMPORTANT to all students. It is what families use to motivate their children. Letter grades should be used at all levels, K-12.</t>
  </si>
  <si>
    <t>Most student from K-3 are not developmentally aware enough to make reasonable or rational self assessments. Even with direct teacher support, most K-3 cannot do this.</t>
  </si>
  <si>
    <t xml:space="preserve">Most student from K-3 are not developmentally aware enough to make reasonable or rational goals. I teach this to my grade 2/3 class. I have to have the students creat goals at home with their parents. K-3 students cannot do this independently. </t>
  </si>
  <si>
    <t>What does that question even mean? Have we not been doing this for the past 15 years?</t>
  </si>
  <si>
    <t>CONTINUE TO USE LETTER GRADES/PERCENTS in grades 4-12</t>
  </si>
  <si>
    <t>Authentic reporting is not possible when the reporting language is ‘white washed’. The new reporting policy is about not to hurting anyone’s feelings. It is politically motivated and smacks of millennial privilege. My son asked me that if we don’t have grades, where’s the incentive to work harder???</t>
  </si>
  <si>
    <t>As a teacher, I am finding it increasingly difficult to teach to the nature of the revised curriculum (which I fully believe in and support) while still having to worry about so much formal reporting and meeting many deadlines.</t>
  </si>
  <si>
    <t>I truly believe in use of the proficiency scale language in lieu of letter grades. I also would strongly prefer and support that we be able to assess a child as being “in between” 2 points on the scale, as children do not belong in boxes.</t>
  </si>
  <si>
    <t>I understand that post secondary institutions require letter grades, though I do wish in the future that they could adjust their admission language and expectations as well to make it more inclusive to all students.</t>
  </si>
  <si>
    <t>Perhaps doing this will help post secondary institutions be more open to this assessment language in the future for admissions.</t>
  </si>
  <si>
    <t>The core competencies are an integral component of our curriculum; however, if we are required to report and have students self assess meaningfully for all reporting periods, this again is another sort of pressure put on teachers to assess another area regularly and there is not enough time.</t>
  </si>
  <si>
    <t xml:space="preserve">I really like this idea, however once again, this is adding more to teachers plates and workloads without the addition of any extra time or supports. </t>
  </si>
  <si>
    <t>I agree with fair and inclusive reporting; I hope that this includes not confining students to one box along the scale and being able to demonstrate and show growth in between the various stages.</t>
  </si>
  <si>
    <t xml:space="preserve">I am worried that keeping the same amount of reporting periods, in addition to adding more to each report (student goals, more regular core competency reporting) will increase teacher workload, when we are already pushed and not offered any time or resources to help us with our reporting. </t>
  </si>
  <si>
    <t>We are already continually reporting more than 5 times per year already. We have continually been asked to do more reporting which and has added a great deal more work to classrooms teachers. These have been a change in working conditions that should be negotiated into contract talks.</t>
  </si>
  <si>
    <t>This scale is just a fluffy version of  the 4 letter grades that it replaced and they just confuse and frustrate parents and students. Go back to the letter grades. Universities are asking for letter grades back into grade 9 as we speak so make the system from grade 4 -12 the same as it used to be.</t>
  </si>
  <si>
    <t>There should be letter grades from grades 
4 - 12. Stop trying to make everything so confusing. The rest of the world understands letter grades….not a sliding scale that has no meaning to other educational institutes such as colleges and universities!</t>
  </si>
  <si>
    <t>Universities are already asking for scale marks to be converted into letter grades so why would you even consider using a sliding scale in high school? Have some common sense!</t>
  </si>
  <si>
    <t>Students in elementary have no idea what this means and teachers have to go through this exercise to appease the government but it has no educational use for students or parents at the elementary level.</t>
  </si>
  <si>
    <t>Maybe at high school…not at the elementary level.</t>
  </si>
  <si>
    <t>More supports and resources are needed for all of these students and so is training and assessment support needed for teachers of these students.</t>
  </si>
  <si>
    <t>I would like to change many options but we are already reporting more than ever before in the district I work in.  More reporting is not the answer to increasing student learning. We need more supports and smaller class sizes to do this, not more reporting. This is another misguided proposal??</t>
  </si>
  <si>
    <t xml:space="preserve">The stated “ ..require a minimum of 5 reporting events per year” may lead to some districts adding more events adding to a teacher’s workload especially when many classrooms are at or close to 30 students.  Five events per year doesn’t stop a teacher from contacting a home  whenever they wish.  
</t>
  </si>
  <si>
    <t xml:space="preserve">Letter grades for grades 4-9 are simple and informative. The  can correlate with the 4 point scale and are universally understood, simple terms whereas the words are not. </t>
  </si>
  <si>
    <t>Not sure how this would be communicated, how well younger students would understand the implications of the process or where this would fit into the teaching process so that it is individualized for students.  It is done informally but formalizing it for reporting adds a new layer.</t>
  </si>
  <si>
    <t>Like self-assessment the added layer of formalizing the process takes time and practise for some students to be realistic.  It’s another learned skill.  Though a good practice, what can be accomplished in a school day for all students in a class may not be practical.</t>
  </si>
  <si>
    <t>The collaboration between LSS teachers and classroom teachers is essential for this to happen.  Unique learning plans in some curricular areas, assessment practises for specific learning plans and the availability of educational assistants are needed but not always available. 
Full time inclusion??</t>
  </si>
  <si>
    <t>Mandated inclusion even not meaningful is flawed. Schools often have space constraints, limited EA staff, and a shortage of time to collaborate effectively in order to plan and meet students’ needs. The plan is good but the practicality of implementing in the way it was intended is questionable.</t>
  </si>
  <si>
    <t xml:space="preserve">Too much written information in reports for parents to understand how their child is doing. </t>
  </si>
  <si>
    <t xml:space="preserve">universities are still not aligned to this evaluation </t>
  </si>
  <si>
    <t xml:space="preserve">It needs to be the same for all </t>
  </si>
  <si>
    <t>Students work should demonstrate their competencies. A reflection is not needed in addition to their work demonstration.</t>
  </si>
  <si>
    <t>Maybe for older students 10-12</t>
  </si>
  <si>
    <t>Does not take into account that assessment (formal) often causes anxiety for many students.</t>
  </si>
  <si>
    <t>It seems to be inauthentic and forced.</t>
  </si>
  <si>
    <t>Students and teachers should be able to report on student progress through other means than just written reports. They should be more options.</t>
  </si>
  <si>
    <t>Students do not have the same drive to complete work to the best of their ability when using this performance scale.</t>
  </si>
  <si>
    <t>I understand why this needs to continue, but I wish the system as a whole would switch away from percentages.</t>
  </si>
  <si>
    <t>Seems like a lot more work for those teachers</t>
  </si>
  <si>
    <t>This sounds great, but again puts an extra requirement on the teacher during report card season when things are already very overwhelming.</t>
  </si>
  <si>
    <t>More information is needed. Seems like another hoop for teachers and students to jump through.</t>
  </si>
  <si>
    <t>If you really cared about students with diverse needs there would be more funding put towards actually helping these students, instead of expecting the teacher to do it all.</t>
  </si>
  <si>
    <t>Reports need to stay at a MAXIMUM of 3 written reports per year. Anything more than that becomes repetitive. Parents do not read it, and teachers hate writing it.</t>
  </si>
  <si>
    <t xml:space="preserve">Written assessments take time away from teaching. I’m my experience, parents find conversations, showing student work via open house more valuable. </t>
  </si>
  <si>
    <t xml:space="preserve">The consistent language is helpful. </t>
  </si>
  <si>
    <t xml:space="preserve">Lack of clarity on how much descriptive feedback will need to be provided in writing and how much time teachers will receive to complete these reports.  As a high school teacher, I have 120 students per semester.  To provide quality descriptive feedback, I would need time.  </t>
  </si>
  <si>
    <t xml:space="preserve">The proficiency scale is vague.  I’ve had many conversations with other teachers and there is a major lack of consensus on what these 4 words really mean.  If teachers are not clear, it will be hard to communicate clearly with parents and students.  </t>
  </si>
  <si>
    <t>Few changes from current, with the positive aspect of involving students for goal setting.</t>
  </si>
  <si>
    <t xml:space="preserve">Again, lack of clarity on the proficiency scale. </t>
  </si>
  <si>
    <t xml:space="preserve">Need templates and examples.  </t>
  </si>
  <si>
    <t>Proficiency scale is vague. Teachers would benefit from a set of examples of the different levels for each course at each grade level to truly ground themselves in the proficiency scale.</t>
  </si>
  <si>
    <t>Sounds like a rehash of the 1988 Royal Sullivan Commission Report and Year 2000 directoves</t>
  </si>
  <si>
    <t>Same as previous</t>
  </si>
  <si>
    <t>Joke</t>
  </si>
  <si>
    <t xml:space="preserve">Resources will not allow such a system </t>
  </si>
  <si>
    <t>Pourvu que les rapports sont bien distribués temporellement pendant l'année, je trouve que ceci ne laisse pas trop de lacunes de temps accumuler entre les rapports, permettant ainsi d'attraper des bémols ou besoins d'amélioration avant que ceux-ci ne s'aggravent.</t>
  </si>
  <si>
    <t xml:space="preserve">Si l'élève demeure dans la C-B pour la durée de son éducation, ceci me paraît satisfaisant.  Je suis insatisfaite de l'emploi unique de ce système, ce qui défavorise les élèves qui doivent changer de province/juridiction, où il n'y a pas forcément la même échelle d'évaluation.  </t>
  </si>
  <si>
    <t>Ce format est portable et relativement universel, permettant les transferts et promotions au post-secondaire plus uniformes.  Mais pourquoi ne pas commencer en 8e année avec le début des études secondaires?</t>
  </si>
  <si>
    <t>Ce serait intéressant d'avoir les deux évaluations ensemble, mais je crains que les éducatrices et éducateurs ont déjà suffisamment de travail et je ne voudrais pas leur en remettre davantage.</t>
  </si>
  <si>
    <t>Je crains que les jeunes élèves développent des anxiétés par rapport à ces auto-évaluations, et, qu'encore une fois, du temps d'enseignement se fasse consacrer à former les élèves en auto-évaluation qui aurait pu être plus utile ailleurs.  Plus utile pour le primaire avancé et le secondaire.</t>
  </si>
  <si>
    <t>Je ne connais pas assez les alternatives pour les élèves avec capacités diverses et/ou handicaps pour commenter si cette proposition leur servirait mieux.</t>
  </si>
  <si>
    <t>Je voudrais réduire l'excès de tâche aux gens en enseignement et je crois que ce point est redondant.</t>
  </si>
  <si>
    <t>Just because it appears to follow the School Act in providing the standard 5 reports in a school year, that does not mean that the expectations of time and effort spent will also be the same.</t>
  </si>
  <si>
    <t>I indicated previously that my areas of teaching relate to grades 10-12. Why design a survey that does not auto-eliminate irrelevant questions?</t>
  </si>
  <si>
    <t xml:space="preserve">While letter grades and percentages are part of a traditional system of comparing students as well as schools, it is far more incumbent upon the education system to train administrators on recognizing and recruiting truly qualified teachers and valuing their expertise in ways that target skills. </t>
  </si>
  <si>
    <t xml:space="preserve">It would be better to require personalized comments than to extend the popularization of using rubrics for assessment. Without being specific to the student, assessment will only continue to focus on a student's ability to absorb and regurgitate course content. </t>
  </si>
  <si>
    <t>At younger grades this may help students to find and develop their social roles. In high school, Core Competencies should be reviewed and re-expressed only in CLC (Career-Life Connections). Core Comps. are too general to be reflected in self-assessment through specific courses.</t>
  </si>
  <si>
    <t xml:space="preserve">This is simply passing the onus onto the student from the teacher. Well-trained teachers will express and set personalized goals for each student as needed within a lesson, a unit, and a whole course of study, as well as outside of class time while coaching or through club participation. </t>
  </si>
  <si>
    <t>If the current policy does not do this, then it is in clear violation of Canadian Charter Rights, Freedoms, and Responsibilities. WTF?</t>
  </si>
  <si>
    <t>This has been a colossal waste of money and resources, designed to legitimize positions in the ministry that take money and resources away from classrooms and students. This is a clear demonstration that the bureaucracy is top-heavy, proposing changes that amount to nothing.</t>
  </si>
  <si>
    <t xml:space="preserve">Teachers want parents to know how their child is progressing and in which areas students need support or continued growth. A report every 2 months is a reasonable expectation, especially when 2 of those can be more informal updates. </t>
  </si>
  <si>
    <t>In between elementary school and high school, there should be a transition of the language used in assessment. So grade 8 and 9 should stay with letter grades, but percentages are not important.</t>
  </si>
  <si>
    <t>Until post secondary institutions change their requirements, we should continue to give percentages.</t>
  </si>
  <si>
    <t>This is more work for secondary teachers and is redundant.</t>
  </si>
  <si>
    <t>In theory, this is a good idea. But the practical application of this in past years has been dismal; students don't take it seriously enough and often just write what they think they should. It also creates more work for teachers that often, especially at the higher grades, is overlooked by parents.</t>
  </si>
  <si>
    <t>In theory, this is a good idea. I have tried this in my classes with limited success, so more training is recommended.</t>
  </si>
  <si>
    <t>Haven't we always been doing this?</t>
  </si>
  <si>
    <t>There will substantially be increased pressure on both students and teachers.</t>
  </si>
  <si>
    <t>It’s the same so we are used to it.</t>
  </si>
  <si>
    <t>The definitions may not be clear but it’s no different than issues with other systems.</t>
  </si>
  <si>
    <t xml:space="preserve">It provides more discernment regarding student performance than a 4 point scale. </t>
  </si>
  <si>
    <t>It should only be letter grades. The ministry needs to set clear policy for all schools in the province and not create extra unneeded work for teachers.</t>
  </si>
  <si>
    <t xml:space="preserve">It is unclear how such self assessment will be able to be integrated into the Myedbc system without increasing teachers already overburdened workload </t>
  </si>
  <si>
    <t>Teachers already do this in classes all the time but mandating it in a formal reporting order  creates very onerous paperwork and takes teacher time away from creating meaning learning experiences.</t>
  </si>
  <si>
    <t>It’s the law already so teachers already do this.</t>
  </si>
  <si>
    <t>Keep provincial standards the same and reduce teacher workload.</t>
  </si>
  <si>
    <t>Teachers are very busy throughout the year. The extra reports will cause extra stress. The reports take up a lot of time.</t>
  </si>
  <si>
    <t xml:space="preserve">As a teacher I am able to report on my student progress with more subtlety then a letter grade. Students and families often only focus on the grade not what a student can do. </t>
  </si>
  <si>
    <t xml:space="preserve">More supportive of all learners </t>
  </si>
  <si>
    <t xml:space="preserve">My concern about doing this in the fall term is this needs to be taught and supported and this first term is used to get to know your students and the to get to know themselves in their new grade. It would be a rushed and less meaningful documentation if done earlier then the new year. </t>
  </si>
  <si>
    <t xml:space="preserve">Concerns around this being relevant to all learners </t>
  </si>
  <si>
    <t xml:space="preserve">Is assessment and evaluation not ableist language? Feels like stepping back in time not forward. With proficiency scale language it feels that these two are opposing views. </t>
  </si>
  <si>
    <t xml:space="preserve">Assessment and evaluation </t>
  </si>
  <si>
    <t xml:space="preserve">As stated earlier. It’s old fashioned, colonial and ableist language. Strive to be more modern and up to date. </t>
  </si>
  <si>
    <t>I think the number of reports is fine right now; however, if the work load increases significantly for each report card, this is a challenge.</t>
  </si>
  <si>
    <t>It is frustrating to have different rules for grade 9 than for 10-12, since many schools have 9-12 students.  The four-point scale seems fine, but people will likely still think of it as "1 out of 4" or "3 out of 4" (25%, 75%) rather than the descriptors.</t>
  </si>
  <si>
    <t>I think it's fine to keep letter grades and percentages since they are required for post-secondary. I find your choice of "slightly satisfied" - "neutral" - "very satisfied" to be confusing.  I think it's fine -- which to me is satisfied, but not worse than neutral or "Very" satisfied either.</t>
  </si>
  <si>
    <t>It feels like you should pick one or the other.  Either letter grades and % or proficiency scale.  Why do we need both?  If you really want a proficiency scale to match the new curriculum, go for it. If you keep letter grades and %, that's what people will look at.</t>
  </si>
  <si>
    <t>This is frustrating to do in a 9-12 school where students have 8 teachers in the year. If we all had one class all year like in elementary, it would make more sense.  It is hard to do meaningful work with this in a semester class with students we see one block a day.  It's possible, but worth it???</t>
  </si>
  <si>
    <t xml:space="preserve">Will it be up to teachers to design and facilitate this or will something be provided by the government that you want us to use?  Will teachers get release time to meet individually with students, or are we doing this all on top of our already overwhelming workload?  </t>
  </si>
  <si>
    <t>I believe in inclusion in theory. In practice, it is not properly funded.  I imagine it will be the same with assessment.</t>
  </si>
  <si>
    <t xml:space="preserve">The timing. Now is NOT the time. </t>
  </si>
  <si>
    <t>You need to collect more feedback and WAIT until we are not completely overwhelmed with the pandemic and its repercussions.  Now is not the time for an overhaul (yet again) of teachers's jobs.  Read the room.  So many people are maxed out and on the verge of quitting. Is this the time? NO.</t>
  </si>
  <si>
    <t>It's not a radical change from what teachers already provide to students and parents - it's essentially unchanged.</t>
  </si>
  <si>
    <t xml:space="preserve">If K-9 course completion is not actually a requirement for graduation credits, then it seems more useful to students and all other stakeholders to use more descriptive/qualitative feedback  than numeric/quantitative feedback.  </t>
  </si>
  <si>
    <t>These are required for post-secondary entrance, which still depends upon percentages.</t>
  </si>
  <si>
    <t xml:space="preserve">Do one system or the other for Gr 10-12 - don't put both upon teachers.  </t>
  </si>
  <si>
    <t>Though it's imperfectly enacted, getting students to think more carefully about core competencies is slowly resulting in greater self-awareness from students (many of them can use the language and reflect on their school experiences more thoughtfully, over time).</t>
  </si>
  <si>
    <t>This is important.  But depending on which colleagues/when/how it is enacted, results could be rushed/artificial/meaningless.  Actual time needs to be provided or carved out to do this properly.</t>
  </si>
  <si>
    <t>It's important that all learners and their parents get detailed feedback.  However, if a student is working towards IEP goals that are from a grade below the one they are actually in, I believe we still need a method to identify this in their course credit info and narrative comment.</t>
  </si>
  <si>
    <t>I don't think workload is being taken into account.</t>
  </si>
  <si>
    <t>I don't really have any feelings about this.  It's just a language change (though I do like the drivers license analogy used to explain it).  I think this would be best kept to K-7 though, so jr high and hs students can get used to letter grades before they count toward uni entry.</t>
  </si>
  <si>
    <t>I think letter grades should be implemented from 8-12.</t>
  </si>
  <si>
    <t>Self assessment is important but I don't think it needs to be included in student reporting.</t>
  </si>
  <si>
    <t xml:space="preserve">I am usually at my school from 7:30 - 5:30-6pm (at a minimum).  I really don't think this proposed policy shows ANY consideration to educator work load.  </t>
  </si>
  <si>
    <t xml:space="preserve">Too many reporting periods. Parents too busy to read all of this reporting. </t>
  </si>
  <si>
    <t xml:space="preserve">Terrible system. Meaningless to kids &amp; parents. Parents &amp; kids need simple straightforward  marks.  </t>
  </si>
  <si>
    <t xml:space="preserve">Simple &amp; easy to understand. </t>
  </si>
  <si>
    <t xml:space="preserve">Too much reporting. Parents are busy &amp; don’t have time to read so many reports. When we do we want it straight to the point. </t>
  </si>
  <si>
    <t xml:space="preserve">Kids &amp; parents do not know what this jargon means. Poorly worded &amp; developed. Parents do not want more reporting on top of teacher reporting. If self assessment were to be part of one of the 5 required then that would be fine </t>
  </si>
  <si>
    <t xml:space="preserve">As long as this is part of the 5 required reporting mentioned earlier. As a parent I do not want more reports to read. </t>
  </si>
  <si>
    <t xml:space="preserve">I’m not sure what is meant by this. I have never seen assessment that is not inclusive. This seems like an inappropriate statement. </t>
  </si>
  <si>
    <t xml:space="preserve">Parents are busy &amp; stressed. Do not want more things to read on top of the 1,000 emails they get from the school in a year. If there’s a problem parents trust teachers to let them know. </t>
  </si>
  <si>
    <t xml:space="preserve">I think this is a good amount of feedback.  Parents are informed and are aware of their child’s progress. </t>
  </si>
  <si>
    <t xml:space="preserve">I think that having consistency is important. All districts and a schools should be using the same language. </t>
  </si>
  <si>
    <t>Why start in grade 10?  We moved away from this type of evaluation so why bring it back.  However, we need to have something concrete for university.  Tough one. Should we bring back letter grades in grade 8?</t>
  </si>
  <si>
    <t xml:space="preserve">To maintain consistency. </t>
  </si>
  <si>
    <t xml:space="preserve">This is great but it’s and added layer to reporting. Extra work and many kids just end up writing whatever. This needs to be integrated within their learning. </t>
  </si>
  <si>
    <t>This can be very difficult depending on the age and grade of the student. This is an ongoing process and is already done in the classroom.</t>
  </si>
  <si>
    <t xml:space="preserve">All students will benefit from learning about their learning. It may need to look different for some students. </t>
  </si>
  <si>
    <t xml:space="preserve">I think we should have an option for a standard reporting page. This would include an opening comment on student progress and areas of growth and areas that need to be supported. I think we should have a checklist of the subject areas that we are required to teach with a sliding scale of the proficiency indicators. </t>
  </si>
  <si>
    <t xml:space="preserve">I feel that there are currently too many options for reporting student progress. I think a standardized reporting formula should be offered to maintain consistency throughout districts. This would be helpful when students move or change schools. Adding portfolios and samples of student work is nice </t>
  </si>
  <si>
    <t>If they are spaced out properly, it will give teachers regular opportunities to share updates about student learning with families. However it sometimes feels that the school “terms” are too short (first term when we are just getting to know students and they are settling back into school)</t>
  </si>
  <si>
    <t>The proficiency scale continues to confuse families that do not speak English or have academic proficiency in English. The scale can also be very interpretive for teachers and some may be more harsh or lenient than others</t>
  </si>
  <si>
    <t xml:space="preserve">I am an elementary teacher so do not have current connections to secondary to post secondary transitions and requirements </t>
  </si>
  <si>
    <t xml:space="preserve">The prof scales should be used for everyone- once the language and expectations of the scales are made clearer and more accessible. </t>
  </si>
  <si>
    <t xml:space="preserve">Self reflection abilities are developmental so are sometimes just a make work or get it done activity. These reflections highly depend on student engagement to be meaningful. </t>
  </si>
  <si>
    <t xml:space="preserve">Student engagement is required to make things work. Not all our learners feel engaged in learning especially during these pandemic years. It will be very difficult to get all learners to participate. </t>
  </si>
  <si>
    <t xml:space="preserve">The language used in the proficiency scales. They continue to be biased towards people with higher education backgrounds and are not accessible or meaningful for all families- especially the already marginalized ones. </t>
  </si>
  <si>
    <t xml:space="preserve">See my other comment. </t>
  </si>
  <si>
    <t>The language is misleading and unclear. The language not yet meeting, approaching, meeting expectations and exceeding expectations is much clearer.</t>
  </si>
  <si>
    <t>This dramatically increases the amount of work for teachers, and focuses too much on students assessing themselves and their learning , as opposed to the teacher’s reporting on their ability and skill development, which is the purpose of reporting. Student self assessment is not a true indication of</t>
  </si>
  <si>
    <t xml:space="preserve">This dramatically increases the workload for teachers, who have to address the learning needs and goals of many students, so have to determine the priorities depending upon the needs of the whole class </t>
  </si>
  <si>
    <t>How does the FSA fit with this? Or is this yet more lip service about meeting student needs? 🙄</t>
  </si>
  <si>
    <t>I think that this policy needs much more work, and I cannot limit my concerns to one priority area.</t>
  </si>
  <si>
    <t>I have concerns with the entire reporting policy. This entire document needs more work. The student self assessment, goal setting, and proficiency scale in particular are of grave concern for me.</t>
  </si>
  <si>
    <t>3 written reports is too many.  Parents know where their kid is at by more frequent communication with the teacher.  From asking around, many parents/guardians don’t read their child’s report card, especially the written comments (which are usually way too long and detailed)</t>
  </si>
  <si>
    <t>Any concerns that parents or teachers have are usually communicated through other means (eg. emails, meetings, and phone calls).</t>
  </si>
  <si>
    <t xml:space="preserve">Young children are becoming more and more anxious about their abilities. The extra pressure of percentages and grades are unnecessary for young children. </t>
  </si>
  <si>
    <t xml:space="preserve">There is no point in using the proficiency scale with grades. It is redundant. </t>
  </si>
  <si>
    <t xml:space="preserve">Students set goals throughout the year and are asked to reflect on their learning through those goals. </t>
  </si>
  <si>
    <t xml:space="preserve">How will this be done with younger primary students who cannot yet write or read? Many teachers are already stretched thin on time. </t>
  </si>
  <si>
    <t xml:space="preserve">If teachers are taking on this responsibility, will you be adding more Educational assistants to help with this process? Or lowering classroom numbers? </t>
  </si>
  <si>
    <t xml:space="preserve">Not enough time-primary classes. Teachers are scribing for students. If you want individual goal setting and reflections on the core comp there isn’t enough tome. There is such a huge range of student abilities at the moment due to covid. </t>
  </si>
  <si>
    <t xml:space="preserve">I am part of a pilot district and at this time we are required to supply 13 points of progress (pops) and 2 Written learning summaries. This is totally unmanageable. I spend more time creating pops than focusing on instruction. </t>
  </si>
  <si>
    <t xml:space="preserve">Similar to. The old performance standards and aligns with triangulation of assessment well. </t>
  </si>
  <si>
    <t xml:space="preserve">Teachers should not have the power to change or decide on the future of a student. Grades and percentages are not reflective of an individuals skills and achievements. </t>
  </si>
  <si>
    <t xml:space="preserve">State what that continuity would look like? </t>
  </si>
  <si>
    <t xml:space="preserve">Needs clarification. </t>
  </si>
  <si>
    <t>Does that include the FSA, LITERACY AND NUMERACY assessments? Hmmmm…</t>
  </si>
  <si>
    <t>No one should be assessed based on percentages.</t>
  </si>
  <si>
    <t xml:space="preserve">Five reports are more than enough given the 10 month school year. The first term report card is too early in the year to give a clear picture of academic student performance as the focus of the beginning of the year is on making connections with kids, routines and expectations. </t>
  </si>
  <si>
    <t xml:space="preserve">These terms do not clearly reflect what students are able to do. Parents are confused by them, kids struggle to understand no matter how you explain it to them. If we aren’t going back to letter grades it should at minimum be a 5 point scale as the “developing” covers too big a range. </t>
  </si>
  <si>
    <t xml:space="preserve">This is going to be confusing if kids go through 10 years of school with the proficiency scale and then all of a sudden in the last few years when grades really count for university they don’t understand how one translates into the other (because one isn’t supposed to translate into the other). </t>
  </si>
  <si>
    <t xml:space="preserve">Will universities all over the world accept this? Will students lose out on opportunities outside of BC? This is not the world wide standard for assessment. </t>
  </si>
  <si>
    <t xml:space="preserve">Self assessment is important but should not be a part of formal reporting. </t>
  </si>
  <si>
    <t xml:space="preserve">These are things to be included in their portfolio not formal reporting. </t>
  </si>
  <si>
    <t>This is part of formal report cards and IEPs</t>
  </si>
  <si>
    <t xml:space="preserve">The proficiency scale does not provide a clear picture of academic achievement. Students don’t know if the are on the low or high end of each category which makes it challenging to set a goal for progress. Moving from the low end of developing to the high end is huge progress but isn’t indicated. </t>
  </si>
  <si>
    <t>We recently switched to two written report cards per year - along with a new type of reporting.  We are happy with this new format.</t>
  </si>
  <si>
    <t>This scale works well for k-7. I am
Not sure if this scale works for grade 8 &amp; 9.</t>
  </si>
  <si>
    <t xml:space="preserve">This works best for students as the prepare for university. </t>
  </si>
  <si>
    <t>I am not familiar with this grade level.</t>
  </si>
  <si>
    <t>I think having students do a self assessment in the core competencies at the end of the year is sufficient.</t>
  </si>
  <si>
    <t>Not sure how applicable this is in primary (k-3).</t>
  </si>
  <si>
    <t>As already stated, we just made the change to two written report cards.  We do not need to return to three written reports per year.</t>
  </si>
  <si>
    <t>As a high school teacher, is this 5 times per course? How does this work for semester  courses? Copernican courses?  Where is the time coming from to report more often and more extensively? A high school teacher on semesters can have one semester with 120 student. Unuclear on how it applies to H.S.</t>
  </si>
  <si>
    <t>Not enough time to write reports. Time is stretched dealing with a large number of IEPS and figuring out how to report on competencies which has never been made clear. Meetings take even more time. Now you want even more reporting? If so, give release time.</t>
  </si>
  <si>
    <t>I'm  fine with letter grades and percents.According to how well they have learned the content. Cannot put a letter grade on some of the core competencies.</t>
  </si>
  <si>
    <t>Choose. Letter grades or proficiency scales. The amount of reporting required is getting ridiculous.</t>
  </si>
  <si>
    <t xml:space="preserve">While the idea is good, we have tried this and older students seldom take it seriously.  They just fill out the minimum required to get it done. </t>
  </si>
  <si>
    <t>Unclear. In each class? How often? What about students who just go through the the motions on this? A lot of time can be invested with little value. Again, unclear how to proceed. Can be very different with some schools doing a ,other and some a little. Not enough direction.</t>
  </si>
  <si>
    <t>We already do this. What's  different?</t>
  </si>
  <si>
    <t xml:space="preserve">There is not enough time in high school to do a detailed report, 5 times a year on every student which  can number up to 210 for classroom teachers. Music teachers have to write for far  more students. There is no release time for this. It's  just too much. Clarification needed on 1 many aspects. </t>
  </si>
  <si>
    <t>I think all high school students should have grades.
K-7 proficiency scale</t>
  </si>
  <si>
    <t>Waste of time, self assessment should be informal and part of ongoing practice , not another box to tick</t>
  </si>
  <si>
    <t>All high school students should get letter grades</t>
  </si>
  <si>
    <t>It’s a waste of time. Nobody looks at it</t>
  </si>
  <si>
    <t xml:space="preserve">Assessment drives practice for each years unique group of students.
Parents and students need information to help with growth mindset and goal setting. 
</t>
  </si>
  <si>
    <t>The explanations of the above terms describe the various stages of leaning.</t>
  </si>
  <si>
    <t>Self assessment is an important skill for life long learning.</t>
  </si>
  <si>
    <t xml:space="preserve">Goal setting involves the student in the process… ownership is important.
Partnership with the student, teacher and parent is also important.  </t>
  </si>
  <si>
    <t xml:space="preserve">That the province mandate that all school districts use MyEd for reporting so that files can be eventually digitally exported to any district if a child moves.  There is too many choices for ways to report, in different districts and even within districts.  I do not like fresh grade…. There is no criteria for it, teachers all do different things when using it for reporting, and files can not be assessed by new teachers if a child moves and the parent doesn’t want to release the information.  Fresh grade now also stores it’s data in the USA.   Too many teachers use it basically as a scrapbook for taking pictures … without referring to the curriculum.  I wish when the new curriculum came out, the ministry also would have mandated a my ed reporting template for everyone in bc to use…. And then, as mentioned before, export easily to the child’s new s book.  One curriculum, one provincial wide reporting system would have been great.  Some districts have spent so much money on fresh grade … and are pushing it on educators.  </t>
  </si>
  <si>
    <t xml:space="preserve">That is what we are doing now. </t>
  </si>
  <si>
    <t>Same as now.</t>
  </si>
  <si>
    <t>Do NOT add to the workload of the teacher by including redundant information.</t>
  </si>
  <si>
    <t>Primary children are not developmentally able to accurately self assess. I don’t mind the term self-reflection but not self assessment.</t>
  </si>
  <si>
    <t>This is not possible with primary children. As it is now, it is reasonable to have them contribute their input into making goals but they would not be able to do this on their own. They are egocentric at this age.</t>
  </si>
  <si>
    <t>You’re asking us to report in all subjects in writing 3 times a year which is adding more to what we already do. Focus on literacy, numeracy and student engagement.</t>
  </si>
  <si>
    <t>Same frequency of sharing learning progress</t>
  </si>
  <si>
    <t xml:space="preserve">It doesn’t matter what language we use, it all correlates to the same thing and kids and parents know that. ‘Emerging’ is a 1 and Extending is a 4. This just gives a different name to it. </t>
  </si>
  <si>
    <t>Because if they need letter grades and percentages to apply to further educational opportunities, we’d better give them those.</t>
  </si>
  <si>
    <t>It will be more work for teachers without providing any additional information to students, parents or educational institutions.</t>
  </si>
  <si>
    <t>While agree this is important and it is important that we start teaching kids while young, it seems less than doable for our French Immersion kindergarten/grade 1 classrooms-  they simply don’t have the language skills to do this.</t>
  </si>
  <si>
    <t>Again, a good idea in general, but I can’t see how it would work with our youngest learners in French Immersion classrooms.</t>
  </si>
  <si>
    <t>How is this different than what teachers already are supposed to do??</t>
  </si>
  <si>
    <t>I like the regular written feedback and reporting system. Also the option for further discussions with teacher if necessary.</t>
  </si>
  <si>
    <t xml:space="preserve">I prefer the Letter Grade system based on percentages for all grades k-12. I would have thought parents opinions would have been evaluated prior to this major change. </t>
  </si>
  <si>
    <t xml:space="preserve">It’s a system that works!! It should continue for all grades. </t>
  </si>
  <si>
    <t xml:space="preserve">I prefer the letter grades based on percentages. Standards that should continue into post secondary. </t>
  </si>
  <si>
    <t>It’s great feedback to gain the student’s insight</t>
  </si>
  <si>
    <t xml:space="preserve">Prefer standard letter grades for k-12, along with written feedback for each reporting period. Also interim reports with descriptions of progress report. </t>
  </si>
  <si>
    <t>There needs to be greater clarity about what is required to be reported on five times per year. Do all subject areas need to be reported on in each report, even at the primary level? Do teachers have to report on each individual subject in every informal and formal learning update?</t>
  </si>
  <si>
    <t>Parents do not always understand what the levels really mean and that the interpretation of the individual terms varies broadly between classes, schools, and districts.</t>
  </si>
  <si>
    <t>I don't teach in this area.</t>
  </si>
  <si>
    <t>If teachers are expected to collect, track, and data-input the student goal setting and student core competency self-assessments, it is going to lead to a significant increase in teacher workload.</t>
  </si>
  <si>
    <t>Student reflection and goal setting are already a part of the life-long learning elements contained in the career education curriculum. Duplication of this process to meet the requirements of the Reporting Order does not make sense and impacts the time that teachers have to work with their students.</t>
  </si>
  <si>
    <t>There is a disconnect between the draft Reporting Order and the needs of distributed, distance, and blended learning models. These models do not follow regular school calendar timelines, and greater clarity and examples are required on how the order will be implemented in these situations.</t>
  </si>
  <si>
    <t>The wording does not clearly translate to a reporting schedule for semestered schools. 5 updates per course is very different from 5 per year. In the quarter system last year we experienced 8 reporting cycles and it was exhausting!  (Secondary)</t>
  </si>
  <si>
    <t xml:space="preserve">The proficiency scale puts the focus on learning, accomplishment, and areas for growth.  It is, as yet, unclear whether proficiency will be reported for topics or for competency areas.  I support teaching competencies, but don’t see as much value in organizing reporting around them.  </t>
  </si>
  <si>
    <t>I no longer find percentages to be a meaningful way of communicating progress. It use proficiency during the year and am forced to artificially generate a percent at reporting time. It is a lot of work for no educational value</t>
  </si>
  <si>
    <t xml:space="preserve">As above, I would prefer to use proficiency language exclusively </t>
  </si>
  <si>
    <t>I think there is value in these reflections. Because they fall outside of any one curricular area, I think the self assessments are often a completion task, and disconnected from our classes. curricular competencies are core competencies embodied.  I’d rather see reflection on these in context</t>
  </si>
  <si>
    <t>As a parent, I’ve seen my children treat goal-setting as a hoop-jumping exercise.  I think there is value here, but don’t think individual schools or districts should  all need to do the work of figuring out a meaningful structure.  The ministry should provide options, and allow for adaptation</t>
  </si>
  <si>
    <t>In principle, this sounds great. In practice, some students are not at a level to engage with my curriculum meaningfully. How do we distinguish an “emerging - ready to move on” from an “emerging - should repeat” or “has experienced this curriculum and does not need to repeat”</t>
  </si>
  <si>
    <t>I am already assessing in proficiency and it does not make sense to translate back to a percentage  a letter grade would be okay - there is a conceptual difference between A&amp;B, but not between 85/86%</t>
  </si>
  <si>
    <t>What is the purpose of more reporting?  To keep me accountable?  If I have concerns about a student I communicate that with parents - there are no surprises in my reports.  Workload: Since you don't put enough funds into the education system I'm burning out.  It's hard to keep up as it is.</t>
  </si>
  <si>
    <t xml:space="preserve">A student is either Not meeting expectations - meeting - or - Exceeding.  </t>
  </si>
  <si>
    <t>I teach elementary, not for me to say.</t>
  </si>
  <si>
    <t>I teach k.  This requires me to sit down with each student and in many cases draw out a self assessment as they are not able to understand the concept. Many students can't answer the question 'what did you do last night?"  It's not age appropriate.  Visit a classroom.</t>
  </si>
  <si>
    <t>Again, not age appropriate for 5 year olds.  Couldn't their parents just ask them their goals over dinner convo?  Unrealistic as st. A can't write their name but aspires to write a play and st. B can write sentences but aspires to build bigger Lego towers.</t>
  </si>
  <si>
    <t>Every year I have st. with disabilities and diverse abilities - how am I leaving them out now?  What does this mean?</t>
  </si>
  <si>
    <t>Its between Student SA and Goal setting at my grade level (K).  Both a waste of time.  Sure its cute to look back in 9 years and see what they thought when they were 5 but really, what's the point?  It takes time away from so many other important things that need to be learned in school.</t>
  </si>
  <si>
    <t>As a teacher I feel we provide ample feedback to students and families.
As a parent, I feel that I get lots of feedback on my children's progress.</t>
  </si>
  <si>
    <t xml:space="preserve">I use this scale but as a teacher you also need to provide a percentage or letter grade if asked by a parent so your records have to be kept numerically.  I feel that if a teacher wants to provide a letter grade or a percentage instead of using the proficiency scale it communicates the same thing </t>
  </si>
  <si>
    <t xml:space="preserve">exactly as stated, grades and percentages required by post secondary </t>
  </si>
  <si>
    <t>If universities switch, then we should but there is way too much grey area with a proficiency scale, versus the numbers don't lie.  Yes marking to some extent is subjective but proficiency scale is way more subjective.</t>
  </si>
  <si>
    <t>Who is in charge of this?  Teachers?  Admin?  Loading up teachers with more tasks.</t>
  </si>
  <si>
    <t>Again, time.  Who is going through these goals and making sure they are attainable for students and that students are attaining their goals?  More work for teachers?  Students should do this at home with families.</t>
  </si>
  <si>
    <t>I think a comment on a report card telling what student is participating in and how they are doing in the classroom context should be sufficient.</t>
  </si>
  <si>
    <t>Sometimes grades and percentages tell a more realistic story than a proficiency scale that has a lot of potential grey area.  Hard to sum up in one...they might be proficient in research but emerging at communicating their learning....shouldn't the comment be what we focus on</t>
  </si>
  <si>
    <t>It appears to require a great deal more detailed work which will be time-consuming.  I teach grades 8 through 12 (an option not provided at the start of this survey) that is a great deal of detailed work to provide for every student through 5 different grade levels.</t>
  </si>
  <si>
    <t>From what I read in the draft document grades 8 and 9 will not receive grades in percentage or letter form, but only the proficiency scale. I think this may not be as specific as parents and students need to understand their child's performance.  I think it's vague.</t>
  </si>
  <si>
    <t>No continuity. The switch from 10 years of vague proficiency scales to percentages and letter grades could be a shock to both students and parents.  Because the proficiency scales are vague, they may be in for a surprise to realize they are C students for example.</t>
  </si>
  <si>
    <t xml:space="preserve">A good opportunity for parents to see student interest, effort, and goals.  I find that while most are honest, submitting them in reports may make them more likely to take them seriously than they do now. </t>
  </si>
  <si>
    <t>It's a great idea but I'm concerned about how to oversee, assess progress, and report on all the varying goals with so many students.</t>
  </si>
  <si>
    <t>The written summary isn't an option above and the time required to write them all is a very big concern.</t>
  </si>
  <si>
    <t xml:space="preserve">5 reporting periods and 4 learning updates is an incredible amount of additional work for teachers in B.C. I strongly believe in the importance of assessment, goal setting and feedback but I am confused to why this amount of reporting is warranted. </t>
  </si>
  <si>
    <t>I believe that K-5 is reasonable for a proficiency scale learning report but I think waiting until students are in Grade 10 before they see a grade could be detrimental to students as they prepare for their future outside of K-12 and for colleges and universities.</t>
  </si>
  <si>
    <t>Students need to see how they are academically doing and grades can show where students need to put more effort in their school work. A proficiency scale does not really tell exactly how a student is doing. It is more of a general assessment.</t>
  </si>
  <si>
    <t>Student reflection  and self-assessment are good ways to keep kids connected to their learning.</t>
  </si>
  <si>
    <t>Teachers need workshops and training on how to instruct students on personal inquiry. Many students struggle with setting goals and there needs to be more learning and resources in these areas for teacher and students especially in the K-5 range.</t>
  </si>
  <si>
    <t xml:space="preserve">It is too much and not necessary. </t>
  </si>
  <si>
    <t>Reporting in October when the class has barely got settled and I still don't know the names of all the students. End up writing a completely meaningless report for most of the students. Can't imagine being able to create a meaningful grade this early in the course.</t>
  </si>
  <si>
    <t>I don't know much about these grades.</t>
  </si>
  <si>
    <t>They seem to be something that the parents understand, especially parents who have limited English skills.</t>
  </si>
  <si>
    <t>Why are teachers being required to do double the work? Pick a grading system.</t>
  </si>
  <si>
    <t>It's an interesting idea I'm theory, but I'm not sure how this could be completed in a meaningful way with secondary students especially grade 11 &amp; 12 students who are more focused on graduation requirements.</t>
  </si>
  <si>
    <t>Goal setting is a nice idea in theory, but it is not manageable to be responsible for tracking goal setting for over 90 to 120 students per semester.</t>
  </si>
  <si>
    <t xml:space="preserve">I'm not sure what you mean by that. If a student has the background to take a particular course then they tend to be capable of success. I have had students who are neurologically diverse in my class where they literally are not capable of doing anything that the rest of the class are doing. </t>
  </si>
  <si>
    <t>Number of full written reports with grades or proficiency scale</t>
  </si>
  <si>
    <t>To get 4 full written reports would mean that I have to write a report on students in October when I have almost no data on them because it's so early in the year which is an IE, if I put this on a report card the kids get in trouble with their parents.</t>
  </si>
  <si>
    <t>1. Reports have to be completed every 8 weeks.  2 - 3 weeks from every 8 weeks is focused on reporting instead of focusing on student learning.  
2. I give an example.  I assign.  I mark. I report.  Then I repeat 5 times/year. 
3. Limited instruction and limited student practice for growth. So sad.</t>
  </si>
  <si>
    <t>1. Four point scale to a student =  you are either in top half of the class or bottom half.  Many tears over 'Dev' because it is bottom half.
2. Descriptive feedback becomes copy and paste on written reports. Keep this for student conferences when the student work is in front of the parent.</t>
  </si>
  <si>
    <t>1. Letter grades allow the more balanced student to achieve a 'higher' mark and in turn, a chance for a spot at college or university. 
2. How do you justify one essay being 93% and another 94%?</t>
  </si>
  <si>
    <t>Promotes a less anxious, more balanced student. 
Try to convince secondary institutions of this.</t>
  </si>
  <si>
    <t>Students do not understand why adults want these assessments written down.  Do we as adults do a written self-assessment every time we complete a project?  Children, like adults, think about and/or talk about their success and their difficulties and how to move forward. Writing it down is unnatural.</t>
  </si>
  <si>
    <t>encourages empathy in our population.</t>
  </si>
  <si>
    <t>already stated in a previous response.</t>
  </si>
  <si>
    <t>I’m concerned that the amount of reports, the lack of clarity around reporting expectations, and the lack of supports for teachers to learn this will lead to an increase in teachers’ workloads</t>
  </si>
  <si>
    <t>Seems reasonable</t>
  </si>
  <si>
    <t>A bit vague</t>
  </si>
  <si>
    <t>Of course I’d like students to make goals and to report their progress using inclusive practices but this sounds like fluff. Teachers don’t need more paperwork. Do you want to support BC students? Hire more EAs and support staff. Put less on teachers’ plates not more. Their classrooms will flourish.</t>
  </si>
  <si>
    <t>My experience as a parent and a teacher is that this feedback is not only inauthentic in nature but time consuming to create. Also, the four point scale is too broad to be informative.</t>
  </si>
  <si>
    <t>Although there are drawbacks to reporting with a simple grade and percentage, it is easily digestible information for parents.</t>
  </si>
  <si>
    <t>With only four points, it will not be particularly informative and will require more work from teachers. Asking for more from teachers right now is absurd, and this plan to make changes in a time when teachers are overwhelmed is opportunistic.</t>
  </si>
  <si>
    <t>I like the idea, but more of the self assessment tools should be provided to teachers. This part needs to be simple, authentic, and not use up much instructional time.</t>
  </si>
  <si>
    <t>This threatens teacher autonomy by intruding into the classroom. It would take a long time to teach just goal setting, never mind the time required to set goals and monitor progress. I feel like 80% of the teacher’s time is going to be spent reporting and helping students complete self assessments.</t>
  </si>
  <si>
    <t>Smaller class sizes would be necessary. Treating education as customizable, made to order specialty coffee is problematic, as there are simply too many special cases in every class.</t>
  </si>
  <si>
    <t>All elements that mean an increased workload for teachers</t>
  </si>
  <si>
    <t>I don’t have enough time and energy currently, and I’m frustrated that I’ll likely be asked to teach less and report more, especially when the majority of parents likely don’t care enough to even complete this survey.</t>
  </si>
  <si>
    <t>Most teachers in my school send out multiple informal reports per year on top of the 4 formal ones and the parent teacher interviews.</t>
  </si>
  <si>
    <t xml:space="preserve">This is terrible for math.  In my opinion the terms emerging and developing indicate that you do not have the skills to go on to the next grade level of math.  This means there are only two indicators to describe all students who would be in the 50 to 100 percent categories
</t>
  </si>
  <si>
    <t>The system using percentages works very well right now so don’t change it</t>
  </si>
  <si>
    <t xml:space="preserve">There is so much push to include teaching core competencies that I feel I will need to reduce content in math.  I think it is ridiculous for a math teacher to be fired to delete the logarithm chapter in order to stress the competencies </t>
  </si>
  <si>
    <t xml:space="preserve">Course content will be sacrificed  in order to cover goals.  </t>
  </si>
  <si>
    <t>There is currently minimal support for teachers to make adaptations for students with IEP’s.  Adding a change of assessment on top will push some teachers to the breaking point</t>
  </si>
  <si>
    <t>There are too many parts that I am dissatisfied with
The changes will not give a better product, just more work for teachers, less content learning for students and more busy work.</t>
  </si>
  <si>
    <t>Teachers have enough on their plate and they need more time to meet with parents during the day so they aren't going home at 7pm on a school day.</t>
  </si>
  <si>
    <t>There needs to be more education on how to implement this and more funding for teachers to provide an inclusive education. We need more SSWs, resources and tools in the classroom.</t>
  </si>
  <si>
    <t xml:space="preserve">Just changing the words from meeting, approaching, exceeding </t>
  </si>
  <si>
    <t>What about IB schools ? 
Great to have letter grades 
But more important is the communication before the letter grades are final</t>
  </si>
  <si>
    <t>How does that relate to what universities are looking for ?</t>
  </si>
  <si>
    <t xml:space="preserve">Core competencies take a lot of time for little value 
Feedback from parents = they don’t care 
Too wordy 
Not useful information </t>
  </si>
  <si>
    <t xml:space="preserve">What is the outline / framework for goal setting ? 
</t>
  </si>
  <si>
    <t>Where are the supports for the diverse learning needs? 
Where’s the time to plan and implement the strategies to help diverse learners ?</t>
  </si>
  <si>
    <t xml:space="preserve">Too many options to pick just one </t>
  </si>
  <si>
    <t>Not useful in term 1 when teachers are simply getting to know students, completing formative assessment that doesn't necessarily need to be reported to parents. Personalizing a class set of reports is an incredible amount of work at one time. It's better when all subjects aren't reported at once.</t>
  </si>
  <si>
    <t>I like this scale to evaluate students progress. This scale allows students to understand expectations clearly and provide a clear area for growth.</t>
  </si>
  <si>
    <t>It's important for students to self reflect on their goals and growth. The core competencies are well thought out. Although it is quite overwhelming for students to recognize their growth in all areas of core competencies.</t>
  </si>
  <si>
    <t>Teachers have worked hard to have the reporting order changed so that it reflects natural learning sequences - not timed events that must be done. Is this new reporting order a gift to parents who have voiced strongly? Or is this to help students learn better?</t>
  </si>
  <si>
    <t xml:space="preserve">There is no time nor possibility for a teacher to do this when there are so many kids with special needs in the classroom. </t>
  </si>
  <si>
    <t>Writing reports on MyEdBc is full of technical hurdles, not user friendly at all, a huge, time wasting effort. Parents don‘t understand the language in the reports and it does not reflects at all what the kids can actually do.Learning takes time- don’t report every 5 minutes on it</t>
  </si>
  <si>
    <t>The process of reporting in such detail is completely unrealistic looking at the lack of help we have in the classroom and takes away from actual teaching time. Rather than developing administrative models send man power to the classroom</t>
  </si>
  <si>
    <t>A lot of students lack maturity and have not learned how to self reflect. Academic levels are decreasing drastically each year due to screen time, parents being forced to work long hours with less and less time for their children, long commutes, these are the real issues</t>
  </si>
  <si>
    <t>We need back to basics learning- kids in grade 4 don’t Even know their address any more, can’t measure 10 cm…</t>
  </si>
  <si>
    <t>Because it is just not possible being one person in class with 30 kids</t>
  </si>
  <si>
    <t>Smaller classes, less push for being on computers for Kto 5 students</t>
  </si>
  <si>
    <t xml:space="preserve">It should be one of letter grades or percentages with the four point scale. Preferably there would be no percentages and Letter grades at all- I doubt post secondary institutions would just stop accepting BC grads if we eliminated percentages and letter grades, they need the money. </t>
  </si>
  <si>
    <t>Remove letter grades or percentages, or both. The proficiency scale showed very clearly how well a child can currently demonstrate a skill- saying that a child has 83% or a B in socials doesn’t help the child develop a growth mindset about skill acquisition. It says you know ‘83%’ of this</t>
  </si>
  <si>
    <t>More opportunities for students to reflect</t>
  </si>
  <si>
    <t>Templates should be provided for this</t>
  </si>
  <si>
    <t>This is vague, vague language hurts disabled kids because it allows adults to continue to exclude them and ignore theii I r needs. Also what support will be offered to teachers with this new expectation</t>
  </si>
  <si>
    <t>Secondary teachers will then be reporting 3 ways if we keep adding things! We need to set an example for post secondary schools by communicating with proficiency in specific groups of skills, they can still standardize that. Proficiency over percentages and letter grades, not all 3</t>
  </si>
  <si>
    <t>Impractical and overwhelming- too many changes- will take away valuable teaching and engagement time with students.
Lead to teacher burnout- many teachers already on that path especially in a semester system which is more intense than linear system</t>
  </si>
  <si>
    <t xml:space="preserve">Semester system- timelines and deadlines too unwieldy </t>
  </si>
  <si>
    <t xml:space="preserve">MOE, I have been an educator for over 30 years- I LOVE teaching,Too many changes, implemented too frequently with too little support but lots of policies and rhetoric. You are too influenced by parents and not by educators! </t>
  </si>
  <si>
    <t xml:space="preserve">This is good, but it does raise the question of semestered courses.  Does this imply 5 written reports over a course or over the whole year which would include 2 different semesters where students are completing one set of courses first then the other completely disparate courses? Depends on which
</t>
  </si>
  <si>
    <t xml:space="preserve">I'm just beginning my work with proficiency scales and what I've seen I've liked. 
</t>
  </si>
  <si>
    <t xml:space="preserve">I'm not sure how to connect the good work being done with proficiency scales to breaking the learning of many many standards into ONE percent. If feels disingenuous when you have been helping students to focus on one learning standard at a time. 
</t>
  </si>
  <si>
    <t xml:space="preserve">Again the disconnect between the two processes of grading is very confusing to me. AS WELL as the teacher workload increases astronomically. I have experimented in one course I teach by double grading students with both systems and was overwhelmed by the volume of work to do both. Too much. </t>
  </si>
  <si>
    <t xml:space="preserve">I am glad we are teaching students to take more ownership for these core competency skills and self assess. HOW that works in a semestered highschool?  I am not sure.  
</t>
  </si>
  <si>
    <t xml:space="preserve">Again this is an important skill and process we all can use. How it is implemented in a semestered high school where we are already extremely short on time for our academic courses, I am not sure. Inservice for this is important. 
</t>
  </si>
  <si>
    <t xml:space="preserve">Yes but some clearer policies and guidelines around this. 
</t>
  </si>
  <si>
    <t>Descriptive feedback in reporting</t>
  </si>
  <si>
    <t xml:space="preserve">I would like the mention of Descriptive and timely feedback to parents to be clarified more and some DEFINITE real inservice to teachers on what that would look like and be like. This is where the most angst for me comes from.  </t>
  </si>
  <si>
    <t xml:space="preserve">Il est impossible de faire autant de rapports écrits, d'évaluations et de compte-rendus dans une année, sans que cela augmente encore plus la charge de travail déjà incroyable et le stresse que cela procure aux enfants et enseignants.  </t>
  </si>
  <si>
    <t>Les enseignants de maternelle à 2e années doivent écrire la voix de l'enfant pour chacun des rapports, pour chaque élève.  Ça prend un temps considérable qui est enlevé à l'enseignement encore une fois. Cela veut dire que l'enseignement s'assoit un à un, avec 22 élèves, 4 fois, pour toutes les comp.</t>
  </si>
  <si>
    <t>Les enseignants de maternelle à 2e années doivent écrire la voix de l'enfant pour chacun des rapports, pour chaque élève.  Ça prend un temps considérable qui est enlevé à l'enseignement encore une fois. Cela veut dire que l'enseignement s'assoit un à un, avec 22 élèves, 4 fois, pour toutes les compe</t>
  </si>
  <si>
    <t>En théorie,  c'est une excellente idée.  En pratique,  c'est impossible à faire pour un seul enseignant,  sans aide.</t>
  </si>
  <si>
    <t>Déjà fait dans les commentaires ci haut.</t>
  </si>
  <si>
    <t xml:space="preserve">The four point scale is too vague and not well understood by parents, students or teachers.
Informal yearly survey of my students and their parents shows almost universally that, for grades 8/9, the preference would be letter grades and/or percentages.  </t>
  </si>
  <si>
    <t>Absolutely yes.  Particularly in the core academic subjects, and especially in math.</t>
  </si>
  <si>
    <t>Don't complicate things.  Particularly in academic subjects, reporting methods should be universal.  
Percemtages are not perfect, but they offer a simple, easily understood, time tested method that works well - and which is especially appropriate in a math class.</t>
  </si>
  <si>
    <t>As a senior math teacher, perhaps wrongly, my focus and efforts are always to get students prepared enough that they will be able to handle the following years math content.  Core competencies are important, but very difficult to evaluate - becomes meaningless exercise.</t>
  </si>
  <si>
    <t>Unless students take this seriously, it becomes another meaningless hoop to jump through.  What is done with the goals after they are completed?  Are they revisited?  When is this done? Is time taken from senior math class to do this?</t>
  </si>
  <si>
    <t xml:space="preserve">This proposed reporting change worries me. With all the assessments required, OCSL for each area, report cards &amp; summary of learning we are done. I can’t add another thing to my year. Some don’t realize that we have so many other things in our year. Reading groups, meetings, one-to-one support </t>
  </si>
  <si>
    <t xml:space="preserve">Very confusing to parents. They still
Ask me what the areas indicate. We used to have letters is what they say ABC etc then S satisfactory G good (easy to understand ) 
Our world now doesn’t set them up for inevitable failure and how to deal with it </t>
  </si>
  <si>
    <t>This is incredibly hard for early primary. They have no understanding of this at an early age. Plus as a parent I NEVER look at it.  Parents only want feedback on where their teacher thinks they are in that subject or area. Teachers have to do this one-to-one waste of teaching time</t>
  </si>
  <si>
    <t xml:space="preserve">I’m only speaking to very early primary. Positive for older students. Early primary struggles with this &amp; it takes way more time than it should. They need instruction not wasting time doing this. Teachers always say I need more time to teach on a daily basis. Wasting time is hard for us </t>
  </si>
  <si>
    <t>I want more than one choice. Frequency of reporting is #1 
Change scale #2
Self assessment for early primary is so time consuming that it is a struggle to get them to answer properly one -to -one  22 kids is way to time consuming. If not the answers you get is I liked my drawing(in a math assessme</t>
  </si>
  <si>
    <t>I feel letter grades should still be used from grades 6-9 as well as 10-12.  The students lack motivation to work as it is and without letter grades, their is no motivation at all.</t>
  </si>
  <si>
    <t>We are already reporting on enough.  We do goal setting in class but it's not my job to monitor their goals for a report card and to formally report on them.</t>
  </si>
  <si>
    <t>choosing one is not enough</t>
  </si>
  <si>
    <t>The summary of learning at the end is STILL a written report and still takes much teacher time to complete.  Thus, the written report brings us back to three formal written reports! We do a much better job communicating with parents when we speak directly to the parents; immediate feedback.</t>
  </si>
  <si>
    <t xml:space="preserve">Same as is done currently </t>
  </si>
  <si>
    <t>Time consuming!</t>
  </si>
  <si>
    <t>Student directed should be the aim.</t>
  </si>
  <si>
    <t xml:space="preserve">This comment is for the following ‘level of satisfaction’ since no space was given!
The reporting process is too long &amp; arduous! It’s filled with teacher language that parents do not understand (k-7 written reports). Checklists with brief summaries &amp; teacher/parent conversations work best.
</t>
  </si>
  <si>
    <t>One option is not enough!</t>
  </si>
  <si>
    <t>We do not have enough hours in the day to complete all the reqiirements  put upon us when we have students of such diverse needs with little supports in place to help them. Three reports are enough.</t>
  </si>
  <si>
    <t>The descriptors are vague, wishy washy. The last descriptors nym, approaching, meeting, exceeding - were clearer.</t>
  </si>
  <si>
    <t>Students need to know where they stand. In the real world they will be evaluated - graded, for University.</t>
  </si>
  <si>
    <t>More work.</t>
  </si>
  <si>
    <t>This requirement might be useful for higher grades. Students in primary can barely remember what they did over yhe weekend to write in their journals on Monday let alone reflect on how well they are thinking.</t>
  </si>
  <si>
    <t>See previous response. It's like pulling teetth, for the primary students. We can set goals together but I tell them what they have to work on and they agree.</t>
  </si>
  <si>
    <t>There are not enough hours in the day to meet what you are asking.</t>
  </si>
  <si>
    <t>I wish I could choose more than one. I'd pick the number of times we are reporting and the proficiency scale.</t>
  </si>
  <si>
    <t>Previously explained.</t>
  </si>
  <si>
    <t xml:space="preserve"> Since the reports are more anecdotal the comments take far longer. The additional paragraph is a burden when teaching up to 200 students.  Unless additional time is given to complete this there will be far more mental health days and leaves.</t>
  </si>
  <si>
    <t xml:space="preserve">The scale itself is a good addition but there are inadequate means to report this, with respect to the report cards programs.  </t>
  </si>
  <si>
    <t>Appropriate since post secondary institutions require grades.</t>
  </si>
  <si>
    <t xml:space="preserve">The idea is good but the reality is that we will be inputting this since there is no appropriate way for students to do the inputting themselves.  This will be a huge burden on teachers. </t>
  </si>
  <si>
    <t>Again, the idea is commendable but unless time is incorporated into the school year to accomplish this, other aspects of our teaching will suffer.  There is so much talk of mental health but a I feel that more and more is being added to our plate and no extra time is given.</t>
  </si>
  <si>
    <t>It’s is not just this.  My objection is the quantity of reporting in total that is expected that is the problem.  We cannot do all of this and do it well as well as continue to do a good job of teaching.  If you ask more on one side something else will give.</t>
  </si>
  <si>
    <t xml:space="preserve">1.Most patents feel overwhelmed with reading too much “ teacher language” and have expressed that it would be nice to just “get to the point”. For example, “Is the work getting done, are there any  challenges?”. 8 courses of feedback may feel like a short novel.  </t>
  </si>
  <si>
    <t>Each subject area needs to have the same set of criterion expectations in assessment across the province.</t>
  </si>
  <si>
    <t>It is what is universally recognized</t>
  </si>
  <si>
    <t>same as last question for k-9.  Verging on too much info though</t>
  </si>
  <si>
    <t xml:space="preserve">Students regard this as a joke/hoop jumping.  It is not assessed so we need to be mindful of overall expectations.  </t>
  </si>
  <si>
    <t>If you teach a course for 10 weeks, goals that students set would have to be about overall learning rather than course specific.  Time would need to be taken out of classes to reflect throughout the year-some courses cannot afford this time.</t>
  </si>
  <si>
    <t>To do this well it takes time and collaboration with LAC and LST.  Is the ministry ready to give us about non instructional days to do this?  Or better yet, provide teachers in high school/elementary two extra spares to get this done.</t>
  </si>
  <si>
    <t>A bit of everything</t>
  </si>
  <si>
    <t>Always asking for more but not giving time to do it well.</t>
  </si>
  <si>
    <t>How is this different from what is currently happening? There are two report cards for each semester, and two student led conferences. That cannot change if both semesters are to report equally, which really only makes sense. Why create language that doesn’t reflect the practice?</t>
  </si>
  <si>
    <t>Happy faces, flowers, etc are patronizing to adults AND children. They can learn the language. Letter grades are meaningless without context and the public imposes their own personal definitions of those letters on reports which muddles communication. 
HOWEVER, the definitions need to be clear</t>
  </si>
  <si>
    <t>University is not secondary school. And BC cannot dictate other provinces and countries. Gotta do what ya gotta do.</t>
  </si>
  <si>
    <t>The Career Life Connections curriculum is a better match for the proficiency scale. And it’s compatible with giving feedback on Capstone too.</t>
  </si>
  <si>
    <t>Should be done. Biggest problem is accountability. It seems that one staff member takes it on for the whole school. Either fund that position or make it more manageable for all teachers to have students load it to one online portfolio with easy access for all abilities, income, and remoteness.</t>
  </si>
  <si>
    <t xml:space="preserve">Same comment as previous </t>
  </si>
  <si>
    <t>The goal is excellent. However, the reporting order has not achieved this.</t>
  </si>
  <si>
    <t xml:space="preserve">The order is great if you are middle class and above, abled, English as a first language, and live in a metro area. Remove any of these, and it excludes a significant portion of the student and parent population. </t>
  </si>
  <si>
    <t xml:space="preserve">The 2 written reports are important for parents and teachers but the online portal summaries are not being viewed by enough parents and are a lot of work for teachers </t>
  </si>
  <si>
    <t xml:space="preserve">This is too vague and subjective for parents and teachers </t>
  </si>
  <si>
    <t>Do not need so much reporting the existing already works and it is hard to meet in person.</t>
  </si>
  <si>
    <t>Easy to read, better for younger children. Maybe not for grade 8-9</t>
  </si>
  <si>
    <t>Need the grades for university and let's kids move towards taking ownership of study habits. Wish letter grades for 8 and 9 also</t>
  </si>
  <si>
    <t xml:space="preserve">Children need to know how to accurately assess their skills </t>
  </si>
  <si>
    <t>Goal setting is important and we need a way that kids take ownership of their learning and learn how to improve things that they are not good at</t>
  </si>
  <si>
    <t>Different perspectives are always good in moving forward and promotes inclusiveness</t>
  </si>
  <si>
    <t>Two report cards and two interm reports would be enough. I want the teachers to spend more time teaching and I usually talk to my kids teacher enough to know what is going on. Taking responsibility for my kids learning is my job until they are old enough. I still think that grade 8-9 need grades</t>
  </si>
  <si>
    <t xml:space="preserve">We do not need as many reporting periods. We are in constant contact with parents and the added stress of additional reporting periods seems needless. </t>
  </si>
  <si>
    <t xml:space="preserve">The proficiencies are vauge. If a teacher is grading a student with an L.D. they struggle to understand how to assign the appropriate level of achievement. Proficiencies need to be madfe. more clear. </t>
  </si>
  <si>
    <t xml:space="preserve">If students do not receive letter grades they will have to put out additional monies to pay for formal entrance exams rather than simply receiving letter grades. </t>
  </si>
  <si>
    <t xml:space="preserve">Great Idea but it takes a lot of extra classroom time and the kids don't really take it seriously no matter how you set it up or present it. </t>
  </si>
  <si>
    <t xml:space="preserve">Is it possible to find any sort of balance? How can you manage a classroom with a spectrum from gifted students to those who have an L.D. or other wise. </t>
  </si>
  <si>
    <t>Requiring 3 written reports is a lot of work and would take a lot of time!  No mention of engagement or social responsibility.  What format will be used to discuss attendance?  Reporting on all areas of learning before 25% of the year is too soon!  What about careers and ADST for K-5?</t>
  </si>
  <si>
    <t>The new reporting policy says "Provincial Proficiency Scale gives students and parents/caregivers a clear understanding of both what students can already do and areas for future growth." The generic proficiency scale does not make anything clear.  Where will we find these clear next steps?</t>
  </si>
  <si>
    <t>Make sense when these are required by post secondary students.</t>
  </si>
  <si>
    <t>Again, as the proficiency scales are very generic, unless more information was given to teachers, it wouldn't necessarily create more continuity.</t>
  </si>
  <si>
    <t>Yes - this should happen through out the year.  No I don't think it should be mandated to reflect on every core competency 3 times.  This is a big jump and can lead to some very superficial reflections from students.</t>
  </si>
  <si>
    <t>Students should create their own learning goals!  All staff should get training on how to coach students successfully during these goal setting sessions.</t>
  </si>
  <si>
    <t>How will this policy ensure that parents are proactively working with teachers?  This policy needs to define "clear language that is accessible": examples of this should be given for all grades and all learning areas.</t>
  </si>
  <si>
    <t>Lack of supports for teachers to learn about implementing the new reporting order, Lack of guidance from the Ministry to ensure consistent approaches across the province in implementing the new reporting order, The potential for a significant increase in teacher workload to meet the new requirements</t>
  </si>
  <si>
    <t>These are too many written reports for teachers to reasonably complete, and would be ineffective in conveying thorough information.</t>
  </si>
  <si>
    <t>Having multiple systems at once is confusing, and it would be better if it were one clear assessment.</t>
  </si>
  <si>
    <t>The workload is too high for the frequency of reporting, and may lead to burnout.</t>
  </si>
  <si>
    <t xml:space="preserve">Monthly communication seems to be good to understand what the class is doing and 2-3 times a year for a formal assessment seems to be enough   
I would think this is a lot of work and might be too much reporting. </t>
  </si>
  <si>
    <t xml:space="preserve">Unclear
No reasons given for low assessment
No plan provided for next steps
Kids are pushed to next grade even if not meeting expectations and nothing gets done about it. </t>
  </si>
  <si>
    <t>Kids know where they are - but this is subjective and parents seem to be able to argue and manipulate for better grades for their children. Maybe there is a more valid way of knowing where the students are at?</t>
  </si>
  <si>
    <t>I guess this would depend on what skills we are looking to be proficient in. 
If they are emerging in the course then likely proficiency is low and they are unable to be proficient in the skills / knowledge required… would this not go hand in hand?</t>
  </si>
  <si>
    <t xml:space="preserve">Good that students have a say and understanding in their abilities and efforts, many are inaccurate and say things that they believe their parents want to hear. </t>
  </si>
  <si>
    <t>This idea, in theory, seems great, but when would there be time for teachers to document, check and report out on al this information along with everything else they do?</t>
  </si>
  <si>
    <t xml:space="preserve">I think this is a great idea and would assume this is always done, but I would assume there would be support from specialists in the district with all this information </t>
  </si>
  <si>
    <t xml:space="preserve">Consultation </t>
  </si>
  <si>
    <t>I believe the proposal has been created with best intentions, however have you even consulted those who do the work ?  This seems like there are many additions and extras that are being asked with very little considerations as to how these will actually get done along with support for those doing it</t>
  </si>
  <si>
    <t>It doesn't really give any consideration to how this would look in a semester based system. I think it is fine for a linear system.</t>
  </si>
  <si>
    <t>Having to different systems for students in the same school (between 9 and 10-12) creates unnecessary difficulties and confusion. Would be better if all of highschool was on the same system.</t>
  </si>
  <si>
    <t>Just need more clarification of how this is done at a high school level. Is it part of an individual teachers role, or is it a school wide initiative.</t>
  </si>
  <si>
    <t>I feel that students in the same school should all have assessment reporting done the same way for consistency.</t>
  </si>
  <si>
    <t>We are not doing the ongoing communication of learning anymore? I just finished all my units planned with the latest requirements. Teachers will require instructional time to restructure and understand the changes.</t>
  </si>
  <si>
    <t>Are you trying this as a change? We are doing this.</t>
  </si>
  <si>
    <t>I don't understand how this is different from what we are doing. I guess teachers will need time to find out how this is different.</t>
  </si>
  <si>
    <t xml:space="preserve"> This would also require technology we don't have to allow personal inquiry as primary students don't have the skills to read independently. Libraries would require books of all subjects to be at all reading levels. Currently, most have books leveled according to the curriculum.</t>
  </si>
  <si>
    <t>How is this different from what we are doing? Not enough details.</t>
  </si>
  <si>
    <t xml:space="preserve">There is no change to what we're currently doing at elementary school.  We already do 3 written reports and 2 informal reports and the new order is the same thing.  When it says 2 written reports as well as one summary, that's exactly the same as what we're doing.  </t>
  </si>
  <si>
    <t>We eliminated letter grades years ago and have been using this scale.  My only concern is why have emerging when we're really not allowed to use it?</t>
  </si>
  <si>
    <t>I think post secondary needs to bring their standards up with the changes in curriculum, so that high school will be able to adjust to the new reporting.</t>
  </si>
  <si>
    <t>I don't teach high school, but that seems like adding more work to an already challenging work load.</t>
  </si>
  <si>
    <t>Our students have included their self assessment for years, so this isn't a change.  I wouldn't want to see the assessment of Core Competencies change from 3rd term though because that would be too much.</t>
  </si>
  <si>
    <t>We really like that students have input into their report cards.  Once again, this isn't new as we've done this for years.</t>
  </si>
  <si>
    <t>Same as what we've been doing for years.</t>
  </si>
  <si>
    <t xml:space="preserve">Nothing has changed.  The wording pretends that the number of reports has changed, but it hasn't.  Two written reports in a year are plenty.  We update parents regularly and report cards take weeks to write, so 3 written reports is too many.  </t>
  </si>
  <si>
    <t>Is in unclear what a Summary of Learning is. 
Also, do these guidelines apply to both elementary and secondary?</t>
  </si>
  <si>
    <t>This scale is confusing for students, parents, and teachers. Everyone just converts it back to the old percentage/letter grade system which has worked well in the past. No reason to change it. Just making more headaches for everyone.</t>
  </si>
  <si>
    <t xml:space="preserve">We MUST keep percentage grades for students, especially as in the modern world, post-secondary education (whether university or technical college) is required to succeed. We will be putting our students at a disadvantage.
Also, we must resist the notion that all students have equal ability. </t>
  </si>
  <si>
    <t xml:space="preserve">Letter grades, percentages, and teacher comments are sufficient to communicate to parents and students how they are doing. </t>
  </si>
  <si>
    <t xml:space="preserve">I don't think it is right that student work should be a part of their permanent school record. This is a fine tool to use in the classroom, but at the end of the day student assessment should be conducted only by professionals (i.e., the teacher). </t>
  </si>
  <si>
    <t>Agree that students should set goals, strongly disagree that this should be included in student reporting.</t>
  </si>
  <si>
    <t>We need to ensure kids aren't just given grades. If we're sending them off to Engineering school to build bridges, those that have earned an A in Calculus must have truly earned it on their own merits, and not because of diversity/inclusion measures.</t>
  </si>
  <si>
    <t>The proficiency scale needs to be removed and letter grades/percentages reinstated. Before we know it this will have crept into the senior grades. We must stop coddling our children.</t>
  </si>
  <si>
    <t>I would not want to increase the number of reporting periods home. We tend to have an "open door" policy where parents can see their students summative marks in real time via an online marks system</t>
  </si>
  <si>
    <t>I teach at and IB school. I'm uncertain how much work would have to be done with our technology/marks system in order to report on the IB criteria and use the provincial proficiency scale at the same time.</t>
  </si>
  <si>
    <t xml:space="preserve">I think it is important for students in Grade 10-12 to know where they sit with their marks for reporting to university. </t>
  </si>
  <si>
    <t>I am uncertain on how much work will have to go into report card creation in order to include the curricular competencies and their proficiency ratings on the reports. Will a standardized system of reporting be created and provided to all schools from the ministry?</t>
  </si>
  <si>
    <t>I feel like we do this to a certain extent through IB self reflection tools</t>
  </si>
  <si>
    <t>We do this already as we are an IB school</t>
  </si>
  <si>
    <t>I would be interested in being provided a standardized or sample report card of what is required by the ministry.</t>
  </si>
  <si>
    <t>As a teacher, that period of time is extremely busy and there is no time to also create a summary of learning while concurrently producing reports for 120 students. Including student work in the report will also take additional time at a very busy time. They get feedback all the time in class.</t>
  </si>
  <si>
    <t>As a parent, I am so happy my kids have already graduated. I do not know of any parents who ever liked this system for their primary students as it is so ambiguous. Now it has been moved into older grades. Just happy my kids did not have to endure that.</t>
  </si>
  <si>
    <t xml:space="preserve">It will be obvious to both the parent and student as to how the student is progressing in a class. There is no ambiguity. 
</t>
  </si>
  <si>
    <t>Teachers are already working hard to provide feedback daily to students in their classes. In addition, the percentage and work habit gives parents and students an excellent idea as to how that student is progressing. If there are any problems, parents are already informed through the current process</t>
  </si>
  <si>
    <t>I think the intent was noble, but the implementation is flawed. Also, students are not responding as intended. They did not understand what was needed at first and they treat it as something they must do, but they do not get a lot out of it.</t>
  </si>
  <si>
    <t>We already have policies in place to respond to the needs of  students with disabilities and diverse abilities. I do not like the new policies for the reasons mentioned prior to this question regardless of whether or not the student has an IEP.</t>
  </si>
  <si>
    <t>Summary of Learning</t>
  </si>
  <si>
    <t>Time required to create all of this additional feedback.</t>
  </si>
  <si>
    <t xml:space="preserve">This creates more work that doesn't add value.  </t>
  </si>
  <si>
    <t>Students need these grades to apply to universities.</t>
  </si>
  <si>
    <t>You will be asking teachers to do more work once again without added value.  Parents will look at the grades and comments, not at the proficiency levels at this stage in their kids education - they're looking at readiness for university.</t>
  </si>
  <si>
    <t xml:space="preserve">I'm concerned about the adaptations and accommodations that are being done in terms of inclusiveness, especially when we have Grade 12s coming into academic classes expecting to get 95% because they've been accommodated for so long but yet they can't keep up with the pace and material. </t>
  </si>
  <si>
    <t xml:space="preserve">You continue to add more work to teachers workloads and take away time to do it.  I am firmly against this increase of reporting when you've made our teaching time longer, prep time shorter, and expect that we adapt and accommodate for everything and everyone.  </t>
  </si>
  <si>
    <t>Too much work for the teacher. Too much time would have to be spent on assessment.which interferes with student learning ..Too much time is spent on report writing in elementary schools already . It is onerous, unproductive and a major cause of stress. And most parents don’t read the entire report.</t>
  </si>
  <si>
    <t xml:space="preserve">It’s better than letter grades but very few students are proficient and even fewer extending. Currently we don’t have to report on every subject every time </t>
  </si>
  <si>
    <t>Not applicable</t>
  </si>
  <si>
    <t>More information needed. Younger students find this very difficult. Should not be required every reporting time.</t>
  </si>
  <si>
    <t xml:space="preserve">Goals are important but need to be carefully introduced. </t>
  </si>
  <si>
    <t xml:space="preserve">Not all students are capable of having academic goals for example.  Their goals should be meaningful to them and their parents, not contrived.Teachers currently make adaptations for students with various learning styles and abilities  it’s not possible to have ‘all’ adapted for ‘all’ students. </t>
  </si>
  <si>
    <t>Too much additional work &amp; stress for teachers &amp; additional stress for students. So much time is already spent on assessment,  for grade 4 &amp; 7 with FSAs. Takes away from teaching time and student learning. Elementary teachers spend hours, weekends, personal unpaid time working on meaningful reports.</t>
  </si>
  <si>
    <t xml:space="preserve"> This is the same number of reports currently required under existing policy. True, but these reports will require an enormous amount of time and effort from the teacher.  Are you going to give teachers time in the school day to prepare 3 written reports for approx. 210 high school students a year? </t>
  </si>
  <si>
    <t>Teachers have given so much these last 2 years, and there has been a lot of work done after school hours.  I am not prepared to do any more school work outside of school time.  I will only write written reports during my working day.  Not doing anymore work after school or on weekends.  Burnt OUT!</t>
  </si>
  <si>
    <t xml:space="preserve">Taking letter grades away from grade  10-12 a few years ago didn't work?  Now we are going back to it?  What's the reason for that?  failed experiment by the Ministry of Education?  </t>
  </si>
  <si>
    <t xml:space="preserve"> Emerging, Developing, Proficient, and Extending is just a nicer way of saying failing, below average, average and above average.  We have been using it forever, just fancy language saying the same stuff.</t>
  </si>
  <si>
    <t xml:space="preserve">Core Competencies is a joke.  No marks given, so students do not care. Just a check mark at the end of the year.  We have always taught Core Competencies, teaching the whole student not just the curriculum.  Just another Ministry of Ed. make work project like Portfolios and Capstones.  </t>
  </si>
  <si>
    <t>I've taught a lot of 'goal setting' and  the result is always a disaster.  In a class of 30, maybe 3 can write a proper goal.  The rest write things like "do better, get a good mark, etc. You need to come in to a class and see what a 'regular' class is like now.  You would be shocked!!!</t>
  </si>
  <si>
    <t>Nothing new here!  We always done this.</t>
  </si>
  <si>
    <t>Frequency reduces quality.  High school teachers manage 210 students a year.  That's a lot of reporting with no time allotted in our daily schedule to complete. Teachers are on the edge of burnout, do not implement more changes after everything we have done over the past 2 years.  Give us a break!</t>
  </si>
  <si>
    <t>I am feeling very anxious about how much extra work this will be for teachers (especially secondary school teachers).  A full time secondary school teacher usually has about 200 students to write reports for.  If we have write reports more frequently, we will need to have much more prep time.</t>
  </si>
  <si>
    <t>I prefer using letter grades and percentages. I find it very difficult to determine where a student is on the proficiency scale.  I don't like being required to give a student a word that represents their level of understanding and also a letter grade at the end of the course.</t>
  </si>
  <si>
    <t xml:space="preserve">Letter grades and percentages are easier for students and parents to understand.  </t>
  </si>
  <si>
    <t>I am glad that teachers are given the option to use the proficiency scale if they want to.  When given the choice, I will continue to use percentages and letter grades.</t>
  </si>
  <si>
    <t>I do think that it is good for students to reflect on their learning.  However, I am concerned about how this will impact teachers' workloads.  If we have to assess how the students are assessing themselves, teachers will need more time to do this.</t>
  </si>
  <si>
    <t>I do agree that students should be encouraged to set goals for themselves.  I am concerned about how teachers will have to assess this.  I'm concerned about the extra work for teachers (especially fulltime secondary school teachers who usually have about 200 students).</t>
  </si>
  <si>
    <t>I feel that most teachers already try to assess different learners I don't feel that this needs to be mandated.</t>
  </si>
  <si>
    <t>Reporting Requirements</t>
  </si>
  <si>
    <t>How can there ever be enough time to provide descriptive feedback including strength based, written comments or documented conversations that are aligned to the Learning Standards and describe student progress, as well as identify specific goals for future growth for 200 students?</t>
  </si>
  <si>
    <t>teachers have enough paperwork to do. let them teach, stop micromanaging them</t>
  </si>
  <si>
    <t>sounds like a lot of unnecessary work to justify a top/mid level job.  a waste of time, money and resources that can be put towards teachers and EAs</t>
  </si>
  <si>
    <t>its fine the way it is. GPAs and letter grades</t>
  </si>
  <si>
    <t xml:space="preserve">Self assessment is important for reflection and growth. </t>
  </si>
  <si>
    <t>As this is the same as existing policy, my position is neutral.</t>
  </si>
  <si>
    <t>Parents need to see where their child is not just a list of their strengths so that they have a clear picture of their child's learning.</t>
  </si>
  <si>
    <t>If students need a percentage to further their education, so be it.</t>
  </si>
  <si>
    <t>Sometimes a grade does not give a true picture, so this may help to clarify the situation.</t>
  </si>
  <si>
    <t>Younger children rarely have the ability to make such an assessment and it becomes make work.</t>
  </si>
  <si>
    <t>While it is important to have goals, for younger children this is not always a useful exercise.</t>
  </si>
  <si>
    <t>Does this really help all students?</t>
  </si>
  <si>
    <t xml:space="preserve">The reporting is absolute crap. The quality of report is tied directly to the quantity and it is completely useless to me. This does not help my child succeed and it does not help me support my child. </t>
  </si>
  <si>
    <t xml:space="preserve">It could not be any worse. Without any kind of granularity I do not know where to allocate additional time. If teachers do not have time to quantifiably detail why a student is not "Exceeds" then how am I able to support my child. There is not enough room here to detail how bad it is or how to fix </t>
  </si>
  <si>
    <t>Hey look we are going to change how your are graded because we "THINK" grading you at a young age is detrimental. Has a study been done? Has that been shared so parents can educate themselves?</t>
  </si>
  <si>
    <t xml:space="preserve">give a % that is all you need to do. </t>
  </si>
  <si>
    <t>Self-assessment and self-reflection are always worthwhile. Teachers need to be prepared and understand the implications when self-assessment and teacher assessment are wildly different though.</t>
  </si>
  <si>
    <t>Implement Percentage reporting for Grades 3 and up</t>
  </si>
  <si>
    <t>On a quarter system we report a summary at the end of each quarter. When we taught a semester system we reported a summary at the end of each semester. Wording such as at the end of each course may be more reflective of secondary realities.</t>
  </si>
  <si>
    <t>Having used 4 point scales for years I am familiar with them as are most of the students. Parents normally have questions about them that are easily answered.</t>
  </si>
  <si>
    <t>This reflects current practice and what both students and parents are familiar with. They are readily understood. A concern is the shift away from letter grades in later intermediate years - the 'reality' of a letter grade may be a shock to some.</t>
  </si>
  <si>
    <t>I can see this becoming a part of their portfolio assessment.</t>
  </si>
  <si>
    <t xml:space="preserve">IF students are doing this for each course it will become redundant. This might be better if assigned to one course such as Career Development. </t>
  </si>
  <si>
    <t>This is already being done.</t>
  </si>
  <si>
    <t>Clarification as to the frequency of reporting per course at the secondary level. As it looks now I would be reporting to parents  20 times a year.</t>
  </si>
  <si>
    <t>We currently report, in each course, one informal, two formal written and two informal written if needed - such as when a student's grade changes abruptly or an I is issued. So we report 12 to 20 times per year as it stands now. I see that we would be reporting 20 to 28 times per year. Workload.</t>
  </si>
  <si>
    <t>We were just asked to adopt Fresh Grade, ongoing assessment, and now we are being asked to change again. Such a waste of time and money. Now you are proposing we all go back to the old way of 5 reporting periods a year. Fed up.</t>
  </si>
  <si>
    <t>I would prefer a 5 scale. Distinguish very good from excellent as with letter grades. What do we do with an IE at the end of the year, F?</t>
  </si>
  <si>
    <t>Clear information and it is what most students and parents want in the end. I would extend it to middle school ages. They can be part of the proficiency scale.</t>
  </si>
  <si>
    <t>Too vague. Not what our customers want. Universities not satisfied with it.</t>
  </si>
  <si>
    <t>Good idea but often turns into busy work.</t>
  </si>
  <si>
    <t>Gets kids thinking. Does not often make a difference, especially with younger students.</t>
  </si>
  <si>
    <t>We just learned Fresh Grade ongoing assessment when it comes up and do not see the reason to change back again.</t>
  </si>
  <si>
    <t xml:space="preserve">Increasing workload on all fronts of the teaching aspect but no compensation in TIME or MONEY. This is CHRONICALLY stressful. The time that is required to do the reporting is not enough with the one prep block in one semester (not to mention for teachers with NO prep blocks in the other semester). </t>
  </si>
  <si>
    <t>The goal for more flexible feedback was a good idea however, the proficiency scale removes structure for teachers to follow which creates individual teachers to create their own system of grading which takes EVEN MORE TIME out of their family time and personal time.</t>
  </si>
  <si>
    <t>They're going to have need % and letter grades for college and other post-secondary applications anyways.</t>
  </si>
  <si>
    <t>Again. NOT ENOUGH TIME OR STRUCTURE.</t>
  </si>
  <si>
    <t xml:space="preserve">We don't know how this is going to play out without teaching student proper reflection. Also, I'm afraid this training for students will be on the teachers. </t>
  </si>
  <si>
    <t>Same reason as above.</t>
  </si>
  <si>
    <t>Change in styles of curriculum is welcome. HOWEVER, teachers never get consistent training. Usually just one day a year and then be expected to master it on our own during our own time.</t>
  </si>
  <si>
    <t>This feels like a dumping on teachers. Workload is increasing every year and we are running out of time during our day to make this work. Honestly, feeling like the teaching profession is not made for people who want families or a life outside of work.</t>
  </si>
  <si>
    <t>Written reports are didactic. They not nearly as informative or authentic as ongoing assessment and communication</t>
  </si>
  <si>
    <t>This language is not helpful for families who do not have strong English language skills.</t>
  </si>
  <si>
    <t xml:space="preserve">This is not a reasonable requirement for younger learners. It is not a developmentally appropriate request to be made of K to 2 students. </t>
  </si>
  <si>
    <t>Again, this is not a reasonable requirement for younger learners. It is not a developmentally appropriate request to be made of K to 2 students. At this age, we begin teaching about what goals are.</t>
  </si>
  <si>
    <t>Adding to teacher workload is unacceptable at this point, especially because most of reporting currently mandated does not reflect actual student success/skills. Most teachers are required to meet with parents prior to any reports being made so we're already twice reporting for each reporting period</t>
  </si>
  <si>
    <t>This is too many for one course and adds additional work on teachers.</t>
  </si>
  <si>
    <t>What does this mean? Need more time and specifics</t>
  </si>
  <si>
    <t>Too vague, what constitutes "inclusive evaluation practices"?</t>
  </si>
  <si>
    <t xml:space="preserve">Your choice of language is disingenuous- there are clearly 3 written reports required in this new policy which is an increase of one. Our teachers are already overworked and I would prefer them to get more time allotted to meet with us in person rather than wasting so much time writing reports  </t>
  </si>
  <si>
    <t xml:space="preserve">This is a nice idea, but I think that core competency assessment should not be tied to regular report cards. Teachers are already overworked with reporting, give them the autonomy to report on them when they see fit.  </t>
  </si>
  <si>
    <t>This should only be a requirement for older students. It is not developmentally appropriate for children under the age of 10.</t>
  </si>
  <si>
    <t>I think teachers should be given more time to meet with parents to discuss student progress rather than writing mostly useless reports. Especially in the elementary school grades- I would much prefer the opportunity to speak with my child's teacher in person for 15 minutes 3x/year instead</t>
  </si>
  <si>
    <t>It would be nice to see 2 written reports( done at the end of January and at the end of June) and 3 non-written reporting events.</t>
  </si>
  <si>
    <t>There should be a 5 point scale to match the ELL Proficiency Scale.  The definitions of the four point scale invite too much interpretation.</t>
  </si>
  <si>
    <t>Parents and Students understand the concrete nature of letter grades.  Letter grades are internationally standardized.</t>
  </si>
  <si>
    <t>The proficiency scales are too subjective</t>
  </si>
  <si>
    <t xml:space="preserve">Personal growth is a personal matter and should not be included in an official reporting document.  </t>
  </si>
  <si>
    <t>Again, this is a personal matter and should not be included in an official reporting document.</t>
  </si>
  <si>
    <t>Rather than fitting a child to a competency goal, it would be nice to fit the goal to the child.</t>
  </si>
  <si>
    <t>Elementary (Intermediate) letter grades are universally and internationally understood by teachers, parents, and students.  They are concrete and absolute, there is no room for interpretation.</t>
  </si>
  <si>
    <t xml:space="preserve">It is important to me in my practice that I am connecting with families throughout the school year.  </t>
  </si>
  <si>
    <t>Using strength and growth based language is important for all learners.</t>
  </si>
  <si>
    <t>If we keep with the old model and only have it as a suggestion to use the Proficiency Scale, it won't be used.  It feels like these students, once again, do not deserve what we know to be best practice.  It doesn't encourage learning for all, students continue to work for a grade and not for growth.</t>
  </si>
  <si>
    <t>As an option, which it has been in many districts keeps the old way of assessing students in practice when we know from all the research that it is no longer considered best practice to stick a percentage on a piece of paper.  Pull the plug and make it mandatory.</t>
  </si>
  <si>
    <t>I think students need to be involved in all areas of their learning, and parents need to see that their child has these metacognitive abilities to reflect and grow.</t>
  </si>
  <si>
    <t>Students need to believe in the learning goals and therefore will be more motivated when they are part of the process of creating them.  Having been in a district that piloted learning conferences, being in discussion to create goals with the student and their family was very rewarding.</t>
  </si>
  <si>
    <t>I think it is important that all students, as much as possible, receive the same report card but with the adjustments and modifications as needed.</t>
  </si>
  <si>
    <t>All subject areas at elementary being assessed all year long, especially at K.</t>
  </si>
  <si>
    <t>It is important as has been practice in our district, that we really focus on the literacy/numeracy skills that carry across all areas of the curriculum the first two terms, the actual subject title, at elementary, is about content and better to recognize at the end. Away with grades at Secondary.</t>
  </si>
  <si>
    <t xml:space="preserve">One less formal report card makes it easier as a teacher for reporting. </t>
  </si>
  <si>
    <t xml:space="preserve">Honestly, the proficiency scale is poorly done. There should be another level between developing and proficient. </t>
  </si>
  <si>
    <t xml:space="preserve">Students need to be prepared for letter grades i university do introducing them in the senior years of high school makes sense. </t>
  </si>
  <si>
    <t xml:space="preserve">The school system needs to prepare kids for university and this will not. </t>
  </si>
  <si>
    <t xml:space="preserve">Waste of time. Kids don’t care about it and put no effort into their self assessment. It seems like it was added to make the ministry look good    and cutting edge in the teaching world. </t>
  </si>
  <si>
    <t xml:space="preserve">The expectations for individualizing student learning and assessment keep rising and we get no support to meet this expectations put forward. I had a student with ASD last year who needed full time support to get any work done and I had to split a CEA with 3 other classrooms. </t>
  </si>
  <si>
    <t>It isn't the amount of times, rather the content or way it is reported that needs a review.  At least in Elementary/Middle school.</t>
  </si>
  <si>
    <t xml:space="preserve">It doesn't explain if a child is able to do these things independently or with help.  A scale that indicates "Emerging = can't do it independently" while Developing = can do basics independently - no help from teacher, Learning Support, Education Assistants, etc. </t>
  </si>
  <si>
    <t>For kids in matriculation it is necessary.  Otherwise I have no opinion.</t>
  </si>
  <si>
    <t xml:space="preserve">I mean, if a kid is getting 75% (example) and the teacher says "Proficient" it seems a little redundant.  I guess it would be curious if a teen got 75% and emerging?  What is the Proficiency scale measuring that the percentage is not?  The kid is proficient except in testing? </t>
  </si>
  <si>
    <t xml:space="preserve">My special needs child just says he is great at things he is years below grade level at.  Very few kids in lower elementary compare themselves to others (and that is good!) so they really don't know how well they are doing.  Then, when they are older, they start to just say they suck. Not good. </t>
  </si>
  <si>
    <t>Again, in an ideal world where all kids are at grade level this works.  For kids who are below, it is hard to set goals.  Do they try to catch up? do they just set one goal and say done after two classes.  Not all kids think in long term advancement.</t>
  </si>
  <si>
    <t xml:space="preserve">It hasn't happened this way.  My child is NOT getting a realistic picture of their personal academic level.  Emerging is vague.  There needs to be a bar of - independently at grade level or not independently at grade level.  If not, what level are they independent at?  That is what we need.
</t>
  </si>
  <si>
    <t>Need to be clear how low a student is academically - clearly state how much below grade level in Numeracy in Literacy a child is.  Can they do work independently needs to be the bar at which a child is reported on.  An Ed assistant helping them is totally different than their independent level.</t>
  </si>
  <si>
    <t xml:space="preserve">The reports that the district have been giving have been very difficult to understand. I think it takes the teacher a long time to do the reports and, because there is little that makes sense on the report card, her time is mostly wasted. </t>
  </si>
  <si>
    <t xml:space="preserve">Knowing my child is meeting expectations is important, but that involves a huge continuum. I would like to know where she is on the continuum with respect to the average child her age. </t>
  </si>
  <si>
    <t xml:space="preserve">Students begin to make choices about their future in the senior grades and they need to know where their strengths are. They may be "meeting expectations" but if they are at the lower end of "meeting" it may not be a good career choice. </t>
  </si>
  <si>
    <t xml:space="preserve">Over the twelve or thirteen years of education many things change. I expect my child to be evaluated and reported on differently in their early years of education compared to their later years. </t>
  </si>
  <si>
    <t xml:space="preserve">Thinking about how you are doing can be a useful exercise. </t>
  </si>
  <si>
    <t xml:space="preserve">Goal setting should be between the parent and the student. </t>
  </si>
  <si>
    <t xml:space="preserve">I have no idea what "The proposed new policy requires that all assessment and evaluation practices be inclusive of all learners and respond fully to individual needs, including those of students with disabilities and diverse abilities." this actually means. </t>
  </si>
  <si>
    <t>As my child gets closer to grade 10 it would be great to know where they rank with their peers more accurately than "meeting expectations."</t>
  </si>
  <si>
    <t xml:space="preserve">I haven't got a clue what is happening with my children until several months into the school year, and then I'm only being told about Literacy and Numeracy. What about the rest of their program? </t>
  </si>
  <si>
    <t xml:space="preserve">The descriptors for these proficiency levels are vague and interpreted differently by different educators. I haven't got a clue why one of my children is extending in a certain subject and my other child is developing. These words are meaningless. </t>
  </si>
  <si>
    <t xml:space="preserve">These letter grades are culturally familiar to me, so I have a sense of what they mean, unlike the vague and ridiculous proficiency scale. </t>
  </si>
  <si>
    <t xml:space="preserve">Proficiency scale is vague, meaningless, and gives no sense of actual student achievement when applied haphazardly by educators who haven't been given a clear picture of what it means in each different subject area. </t>
  </si>
  <si>
    <t xml:space="preserve">Doesn't seem harmful - having a good understanding of self and society is great. </t>
  </si>
  <si>
    <t>Could be meaningful depending on how it's managed.</t>
  </si>
  <si>
    <t xml:space="preserve">As long as there are adequate supports for teachers and learners, this sounds great. Not sure that this will happen in reality though. My neuro non-typical child is only receiving support because her parents advocate strongly for it, and even then the shortages in the system are very apparent. </t>
  </si>
  <si>
    <t xml:space="preserve">As you can probably tell from my other responses, I hate the Provincial Proficiency Scale because I feel that it's vague and being applied differently and without consistency in the benchmarks. As a parent, I haven't got a clue what this language means and it's applied as though letter grades. </t>
  </si>
  <si>
    <t xml:space="preserve">Parents prefer letter grades. We should bring back letter grades. Parents are forever asking what the scales mean. Bring them back for Grades 4 to 7. </t>
  </si>
  <si>
    <t xml:space="preserve">University uses letter grades. Kids need to start getting ready for the real world. </t>
  </si>
  <si>
    <t xml:space="preserve">The workload on the scales is onerous and the parents aren't interested in it. </t>
  </si>
  <si>
    <t xml:space="preserve">A waste of time. Students don't take this seriously. </t>
  </si>
  <si>
    <t xml:space="preserve">A waste of time. Students already spend time working on these aspects. Including them on their report cards is repetitive and a waste of time. </t>
  </si>
  <si>
    <t>Proficiency scale is too vague.</t>
  </si>
  <si>
    <t xml:space="preserve">Reporting is a time consuming task. I don't think more reporting would help, but I don't want to see it decreased either. </t>
  </si>
  <si>
    <t xml:space="preserve">The proficiency scale is a confusing scale that few parents understand. It is frustrating spending hours doing reports and not having the parents understand them. </t>
  </si>
  <si>
    <t>Parents, teachers and post-secondary institutions understand percentages. Let's leave it that way.</t>
  </si>
  <si>
    <t xml:space="preserve">The proficiency scale is not well understood by teachers, let alone parents. </t>
  </si>
  <si>
    <t xml:space="preserve">These statements use ambiguous terms and are very difficult to understand. What is meant by "integrated student self-assessment"? Should it be done for every unit in a grade 9 course and for every subject? If so, the report cards will be huge and, as they are now, unintelligible to parents.
</t>
  </si>
  <si>
    <t xml:space="preserve">Most parents will not care about this. If they do, they will do it with their child. The report cards do not need to be a massive document but simply one that communicates, in a simple manner, how the child is doing. </t>
  </si>
  <si>
    <t xml:space="preserve">I haven't the slightest idea what this means. </t>
  </si>
  <si>
    <t xml:space="preserve">We have gotten too far from what the report card should do. It should be a simple document that communicates how a child is doing. It should be easy for the parents to understand and it should be relatively easy for the teacher to do. </t>
  </si>
  <si>
    <t>Too much time spent on reporting rather than actually being able to focus on teaching</t>
  </si>
  <si>
    <t>No value, because it does not take into account different learners, ie ELL or ministry designated students</t>
  </si>
  <si>
    <t>students and parents want letter grades and %</t>
  </si>
  <si>
    <t>students and parents prefer grades with %</t>
  </si>
  <si>
    <t>Not feasible to accomplish, taking away from teachers being able to teach</t>
  </si>
  <si>
    <t>this would fall on the teachers to get students to finish this</t>
  </si>
  <si>
    <t>must be able to assess all learners</t>
  </si>
  <si>
    <t xml:space="preserve">Unless you are going to give teachers time out of their schedule to work on these lengthy reports, this is absurd. I teach 210 students in a year. If you honestly think that I am going to be able to write all this in a semester of a full schedule with no breaks, you are insane. </t>
  </si>
  <si>
    <t>Scales are confusing to students and ultimately, it still needs to be converted to a grade? What a joke. None of my students like this system in a high school setting</t>
  </si>
  <si>
    <t xml:space="preserve">Teachers are already inclusive and go above and beyond to create lessons for many levels. </t>
  </si>
  <si>
    <t>Busy work</t>
  </si>
  <si>
    <t>Way too much language in the competency based system and many competencies are so vague that assessments would not be meaningful to students</t>
  </si>
  <si>
    <t>Teachers have already been doing this for years</t>
  </si>
  <si>
    <t xml:space="preserve">More work and less support in classes - typical of BC. </t>
  </si>
  <si>
    <t>Five reporting periods are sufficient for care givers to understand where thier childs' strenghths and weakness are.</t>
  </si>
  <si>
    <t>The idea of setting goals is important in personal growth.</t>
  </si>
  <si>
    <t xml:space="preserve">I think that Emerging sound too similar to developing and might cause misinterpretation on the part of the parents </t>
  </si>
  <si>
    <t xml:space="preserve">Not sustainable </t>
  </si>
  <si>
    <t xml:space="preserve">Not enough teacher training or collaboration time to ensure consistency </t>
  </si>
  <si>
    <t>Not sustainable</t>
  </si>
  <si>
    <t>I enjoy reporting on students at the end of each term to communicate their learning with home</t>
  </si>
  <si>
    <t>I like that these are "action" words to show that learning is continuous, versus a label like a grade</t>
  </si>
  <si>
    <t>I do not know enough about high school/ post secondary to comment</t>
  </si>
  <si>
    <t>Two reports per semester, including one at the end of year, is sufficient for the average student.</t>
  </si>
  <si>
    <t>Descriptive answers can be confusing for families, students, and others. Also, having only four categories to choose from in grade 9 and then having 100 percentages to choose from in grade 10 is often a hard transition for all involved.</t>
  </si>
  <si>
    <t>As a grade 10-12 teacher, I prefer letter grades only. A percentage is not a true indicator of a student's learning and is only useful for post-secondary admissions, which is not what we should be catering for. And it's so hard to be "correct" - what's the difference between a 75% or 76% in Art?</t>
  </si>
  <si>
    <t>1. Studies have shown that adding comments etc. to marks don't help. 2. Then it quantifies the proficiency scale, and young students will assume that (e.g.) a Proficiency = 70-86%. Percentages and proficiency scales should never be used interchangeably.</t>
  </si>
  <si>
    <t>Most teachers do this already, in ways that make sense for their classrooms. Mandating it will likely bring out policies at provincial, district, or school levels that will make it harder for teachers to make it work for their specific class and student needs.</t>
  </si>
  <si>
    <t>We first need proper funding for inclusive schools and classes and smaller classes where teachers have time and energy to meet student needs, and fully funded training for teachers, before this can be something that is mandated as another teacher responsibility.</t>
  </si>
  <si>
    <t>I don't think it's something that will actually change, because I think post-secondary schools have too much of a chokehold on our graduation program. But I hate assigning a numerical value to students that really only indicates a fleeting moment in their educational journey, yet it has hugeeffects.</t>
  </si>
  <si>
    <t>I believe these 5 reporting period give ample opportunity to provide feedback to parents and students about the students' performance.</t>
  </si>
  <si>
    <t>The policy defines Proficiency Scale as: "The four categories of student performance (Emerging, Developing, Proficient or Extending) as defined in the Provincial Letter Grades Order". However, the Provincial Letter Grades Order does not use these terms. What is the level for passing on this scale?</t>
  </si>
  <si>
    <t>The current system seems to work, but I believe there may be better ways to report on these students.</t>
  </si>
  <si>
    <t>With greater clarity about the Proficiency Scale, I think it could be useful to use at the senior level.</t>
  </si>
  <si>
    <t>This is a worthwhile activity for the students</t>
  </si>
  <si>
    <t>Once again, I think this is a worthwhile activity for students.</t>
  </si>
  <si>
    <t>The statement: All students, including students with disabilities and diverse abilities as well as English and French language learners, should be working toward the Learning Standards of the Provincial Curriculum contradicts Student Progress Order Sec. 8 (3) &amp; (4).</t>
  </si>
  <si>
    <t>There is too much work involved.  I teach junior English.  This is a HEAVY marking load.  Written reports for 100+ students in a semester is unrealistic, onerous, and simply too much work.    If parents are concerned about their child's progress, they can contact the teacher.</t>
  </si>
  <si>
    <t>Again, this is an onerous make work program for teachers.  A phone call or email home to a parent is a more efficient way to talk about a student's progress.</t>
  </si>
  <si>
    <t>This is an efficient means of communicating a student's progress.</t>
  </si>
  <si>
    <t xml:space="preserve">At this level, a teacher should be able to talk to the student and the parent to communicate where the student is at and what they need to do.  </t>
  </si>
  <si>
    <t>Self assessments at my school are pretty much meaningless.  Parents need to talk to their children, look in their binders and see what is being done and how it is being done.</t>
  </si>
  <si>
    <t>Goals are good.</t>
  </si>
  <si>
    <t>As a high school academic teacher, I can't accurately assess students who have a cognitive level at elementary school.  I am not trained for this, nor do I think it is fair for students to be put in a class that is not meeting their educational needs. Just because we can do it doesn't mean we should</t>
  </si>
  <si>
    <t>frequency, proficiency scale for all high school  grades and including students in a class that  has no benefit to them</t>
  </si>
  <si>
    <t xml:space="preserve">Too much work on teachers that are already overwhelmed by what we have to do.  Also, this type of reporting doesn't benefit students.  The amount of paper and documentation required is overwhelming for teachers, parent and students.  </t>
  </si>
  <si>
    <t>Formal reporting is adequate. What needs to improve is teacher connectivity</t>
  </si>
  <si>
    <t>This is a relevant scale. The issue is that the teachers are not consistent in applying it</t>
  </si>
  <si>
    <t>This is an adequate criteria. The problem is that the teachers are inconsistent in their evaluations. We need a system to make teachers more consistent</t>
  </si>
  <si>
    <t>I don’t think it makes a difference as long as it is consistently applied</t>
  </si>
  <si>
    <t xml:space="preserve">Self evaluation is a tough skill and I don’t expect my employees to have this skill until they are 30 years old. Expecting a teenager to have this skill is silly </t>
  </si>
  <si>
    <t>I don’t see this as a skill for school age children. It is something to develop in adults</t>
  </si>
  <si>
    <t>My experience here is that the teaching staff is unaware unless they are in the resource department and then they are hyper aware. The difference between the two frightens me</t>
  </si>
  <si>
    <t>I think it is an adult skill</t>
  </si>
  <si>
    <t>Need very clear curriculum layout for this</t>
  </si>
  <si>
    <t xml:space="preserve">The one challenge I can see with this is for semestered schools. </t>
  </si>
  <si>
    <t xml:space="preserve">I am very concerned about the reference to all subject areas, especially in Kindergarten.  I think this will signal a move away from play based learning as teachers attempt to 'cover' every subject.  It also can impact cross-curricular teaching by teachers at multiple levels. </t>
  </si>
  <si>
    <t xml:space="preserve">I do understand the these are used by post-secondary still.  I hope the emphasis is put on effective feedback, formative assessment, and self-assessment when it comes to more effective assessment strategies.  </t>
  </si>
  <si>
    <t xml:space="preserve">The proficiency scale is more meaningful in terms of feedback to students and families if used effectively. </t>
  </si>
  <si>
    <t xml:space="preserve">My only concern is if this is being asked for every term.  We have students, especially in the younger grades, that focus on doing deeper self assessment on specific competencies to learn them.  If they have to do all of them, they will become a check box compliance exercise. </t>
  </si>
  <si>
    <t xml:space="preserve">Goal setting is fantastic.  Just wonder how this will be done at Secondary as the goals are subject specific.  Would be great if they were cross curricular and competency focussed. </t>
  </si>
  <si>
    <t xml:space="preserve">I have wonders about how this will look for students on IEPs so that their growth is measured relative to their individual goals? </t>
  </si>
  <si>
    <t xml:space="preserve">We should be asking reporting on all subject areas for every terms, especially for younger grades.  If we truly want to see cross-curricular, deeper, personalized meaingful learning with literacy, numeracy, Indigenous Ways and competencies integrated, we need to look at less silos, not more. </t>
  </si>
  <si>
    <t xml:space="preserve">This scale is not an accurate representation of learning or a useful tool for all parties to effectively gage where a student is at in their learning. </t>
  </si>
  <si>
    <t>The language of the scale Does not accurately describe where students are in their learning.</t>
  </si>
  <si>
    <t>Who is responsible for this? Which teacher? Is it a teacher?</t>
  </si>
  <si>
    <t>The proficiency scale for all grades - I disagree with using it</t>
  </si>
  <si>
    <t>No major change from current reporting frequency, and I don't feel that more frequent would allow significant change.</t>
  </si>
  <si>
    <t xml:space="preserve">-how will Grade 9's transition to grades/percentages, especially when the pressure is really on at the Gr10 and 11 level. 
-Will students with modified learning objectives/expectations be BETTER supported by the new proficiency scale?
-What happens when a student does not even qualify as "emerging?
</t>
  </si>
  <si>
    <t>Ability of teens to be self-perceptive is highly variable ability; may be very helpful for some and not at all for others.  Brain development of teens, etc.</t>
  </si>
  <si>
    <t>Same as above-thinking ahead into the future is an advanced  cognitive skill and probably most helpful at older levels.</t>
  </si>
  <si>
    <t>IN theory this sounds good, but what is really needed is increased staffing levels to help students who do not "fit" into a traditional school model.  Find  something they can excel at as well as meet a mininum standard on basic skills- so that they can function to the best of their ability in futur</t>
  </si>
  <si>
    <t>staffing levels for more one-0n-one</t>
  </si>
  <si>
    <t>Depending on the grade level, 5 is too often of a report, or not enough ... In a quarter system, 5 means that every 2nd week there is a report, linear ... every 2 months there is a report.</t>
  </si>
  <si>
    <t>This scale makes no sense at all, from more than one point of view. It is not quantifiable, it is not standardized, and it is too much grey. No 2 teachers will have the same interpretation of "proficiency". We received "proficient" reports with child having basically a perfect record for marks</t>
  </si>
  <si>
    <t>Makes sense, since the grades need to give relatively accurate info to students and parents. Provincial standardized tests need to be back, to be able to compare performance of students.</t>
  </si>
  <si>
    <t>It is an idiotic option. See the above comments.</t>
  </si>
  <si>
    <t xml:space="preserve">A waste of time and resources. Students do not set standards and self assessment is over used and over emphasized. </t>
  </si>
  <si>
    <t xml:space="preserve">Most students' psychological development is not at the point of setting long terms goals other than "pass the course", "get an A" etc. </t>
  </si>
  <si>
    <t>I am not sure what this means ... vague statement. I am sure that when driving on public roads, the examiner will keep in mind will be very inclusive and mindful of diversity and background of the driver. Probably indigenous drivers have to be treated differently then any other drivers.</t>
  </si>
  <si>
    <t xml:space="preserve">I would change more things, but the survey does not have that option. The scale will bring the involvement and performance of students to a new minimum level. </t>
  </si>
  <si>
    <t>Just make work - will not really help the students. It will take the joy out of teaching.</t>
  </si>
  <si>
    <t xml:space="preserve">Extra work for teachers to have three report cards. </t>
  </si>
  <si>
    <t>The time it takes to do this meaningfully is unreasonable with 120 students per semester.</t>
  </si>
  <si>
    <t>As soon as a numeric scale is used, parents and students convert it to a percent.  This negates the intent of proficiency scales</t>
  </si>
  <si>
    <t>The 1st reporting period hardly gives sufficient time to collect evaluation data.</t>
  </si>
  <si>
    <t>We can 'translate' this scale into D, C- to C, C+ to B-, B+ , or  A; and then to a 'mark range  40 - 50,  55-67,  68 - 73,  74 - 85,  86 or above.</t>
  </si>
  <si>
    <t>We already have the 'learning outcomes' to facilitate grading students  by either the 4 descriptors or %age marks.</t>
  </si>
  <si>
    <t>Parents expect 'marks'  as an evaluation at high school level;  the descriptors can be put into the 'anecdotal comments' section.</t>
  </si>
  <si>
    <t>This step is best treated as a 'discussion point' with the student (ie 'formative assessment' to guide them with Teacher feedback);  it need NOT be a 'formal (ie recorded) process.</t>
  </si>
  <si>
    <t>This 'metacognitive' process is TOO ABSTRACT for most students, is extremely time consuming, and is NOT useful (as parents tell me so far).</t>
  </si>
  <si>
    <t>We need TO GET BACK TO courses such as Core Math, Cornerstones, Humanities 9, and Communications 11 and 12;  these are 'adapted' well to meet the needs of weaker (ie less academic) students.</t>
  </si>
  <si>
    <t>Re-inventing the wheel as a replacement for the previously adequate method of reporting does NOT jive with what I have learned in my Master of Education (Curriculum &amp; Instruction) 
 degree.</t>
  </si>
  <si>
    <t xml:space="preserve">5 reporting periods are too many. Having too many reporting periods does not encourage and foster assessment for learning, proficiency and skills-based learning and assessment, etc. </t>
  </si>
  <si>
    <t>Catering to the needs of post-secondary institutions is not our mandate. We would also need to then cater to employers and what they want us to do with our graduating students. It discredits the sytem if the focus from K to 9 is proficiency and then we switch to traditional letter grades.</t>
  </si>
  <si>
    <t xml:space="preserve">Core Competencies do not need to be assessed throughout the year. Perhaps a baseline at the beginning of the year and a summative self-assessment at the end. </t>
  </si>
  <si>
    <t xml:space="preserve">Perhaps a baseline at the beginning of the year and a summative self-assessment at the end. </t>
  </si>
  <si>
    <t xml:space="preserve">Should always be the case but better teacher training and pro-d is needed. </t>
  </si>
  <si>
    <t>Seem to be working OK as it is right now ( 5 times per year - linear or semester) - it would make a difference if the reporting events are 5 per year (linear courses) compared to 5 reporting per course (as in a semester system) I teach a 4 wk, a 9 wk, a 18 wk, and a yr long. 5 times for each??</t>
  </si>
  <si>
    <t>I'm a sr high teacher, so I don't have any strong feelings either way.</t>
  </si>
  <si>
    <t>Whether or not we like it as teachers, grades are a big motivator for students. Also, post secondary schools ask for them, so they are needed.</t>
  </si>
  <si>
    <t>Time needs to be given to teachers to add scale to set of learning standards and marks</t>
  </si>
  <si>
    <t xml:space="preserve">TIME must be given for students to self assess and for teachers to integrate this self assessment into the reports. Self assessment needs teacher feedback (more time) and can't be overdone - students will get tired of it and won't take it seriously (if they even do)   </t>
  </si>
  <si>
    <t>How much time does this take? In order for it to be done well, it needs time and teacher feedback. Will I even have time to actually teach?</t>
  </si>
  <si>
    <t>In order for this to be helpful, time needs to be given to teach the students how self assess, and feedback on goals. I don't see teachers getting more time.</t>
  </si>
  <si>
    <t xml:space="preserve">Unless in an extreme cases, it is not necessary to report on student learning that much. The reporting periods and how they are spaced out work well. I teach primary and the progression I see in students' learning coincides perfectly with the way the reporting periods are set out now. </t>
  </si>
  <si>
    <t>Italian</t>
  </si>
  <si>
    <t xml:space="preserve">It all depends on how reports will look like. If it means more paperwork and redundancy than I am opposed to any changes. My goal is for a system that is efficient and one that can best communicate student learning. </t>
  </si>
  <si>
    <t>I feel that this system is better to apply than the previous grading scale. It allows for greater flexibility and professional judgment. However, I feel the performance standards and reporting regime need to be aligned to this system and examples of each "grade" be  provided to teachers.</t>
  </si>
  <si>
    <t>My main concern is that the transition to letter grades is occurring so late for many students. How will they respond from getting proficient in a subject one year and a C+ the next. In other words, how will one system seamlessly transfer to another?</t>
  </si>
  <si>
    <t xml:space="preserve">It will create difficulties for students who apply to post-secondary institutions as they require letter grades. Given a choice to schools for Grades 10 to 12 will inherently create obfuscation of student achievement and reporting irregularities between schools in a district. </t>
  </si>
  <si>
    <t xml:space="preserve">The instructional deficit is already high in schools, especially in the Intermediate grades. Adding the Core Competencies to the reporting regime basically acts a back door forcing teachers to teach them. Where am I going to find the time to do so? This is done implicitly in our teaching practice. </t>
  </si>
  <si>
    <t xml:space="preserve">This means more work for teachers and something that will take up more time in the classroom. Again, we are already dealing with an instructional deficit, so adding more expectations for reporting would just fragment teaching time all the more. </t>
  </si>
  <si>
    <t xml:space="preserve">I have to see what the government has in mind for this and what it would look like. Would teachers be given support from LSS to implement this reporting structure? </t>
  </si>
  <si>
    <t xml:space="preserve">It is a tie between goal-setting and self-assessment. I am against anything that will add to my teaching load, uses valuable instructional time for reporting, and increases paperwork. Reporting is needlessly time consuming as it is. These changes will make things worse and more tedious.  </t>
  </si>
  <si>
    <t>I think more frequent feedback to students and families is important and appreciate that the format can take different forms.</t>
  </si>
  <si>
    <t>Not all universities require letter grades or percentages. Maybe it is finally time for the Ministry to let go of this reasoning and do what is most supportive of student's learning (what we know from research) instead of focusing on percentages.</t>
  </si>
  <si>
    <t>Goal-setting has always been an important part of learning. The documents from the Ministry are not clear enough about who is responsible for working on this with students (at the secondary level) and if it is necessary for all areas of learning or more general.</t>
  </si>
  <si>
    <t>finally</t>
  </si>
  <si>
    <t>for above - percentages are not necessary and do not support student learning. Letter grades only as a transition.
There is no other space provided to provide general overall feedback and each text box is very limited in character numbers. Do we send an email with other comments?</t>
  </si>
  <si>
    <t>For high schools on semester systems, how can we do a written summary at the end of the year for both semesters?  Semester 1 ends in February and often we get new teachers and others leave.  Unlike elementary school we have 30 kids per class X 7 classes!</t>
  </si>
  <si>
    <t>Students and parents like percentages.  It is clear and familiar, most parents and kids do not like scales as a final "mark".</t>
  </si>
  <si>
    <t>Yes!  Kids and parents like percentages!</t>
  </si>
  <si>
    <t>It's unnecessary, just keep the percentages/letter grades.  Also, teachers have so many students in high school (over 200 in a school year) please don't add more work to our already maxed out workload.  We are getting burnt out!!!</t>
  </si>
  <si>
    <t>Waste of time, students do not take these seriously and put minimal effort to complete.  Let's stick too instruction time and get rid of all the unnecessary "extras".</t>
  </si>
  <si>
    <t>Again, students do not take these seriously and it wastes valuable education time.</t>
  </si>
  <si>
    <t xml:space="preserve">We are getting burnt out!  </t>
  </si>
  <si>
    <t xml:space="preserve">Increase in workload.  Already report sufficiently as it is.  </t>
  </si>
  <si>
    <t xml:space="preserve">This type of self-reflection takes too  much class time and is often not productive </t>
  </si>
  <si>
    <t xml:space="preserve">As a parent the scales are to vague, I like a percent so I know exactly where my child stands </t>
  </si>
  <si>
    <t>Yes, please keep percentages and letter grades</t>
  </si>
  <si>
    <t xml:space="preserve">Scales are too vague, we don’t need them.
Just have percentages </t>
  </si>
  <si>
    <t>Waste of time, kids do not take them seriously</t>
  </si>
  <si>
    <t>Another waste of time, kids do not take them seriously and wastes school learning time</t>
  </si>
  <si>
    <t>Percentages not scales which tell us nothing and are too vague</t>
  </si>
  <si>
    <t>I believe we should have one report card per term (3 in total) that summarizes their progress in each subject area. I also believe in only one interim report card within the first two months of school that reflects on students' work habits and attitude. A second interim is unnecessary.</t>
  </si>
  <si>
    <t xml:space="preserve">The wording of the proficiency scales have done nothing but create confusion with parents (the terms are so arbitrary), and apathy among students. I believe FIRMLY that there is a correlation between the decline in student progress and the omission of letter grades that communicate more accurately. </t>
  </si>
  <si>
    <t>I am completely dissatisfied with this, as I believe that letter grades should be required for Grades 4-12. We are creating generations of children who are no longer being held accountable  for their work, or lack thereof, and sugar-coating their performance with fluffy terminology like "Emerging"??</t>
  </si>
  <si>
    <t xml:space="preserve">PLEASE get rid of the Proficiency Scales. They are so arbitrary and unhelpful to parents and students. </t>
  </si>
  <si>
    <t>Parents don't care about this. They just want to know how the teacher thinks their child is doing. Students do goal setting and self assessments in class. This is just another, unnecessary addition to the process of completing report cards.</t>
  </si>
  <si>
    <t>For the same reasons as above.</t>
  </si>
  <si>
    <t>If we could get the support we needed in the classroom to address these incredibly time-consuming-impossible-to-meet needs, then sure, this might be possible. But reality is in complete contrast to needs of integration.</t>
  </si>
  <si>
    <t>I strongly dislike the Proficiency Scale. We have been gradually watering down the assessment/evaluation process to protect everyone's feelings, to the disservice of our students. Students are apathetic about their grades and parents have an unrealistic snapshot of their child's performance.</t>
  </si>
  <si>
    <t xml:space="preserve">Less would be helpfull, teacher are out of breath. You cannot ask for more, you already have reach the breaking point. </t>
  </si>
  <si>
    <t xml:space="preserve">It does not tell anything, students ask for grades, parents are confused by the grades. This is too vague to be usefull. </t>
  </si>
  <si>
    <t xml:space="preserve">Keep it the way it is. It is not broken, don't try to fix it. </t>
  </si>
  <si>
    <t xml:space="preserve">Do not impose any changes on teachers. </t>
  </si>
  <si>
    <t xml:space="preserve">This is clumsy and heavy on teacher to manage, specially with older students. </t>
  </si>
  <si>
    <t>Students will not take it seriously and will ask to learn something concrete instead</t>
  </si>
  <si>
    <t xml:space="preserve">What will you do to help teacher and school to achieve that ? It will ask for a lot of time and work. Did you ever try to evaluate a student that cannot read without help in hight school while grading 25 others students without help ? </t>
  </si>
  <si>
    <t xml:space="preserve">This is time consuming, portfolio, specialy for grades 7 and up is not appropriate regarding the structure and the time teacher have. </t>
  </si>
  <si>
    <t xml:space="preserve">The level of reporting online + report cards is unsustainable.  </t>
  </si>
  <si>
    <t xml:space="preserve">Let's go back to grades.  It is clearer, easier to follow.  </t>
  </si>
  <si>
    <t>Grades only please.</t>
  </si>
  <si>
    <t>The fact that there is variety of forms permitted in two of the reports.</t>
  </si>
  <si>
    <t>A four point scale compels the assessor to make a decision between the middle two points rather an simply selecting a middle point as in a five point scale.</t>
  </si>
  <si>
    <t xml:space="preserve">Grades 10-12 should be the same as K-9. Several universities have indicated that they are willing to accept reports other than percentages, so I do not accept that as an acceptable rationale for maintaining grades and percentages. Learning is negatively impacted by grades at any level. </t>
  </si>
  <si>
    <t>This will only serve to allow direct connections and comparisons between the two scales and it will likely trickle down to lower grades which will interfere and impact learning in a negative way.</t>
  </si>
  <si>
    <t>There should be self-assessment in all areas of reporting including curricular competencies. In the case of curricular competencies it should be a shared responsibility between student and teacher.</t>
  </si>
  <si>
    <t>For too long, students with diverse and disabilities have been treated differently and had different expectations without the necessary accountability.</t>
  </si>
  <si>
    <t>Letter grades and percentages impede learning.</t>
  </si>
  <si>
    <t>There seems to have been a shift to more anecdotal reporting, which is a time consuming process.   Teachers are not provided any more work time to complete this work; net result is that stress levels are rising.</t>
  </si>
  <si>
    <t>Many parents (and students ) are still wanting a percentage mark, or at least a letter grade.</t>
  </si>
  <si>
    <t>Students ( and their guardians ) prefer to know 'exactly where they stand', and not have their progress delivered in a casual way.</t>
  </si>
  <si>
    <t>Some standardization is necessary, in absence of provincial exams.</t>
  </si>
  <si>
    <t>Some people like this approach, others do not.</t>
  </si>
  <si>
    <t>Sounds good in theory, but what would the mechanics be to make this process useful and fair ?</t>
  </si>
  <si>
    <t>Individual differences need to be considered.</t>
  </si>
  <si>
    <t>Students and parents are always asking for a 'mark'.   They do not even seem to be satisfied with a letter grade, because some categories span a large range of percentages.</t>
  </si>
  <si>
    <t>Too many reporting periods for a semester system. It is overwhelming</t>
  </si>
  <si>
    <t>It does not motivate the students to work harder. It is too subjective. I find this is the same feeling my own children and their friends have.</t>
  </si>
  <si>
    <t>It will be very difficult for students to adjust to Post-Secondary when they are still wanting Letter Grades and percentages. It isn't fair to just say that is the Universities' problem because in the end, the students will suffer for it.</t>
  </si>
  <si>
    <t>It will hinder the students who are applying to post secondary. We should be raising the level up not down.</t>
  </si>
  <si>
    <t>When I speak to students, they find it a waste of time and do not see the relevance. They really don't take it seriously. It may sound nice on paper, but realistically students see it as a joke.</t>
  </si>
  <si>
    <t>Open communication with parents and students is more successful for progress with student learning than reporting grades and comments on paper. Time spent writing report cards and evaluating takes time away from real teaching and learning.</t>
  </si>
  <si>
    <t xml:space="preserve">A standard scale across the province for all grades does not align with the uniqueness of each district and school in the province. It is impossible to report on student progress with a standard scale for all, when not all are equal.  </t>
  </si>
  <si>
    <t>Not all students apply to post-secondary institutions, not all subjects need letter grades or percentages for students, parents, and teachers to understand learning progress in school.</t>
  </si>
  <si>
    <t xml:space="preserve">Districts and schools should be responsible in making their own decisions in reporting student progress. There are too many children that are not successful in society due to standarized testing. </t>
  </si>
  <si>
    <t>Not all children are capable of assessing their progress, not all children are capable of communicating and functioning at the grade level they are in. Professional teachers and administrators are highly educated in knowing how to report and when to report progress with parents and their students.</t>
  </si>
  <si>
    <t xml:space="preserve">Not all students are capable of setting learning goals. There are many unique learning disablilities in one classroom, it is unfair to require every child to  set learning goals, especially when they are not physically or mentally capable. </t>
  </si>
  <si>
    <t xml:space="preserve">Proposing that assessment and evaluation needs to be standardized for all does not take into account diversity and inclusion. </t>
  </si>
  <si>
    <t>There are fewer and fewer standard classes now in our province where teachers are able to teach curriculum rather than manage socially and emotionally damaged children. There is not enough funding or support for inclusion and diversity in classrooms. Diverse reporting at district level is standard.</t>
  </si>
  <si>
    <t xml:space="preserve">I don't see the point of a written report.  A table with checkmarks ( for work, engagement, basic skills, etc) is a clear way to report to the parents. As a parent myself, I never paid attention to the written reports my kids brought home from school. </t>
  </si>
  <si>
    <t>It is hard for a student to escape a category.
Usually, if a person is, let's say,  at Developing,  he/she will most likely stay in that region for the whole year; whereas if we give marks, even a slight improvement is noted: 56% vs 60%.</t>
  </si>
  <si>
    <t xml:space="preserve">We have to standardize evaluation as  much as possible not make it subjective. We should bring back the Provincial exams. We should also separate by ability as this will help with mental health and make students feel good about themselves. </t>
  </si>
  <si>
    <t>Most students don't take self assessment seriously. A certain maturity is needed, which most likely will happen after the high school years.</t>
  </si>
  <si>
    <t>Most students don't take goal setting seriously. A certain maturity is needed, which most likely will happen after the high school years.</t>
  </si>
  <si>
    <t>Reporting does not need to be formal.  I usually provide students' progress informally to students and parents in between formal reports.
I send parents detailed students' progress.  If I have to send formal reports five times, I have to stop sending informal reports with detailed information.</t>
  </si>
  <si>
    <t xml:space="preserve">I am wondering who is going to include those comments.  </t>
  </si>
  <si>
    <t xml:space="preserve">In math class, it does not work.  </t>
  </si>
  <si>
    <t xml:space="preserve">Not clear what the three written reports will look like.  Parents often don’t read the reports because they’re online.   So, don’t make them longer!   The present reports already consume too much time to write. </t>
  </si>
  <si>
    <t>It sounds like the reports are going to be even wordier which makes it difficult for some families to understand.  
Teachers don’t fully understand the levels.  Will these be equally understood across the province? Will there be teacher training?</t>
  </si>
  <si>
    <t xml:space="preserve">I don’t teach high school so I think high school teachers should have the voice. </t>
  </si>
  <si>
    <t xml:space="preserve">Who is downloading these? Every term? Very time consuming.  Take something away from the curriculum if you’re going to keep adding to it.  </t>
  </si>
  <si>
    <t xml:space="preserve">Students already set goals throughout the year but they are personal and shouldn’t be in an official report.  </t>
  </si>
  <si>
    <t xml:space="preserve">Can’t choose between frequency of reporting and proficiency scale. </t>
  </si>
  <si>
    <t xml:space="preserve">It’s too much and it’s bad timing.  Have you been in a classroom lately?  Covid has caused increased stress and burnout.  Do not add more to teachers’ plates. 
 It doesn’t seem like it is  fully developed yet.  
The proficiency scale doesn’t seem clear.  </t>
  </si>
  <si>
    <t xml:space="preserve">Are you planning to add a few hours to the current 24hr day to get all of this done on top of teaching to the best of my ability? Are the authors of this teachers? If they are they should know doing a good job teaching requires a lot of  time to plan and help our students as it stands. </t>
  </si>
  <si>
    <t xml:space="preserve">What we are using now and seems to be working for parents and teachers.
</t>
  </si>
  <si>
    <t>Student involvement in evaluation is something I use, but this takes a lot of time and practice to teach how to self evaluate.</t>
  </si>
  <si>
    <t xml:space="preserve">Currently do after teaching how to evaluate.
</t>
  </si>
  <si>
    <t>There is not enough time in the day for what you are proposing and having a quality classroom education.</t>
  </si>
  <si>
    <t>Seems to be going backwards in what has been done over the past few years.</t>
  </si>
  <si>
    <t>Love that it is strength-based and does not rate students like grades do.  Possibly makes learning less competitive?</t>
  </si>
  <si>
    <t>Doesn't make sense that students and families learn one way of assessment (proficiency scale) and then have to convert to another. Percentages in 10-12 keep learning competitive and discourage those that aren't doing well.  I want my students (and my kids) to love learning, not be scared of grades.</t>
  </si>
  <si>
    <t>What's the point? With percentage students will just look at that. Also that would be comparing Proficiency Scale to percentages, and they are two different philosophies and approaches.  It just doesn't make sense. Plus it doesn't print in MyEd.</t>
  </si>
  <si>
    <t>Love that students are becoming more self-aware and responsible through this process. Super excited to have it more in secondary, because nowadays it's treated like a joke and throwaway exercise.</t>
  </si>
  <si>
    <t>Sure hope it doesn't get tossed in with Careers. Because it will become meaningless or focus on jobs only, instead of being about the whole student.</t>
  </si>
  <si>
    <t>About time! I've had teachers tell me that students with learning disabilities can only get a C and no higher.  So glad to see that they can now be assessed like everyone else.</t>
  </si>
  <si>
    <t>Consistency, consistency, consistency.  The proficiency scale goes so well with our new curriculum.  Now secondary teachers will be torn between two paths all the time, and their teaching (and student learning) will suffer.  Please put Proficiency scale in secondary!!!</t>
  </si>
  <si>
    <t>The additional time required to complete the extensive amount of information being proposed would either cut into teaching time or personal time; this is especially exacerbated under the new semester system for teacher working for five months without a prep block.</t>
  </si>
  <si>
    <t>The direct feedback right now from parents is to move back to a numerical scale that gives them a much better idea of how their child is progressing and what needs to be done to improve.</t>
  </si>
  <si>
    <t>Students, parents, and post-secondary institutions rely on the empirical information provided by letter grades and percentages. No one is complaining about this current model.</t>
  </si>
  <si>
    <t>This is a terrible idea and should be abandoned. See reason above for explanation.</t>
  </si>
  <si>
    <t>The time required for this will cut into valuable teaching time, which we barely have enough of as it is if we are expected to get through the curriculum. Teachers, students, and parents all resent having to engage in student self-assessment.</t>
  </si>
  <si>
    <t>Again, this idea cuts into teaching time and puts additional pressure on students to self-evaluate, self-report, and make decisions about their progress that they feel ill-equipped to make. There's little to no value in this process for anyone.</t>
  </si>
  <si>
    <t>This is unnecessary as a new policy because we already do it anyway.</t>
  </si>
  <si>
    <t>As already stated, parents, students, and post-secondary institutions rely on the empirical values of letter grades and percentages; the proficiency scale provides no meaningful information beyond what is already present.</t>
  </si>
  <si>
    <t>This degrades the reporting  of proficiencies from k-9. Its says that assessment is not important until Grade 10. If all grades used proficiencies then it makes k-9 more meaningful.</t>
  </si>
  <si>
    <t>It should not be encouraged it should be mandated.</t>
  </si>
  <si>
    <t>There is no clear and consistent platform for this to be shared with parents.</t>
  </si>
  <si>
    <t xml:space="preserve">There is no clear or consistent platform.
</t>
  </si>
  <si>
    <t>implementation date</t>
  </si>
  <si>
    <t xml:space="preserve">Pandemic is making teaching more stressful than ever. Adding one more change to our workload is overwhelming. </t>
  </si>
  <si>
    <t>There are way too many reporting periods</t>
  </si>
  <si>
    <t xml:space="preserve">These are unclear and convoluted </t>
  </si>
  <si>
    <t>Letter grades should be brought back for all grades 4-12</t>
  </si>
  <si>
    <t>this is redundant and unnecessary</t>
  </si>
  <si>
    <t>This should be for grades 4-12 only. K-3 should be working towards this. talk to any kindergarten teacher to realize goal setting is not easy to teach or document in kindergarten and drawing pictures trying to depict core competencies is a waste of time</t>
  </si>
  <si>
    <t xml:space="preserve">this should be for 4-12 only.  </t>
  </si>
  <si>
    <t xml:space="preserve">there needs to be specific instruction about how to compare an autistic child or child with learning difficulties that fall below grade level.  How do teachers report on these kids. Do we evaluate based on grade expectations or something else. It was NEVER MADE CLEAR TO TEACHERS HOW TO REPORT </t>
  </si>
  <si>
    <t>A BETTER PROGRAM FOR REPORTING THAT MAKES IT CLEAR AND EASY FOR TEACHERS... BRING BACK REPORT WRITER OR SOME EASIER PROGRAM TO USE FOR REPORTING!!!!!!!!!!!!!!!!!!!!!!!!!!!!!!!!!!!!!!!!!!!!!!!!!!!!!!!!!!</t>
  </si>
  <si>
    <t xml:space="preserve">GOAL SETTING FOR KINDERGARTEN IS STRESSFUL AND TIME CONSUMING AS TEACHERS HAVE TO WRITE OUT WHAT EACH KID SAYS. THE GOVORNMENT NEEDS TO MAKE REQUIREMENTS FOR REPORTING ON SPECIAL NEEDS MORE CLEAR AND CREATE AN EASY TO USE PROGRAM FOR TEACHERS TO USE. </t>
  </si>
  <si>
    <t>Too much. 2 written reports and 2 informal is enough</t>
  </si>
  <si>
    <t>Vocabulary is too difficult to understand. All options sound equally positive. Most parents and teachers I know prefer to know how the children are doing in relation to others and standards and prefer to be blunt rather than so vague</t>
  </si>
  <si>
    <t>Grades should be required all through highschool, not just two years before post secondary. Kids will not be given clear enough indicator of how well they are really doing because current scale is so vague and fluffy</t>
  </si>
  <si>
    <t>Three competency reflections done three times a year is too much. For early primary students who are just learning how to be in school, they are not given nearly enough time to even begin learning the core competencies before they are asked to reflect. End of year only!</t>
  </si>
  <si>
    <t>Formal written reports plus core competency reflections plus goal setting for all three terms is too much. Teachers are overloaded. Primary students this is an unreasonable and will not be authentic or reasonable</t>
  </si>
  <si>
    <t>Goal setting, frequency of reporting, and proficiency scale</t>
  </si>
  <si>
    <t xml:space="preserve">Just too many demands. Too much work for teachers. </t>
  </si>
  <si>
    <t xml:space="preserve">Many diverse learners have very individual needs for learning and thus reporting needs to be individualized. </t>
  </si>
  <si>
    <t xml:space="preserve">The reporting periods are so close together that there is not sufficient time to assess progress for students.  The work is redundant at this frequency, and greatly increases the teacher workload. </t>
  </si>
  <si>
    <t>As it stands, teachers are having to educate parents and students on what the terms mean, which is a large amount of workload. Their communication is that this is not a satisfactory description of their child's progress and how they are doing in relation to an actual percentage mark.</t>
  </si>
  <si>
    <t xml:space="preserve">It is a rough transition for both parents and students to go from no percentage mark to one.  They lack education and understanding and still ask teachers to give a percentage mark - which now translates to more work on teachers to double report for students in person and on formal report cards. </t>
  </si>
  <si>
    <t xml:space="preserve">The continuity is not that continuous because teachers still assess differently and interpret the results differently. It is actually more confusing for our students. </t>
  </si>
  <si>
    <t xml:space="preserve">I think that this process has encouraged me to have more one on one discussion with each student and encourage them to think about these core competencies. How it is reported is not ideal or realistic.  </t>
  </si>
  <si>
    <t>I think that it is great in theory, but without classroom support from qualified teachers, it means that teachers will have a room where they are not truly able to support anyone.  We need to be properly funded in order to have a truly diverse and inclusive classroom.</t>
  </si>
  <si>
    <t>This is a fair number of 'formal' learning updates throughout the school year. Other reports and communication can and is utilized throughout the year as well.</t>
  </si>
  <si>
    <t>The proficiency scale is vague and not very specific. Are students who do not attend and do not participate in class still considered emerging? Are students who proficient in meeting the minimum standard considered proficient; are they still considered proficient if they cannot apply these concepts?</t>
  </si>
  <si>
    <t>This can promote academic excellence and success. Students can be further motivated to be better than 'proficient' or 'extending' when there is a letter grade and percentage present. Conversely, without the letter grades, students may be fine with 'proficiency,' and not push themselves further.</t>
  </si>
  <si>
    <t xml:space="preserve">Students will not prepared for a more competitive college/university/workforce environment. Colleges/universities work on a grade point scale that students should be prepared for. Many jobs work on a rewards-based approach, where higher results yield benefits. </t>
  </si>
  <si>
    <t>Students should be reflecting on their learning and be mindful of their growth. They are able to do this with the current reporting system as well.</t>
  </si>
  <si>
    <t>Students should be setting goals. They are doing this in the current reporting system.</t>
  </si>
  <si>
    <t>Assessment and evaluation practices can and are inclusive of learners in the current system as well.</t>
  </si>
  <si>
    <t>It seems as though expectations are being further lowered with this reporting system. Currently in the K-9 system there are few consequences for an 'F', which does not prepare students for reality. Taking away letter grades lower expectations, as if students fail without effort, they still emerge.</t>
  </si>
  <si>
    <t xml:space="preserve">There is already too much demand put on teachers. High school teachers have to report several times a school year in up to 200 students, plus meet with parents, plus lesson plan, plus grade papers, plus, plus, plus. </t>
  </si>
  <si>
    <t>Parents don’t understand proficiencies, they understand percentages and letter grades.</t>
  </si>
  <si>
    <t>People understand this. Universities understand this. It is easier to assess a student and have the assessments understood by their parents</t>
  </si>
  <si>
    <t xml:space="preserve">Too much room for interpretation and again parents want assessments to be clear and understandable </t>
  </si>
  <si>
    <t xml:space="preserve">Students, in my experience, do not understand core competencies. They don’t know themselves well enough to know how to assess themselves. </t>
  </si>
  <si>
    <t>There is not a lot of but in from the students. This type of thinking is good for some students but not a majority, it certainly doesn’t consider inclusive education and not all learners can think critically about their education. Many adults can’t think critically about their lives.</t>
  </si>
  <si>
    <t xml:space="preserve">All students are unique and have experienced life differently from others. Assessments should be inclusive and respect the diversity we see in our classrooms and society </t>
  </si>
  <si>
    <t>It is the same number of reports currently required.</t>
  </si>
  <si>
    <t>I think there should be a five-point scale.</t>
  </si>
  <si>
    <t>This seems like a duplication of effort. If there are letter grades, then this seems like more work for the teachers.</t>
  </si>
  <si>
    <t>I don’t believe that core competency self-assessments are useful in elementary.</t>
  </si>
  <si>
    <t>It encourages students to take more ownership of their learning.</t>
  </si>
  <si>
    <t>Assessment should include all learners.</t>
  </si>
  <si>
    <t>I don’t think that all of the learning updates need to include all subject areas in elementary. The focus can be on literacy and numeracy.</t>
  </si>
  <si>
    <t>This reads to me as 3 written reports required. Currently we are doing 2 written reports.</t>
  </si>
  <si>
    <t>I would prefer the sliding scale indicate progress along a continuum of developing to extending. One that we can really slide rather than select a level of developing, emerging, etc.</t>
  </si>
  <si>
    <t>At the primary level the students are too young to understand how to assess themselves.</t>
  </si>
  <si>
    <t>Again primary aged children are not yet ready to set realistic goals. Including this in primary grades is not valid.</t>
  </si>
  <si>
    <t>I am unsure of how this would be assessed and reported.</t>
  </si>
  <si>
    <t>Introduce student self-assessment for Grades 4-12 students.</t>
  </si>
  <si>
    <t xml:space="preserve">Too many-- parents barely log on for midyear/interim reports already. A minimum of 5 means one a month for semester courses. </t>
  </si>
  <si>
    <t>Status quo maintained is fine.</t>
  </si>
  <si>
    <t>Not needed by universities or colleges. Grades and percentages already being assigned, students will not care about proficiency scales.</t>
  </si>
  <si>
    <t>Has felt pointless having this step all these years because high school students have up to 8 teachers -- impossible to integrate efforts or get buy in.</t>
  </si>
  <si>
    <t>why is this being considered for reporting? what next? reporting on dietary choices? reporting on screen time?</t>
  </si>
  <si>
    <t>As teachers, this is already being done. It's insulting to state it, as if we weren't. ALSO, students with diverse needs have additional reporting in terms of CB IEP and Learning Plans. Those are facilitated by specialists. Why add more to the plate of mainstream classroom teachers?</t>
  </si>
  <si>
    <t xml:space="preserve">We do not have the capacity to report 5 times a year. Elementary is only two written reports a year.
In high school, we email/call/meet with parents when there are concerns. Parents reach out to us when there are questions or concerns.
Having more reporting will increase anxiety among students.
</t>
  </si>
  <si>
    <t xml:space="preserve">Reporting on students takes time.  If a third written report is added, the information would be less valid than our current reporting system.  </t>
  </si>
  <si>
    <t>I find that the scale helps parents who have children who are working with anxiety or children who have many learning goals.  I find that the scale becomes less accurate for students who are highly motivated, self-starters.  Some parents find the scale too broad.  I see both sides.</t>
  </si>
  <si>
    <t>starting percentages in grade 10 is too late.  Students need time to understand that each assignment is a chance to improve their letter grade.  studies show children are more resilient when they have learned to handle the disappoint of an unexpected grade. Grade 8 is a better time to start .</t>
  </si>
  <si>
    <t>Universities and businesses use percentage data to make decisions.  
Also having both is just a waste of teacher time to say the exact same thing</t>
  </si>
  <si>
    <t>Some self assessment is beneficial.  Too much self assessment becomes a burden.  As a teacher you start to hear “why do I have to criticize everything I do” or invalid self assessment just to get it over with.</t>
  </si>
  <si>
    <t>I think parents appreciate seeing something to work towards, but more than twice a year becomes a burden of paperwork instead of working on the goals themselves. We can’t reach the goal if we are doing paperwork all day</t>
  </si>
  <si>
    <t>As a government if you are promising to “respond fully to individual needs” you are opening yourself up to lawsuits.  I have taught some very complex children.  I can’t guarantee SLP or physio or mental health support.  The wording should be looked at closely!</t>
  </si>
  <si>
    <t xml:space="preserve">Less paperwork more validity </t>
  </si>
  <si>
    <t xml:space="preserve">As more paperwork is added, teachers have less time to develop strategies to help students meet their goals.  If written reports are required earlier, they are less valid.  </t>
  </si>
  <si>
    <t xml:space="preserve">It's too much reporting, and no one cares enough to have this many updates. Report writin is all done on teachers' own time, and it's a brutal amount of work. I recently paid my doctor $125 for four pages of paperwork. If I got that per reporting period, I'd be making an additional $2200+ per term. </t>
  </si>
  <si>
    <t xml:space="preserve">It's too detailed - the scale is one thing, but additional descriptions are unnecessary, unless there is a glaring reason why a student is not progressing well, or is exceeding expectations. </t>
  </si>
  <si>
    <t xml:space="preserve">Young students do not have an accurate picture of how they are doing. It takes instruction, and I'm not sure it's a valuable way to spend this much teaching time. </t>
  </si>
  <si>
    <t>Same answer as above - young students struggle to do this. Put it into middle and high schools if you want to, but in grades K-5, this is not easily done. You need elementary school teachers advising you.</t>
  </si>
  <si>
    <t xml:space="preserve">What does all that even mean? It's very nebulous and full of edu-speak, but how would it actually look in practice? I'm a seasoned, jaded pro - this seems like more words, more work, but not useful, meaningful assessment. </t>
  </si>
  <si>
    <t>Less frequent</t>
  </si>
  <si>
    <t>Parents who are teachers don't even read the report cards to the depth of the work that is put into them - you think non-teacher parents, and those whose first language is not English are going to be able to decipher all of this? They're NOT! Reports should be simple, easy to understand &amp; meaningful</t>
  </si>
  <si>
    <t xml:space="preserve">My regular workload, the change to a semester system, and pandemic-related poor mental health already make for a challenging school year. The proposed reporting will be untenable; I worry about the additional strain it will put on myself and my colleagues. Students' privacy is also a concern. </t>
  </si>
  <si>
    <t xml:space="preserve">I already use the Proficiency Scale for Grades 8 and 9 and I find it to be a much more meaningful, genuine, and informative reflection of students' levels of performance. </t>
  </si>
  <si>
    <t xml:space="preserve">While I feel that all grades would benefit from using the Proficiency Scale, I understand that letter grades and percentages are a requirement for post-secondary applications. I do not know the solution to what I see as a problem with this; therefore, I am indicating a 'neutral' stance. </t>
  </si>
  <si>
    <t xml:space="preserve">As mentioned, this would offer continuity while also providing the letter grades and percentages required by post-secondary institutions. </t>
  </si>
  <si>
    <t xml:space="preserve">I do not see this being helpful for students. I am also concerned about protecting their privacy in formal reports. </t>
  </si>
  <si>
    <t xml:space="preserve">This is crucial in order for us to enact genuine inclusion. </t>
  </si>
  <si>
    <t xml:space="preserve">Increased workload for teachers, which will lead to additional stress and poor mental health. </t>
  </si>
  <si>
    <t xml:space="preserve">This is more work/expectations that is required from my district. Essentially, 3 written reports per year! </t>
  </si>
  <si>
    <t xml:space="preserve">I like using this scale as an educator, but it is extremely difficult for parents and children to recognize their true performance, especially in terms of needs. This is especially true for immigrant families.  </t>
  </si>
  <si>
    <t xml:space="preserve">It helps kids know their performance better, especially in terms of preparing them for careers/post secondary schools. Unfortunately, it is such a shock for them as they haven’t received grades before so they aren’t prepared for them or have previous motivation to learn how to achieve better grades </t>
  </si>
  <si>
    <t xml:space="preserve">Kids will be familiar with this reporting. </t>
  </si>
  <si>
    <t xml:space="preserve">Many times it is a hoop for the kids and teachers to jump through. Self assessment is good, I believe, but perhaps in replacement of one of the other reports, not in addition to it.  </t>
  </si>
  <si>
    <t xml:space="preserve">I love this!  However, I do lot want this to be another thing to do on a report card!! Maybe it could be in addition to self assessment and replacing a teacher report card. </t>
  </si>
  <si>
    <t xml:space="preserve">What?  Don’t we already do this?? </t>
  </si>
  <si>
    <t xml:space="preserve">It is an incredible amount of work for teachers to teach, prepare to teach, and the regular functioning of a classroom, etc. To do reports and paperwork on top of this work is huge. Teachers want to feel that their reporting is useful and not burdensome. Not to just fulfill gov’t expectations.   </t>
  </si>
  <si>
    <t>The current system of 3 written summary reports with 2 in-person meetings is sufficient. 
The language "parents will receive communication from teachers at least (5) times during the school year" is too arbitrary. 
Make it clear to parents - 3 written summaries for each term and 2 in-person meetings</t>
  </si>
  <si>
    <t>It needs to be a 5-point scale with language that parents understand. The current Emerging, Developing, Proficient and Extending language is too confusing. The proficient category has too much spread. Teachers/schools interpret the categories of developing and proficient differently causing confusio</t>
  </si>
  <si>
    <t>Do not teach this age level.</t>
  </si>
  <si>
    <t>This is a make work program for teachers and students in the elementary grades. If this must be continued once in June is sufficient. The government just needs to look at how ineffective this program was for its BC Government employees.</t>
  </si>
  <si>
    <t>Not necessary at the elementary level. Definitely not to be included in reporting. Parents want to know how their child is doing academically and socially and want it presented in parent friendly language. Not every child is going to be a 'goal setter'. We shouldn't push this on all children.</t>
  </si>
  <si>
    <t>Students with disabilities and diverse abilities need their own assessment and evaluation practices that will be different from other students. Their learning and needs are often different.</t>
  </si>
  <si>
    <t xml:space="preserve">Student goal setting and self-assessment MUST NOT  be included in the reporting process because it serves no useful purpose. It is the 'flavor of the day' and a make work project for all involved. In speaking with parents many do not even look at the current core competencies sheet that is included </t>
  </si>
  <si>
    <t>In design, the CSL reporoffers the opportunity to focus on the strengths and address areas of needs specifically for each student over time and it includes a sliding scale of assessment criteria in each subject.
The learning reports are ample to provide a detailed picture of the student's progress.</t>
  </si>
  <si>
    <t>It should not be the sole measure of a student's progress over time, especially for university entries, more focus should be on concrete product of learning ( portfolio, projects, extra-curricular engagements, etc.)</t>
  </si>
  <si>
    <t>more applicable in grades 7-12 as metacognition and self-reflection is more within reach and development of the student</t>
  </si>
  <si>
    <t>Again capacity for metacognition and reflection is more accessible and meaningful in grades 6-12</t>
  </si>
  <si>
    <t>student goal and self- assessment</t>
  </si>
  <si>
    <t xml:space="preserve">Three reporting periods give enough time between reports for students to make progress and for teachers to report on it.  Each report card ends up being 4-6 legal pages long.  It takes approximately 1 hr- 1.5 hrs. each, not including assessments/interviews. </t>
  </si>
  <si>
    <t>We're already using this scale in elementary school. I feel the word 'Applying' is a better word than 'Proficient' to use as 'Proficient' feels like one has to be 'Perfect'. I prefer % or letter grades for grades 7-12.</t>
  </si>
  <si>
    <t>Grade 10 is too close to grades 11 and 12 to be figuring out exactly where one stands in terms of letter grades.  Since 'Developing' could be anywhere from a B to a C, depending on the teacher, % and letter grades are easier to interpret for students, parents, and teachers.</t>
  </si>
  <si>
    <t>I feel like younger children K-3 can discuss the language of the competencies and start the process of self-reflection/goal-setting through discussion, etc., but some children do not understand the concept and are too young to reflect accurately.</t>
  </si>
  <si>
    <t xml:space="preserve">Again, this works for grades 4 and up but K-3, there is difficulty.  </t>
  </si>
  <si>
    <t>The reporting expectations should be the same for all learners.</t>
  </si>
  <si>
    <t xml:space="preserve">I do not agree with the proposed new reporting as our workload as teachers is already so daunting.   And I am so baffled at the fact that in the midst of a pandemic, which has put even greater professional and personal stresses on us all these changes are even being discussed right now.   </t>
  </si>
  <si>
    <t xml:space="preserve">Aren't we already doing this?? </t>
  </si>
  <si>
    <t>We are already doing this</t>
  </si>
  <si>
    <t xml:space="preserve">Although we do much of this in primary, this is just not possible on that scale for K - 3 students 
</t>
  </si>
  <si>
    <t xml:space="preserve">We do this </t>
  </si>
  <si>
    <t xml:space="preserve">I am deeply concerned about teacher workload, I already work 10 hour days and many weekends, with joy and love, but throwing this at us, as we have just gotten adjusted to the new reporting system, in the midst of a pandemic is lucacris, and insulting to our well being. </t>
  </si>
  <si>
    <t>As a high school teacher I have 120 students per semester. The expectation of providing written reports for each and every student is entirely unacceptable. Why is the pressure being put on the teacher to provide written feedback when we already routinely provide feedback to our students and parents</t>
  </si>
  <si>
    <t xml:space="preserve">I am ok with the performance indicators but struggle with students who consistently receive emerging reports.  Do they receive a pass to the next level? With the understanding that what they missed this year will be made up next year? How does this work for Math, Science, Languages? </t>
  </si>
  <si>
    <t>Why is it necessary to change our current assessment practices when post secondary is staying the same? There seems to be a disconnect here. How are the students/parents supposed to value formative assessment practices when at the end of the day its the grades that matter if the student does PS educ</t>
  </si>
  <si>
    <t xml:space="preserve">Again at the end of the day if the student is applying for post secondary, a grade point average is required. Where is the continuity in assessment practices?? Why is this being put onto the E and HS teachers only? If universities don't value performance standards, what's the point?? </t>
  </si>
  <si>
    <t>Until students truly value goal setting, this is not an effective use of time. Currently, they see it as a hoop to jump through, their words have little meaning. Why can't they set goals with their parents and then report back to their teachers? Shouldn't these conversations be at home?</t>
  </si>
  <si>
    <t xml:space="preserve">This is so incredibly frustrating!! Teachers are already going above and beyond when it comes to providing feedback. We routinely communicate with the home. Universities still require grade point averages? Parents and students value grades b/c they are concrete in their minds...so frustrating!! </t>
  </si>
  <si>
    <t>Just started</t>
  </si>
  <si>
    <t>I think it is a fair amount of reporting. Our parents are not very involved at the school level (for the most part) so reports home are important.</t>
  </si>
  <si>
    <t>In my course area I would prefer a pass fail in all grades but this is close so I like it.</t>
  </si>
  <si>
    <t>Some subject areas could operate as pass fail but many students need the extrinsic motivation of marks to stay focused and engaged so I agree we should keep the grading system.</t>
  </si>
  <si>
    <t>continuity across the province is good ... level playing field for post-secondary applications</t>
  </si>
  <si>
    <t>I do this now and it is effective.</t>
  </si>
  <si>
    <t>We love the use of a proficiency scale but prefer the term 'applying' to 'proficient'.</t>
  </si>
  <si>
    <t xml:space="preserve">Many of our teachers already do this...would just formalize as part of the policy on best practice of student-voice and ownership of learning. </t>
  </si>
  <si>
    <t xml:space="preserve">Assessment and evaluation should absolutely be inclusive of all learners. Some students are working on goals and objectives specific to their abilities (such as using an AAC device for communication) and ways to specifically report on these individualized goals and objectives is important. </t>
  </si>
  <si>
    <t>More concrete details about ways to report on our very diverse learners needed. More clarity around reporting for ELL level 1 learners also. We are adapting to meet needs but using a proficiency scale for some of these learners is not best. Using clear, concise, individualized comments is meaningful</t>
  </si>
  <si>
    <t xml:space="preserve">This is more than enough reporting to parents. Students need to take responsibility for their learning and too much reporting to parents takes away from students taking ownership of their learning. </t>
  </si>
  <si>
    <t>This scale can work well for elementary grades but it as students move into middle school and high school it is too vague. A 4 point system does not allow students to truly know their strengths. Also there should be one type of assessment done in a school.  Not one for G9 and something else for10-12</t>
  </si>
  <si>
    <t xml:space="preserve">Letter grade should also be used for grade 9’s. If a student plans to apply to an out of country university they need grade 9 marks </t>
  </si>
  <si>
    <t xml:space="preserve">The four levels will be interpreted differently by every teacher so there will not be consistency. </t>
  </si>
  <si>
    <t xml:space="preserve">Having had 2 children complete self assessments of their work over the past few years I have seen no change in their actual learning. They don’t take the self assessment seriously and seek out teacher feedback to find out how they are actually doing. This is a waste of time and paper </t>
  </si>
  <si>
    <t>How is a teacher supposed to report out on the goals my child sets. My kids and their peers thinks these activities are a joke after doing it for a few years and are not getting much out of it. There is no follow through to achieve their goals because the teacher can’t work with each kid individuall</t>
  </si>
  <si>
    <t xml:space="preserve">Grade 7/8 and up need marks not scales. The 4 point system is too vague to truly help a child k ow where they are at. </t>
  </si>
  <si>
    <t xml:space="preserve">Teachers connect when my child is not doing well or needs improvement prior to receiving reports. There is no issue with communication. I don’t want to receive 5 reports on every subject my child has. </t>
  </si>
  <si>
    <t>I don’t have a child within that age group.</t>
  </si>
  <si>
    <t>This is what is used for university application.</t>
  </si>
  <si>
    <t xml:space="preserve">I don’t see much benefits using that. </t>
  </si>
  <si>
    <t xml:space="preserve">We are getting decent numbers of reports per subject. I don’t see benefits of receiving more reports. </t>
  </si>
  <si>
    <t>Marathi</t>
  </si>
  <si>
    <t xml:space="preserve">Gives students realistic feedback on their performance in context of expectations at the post-secondary level. </t>
  </si>
  <si>
    <t xml:space="preserve">Self reflection is a skill that will serve students throughout their lives. </t>
  </si>
  <si>
    <t xml:space="preserve">Ownership of learning ensures motivation towards that learning. </t>
  </si>
  <si>
    <t xml:space="preserve">Have 2 written reports in total - one Summary in June and one written Learning Update by Christmas.  In addition, have 2 in-person meetings.  A meeting in September to meet the parents, explain your program or collect input about their child.  In Feb, offer Individual meetings for each parent.  </t>
  </si>
  <si>
    <t xml:space="preserve">Every district needs to use the same language for reporting.  </t>
  </si>
  <si>
    <t xml:space="preserve">We need a reporting system that meets the selection process to enter University.  Strength based language is too vague for university entrance.  </t>
  </si>
  <si>
    <t xml:space="preserve">Makes it easier for teachers to continually evaluate using proficiency scale throughout the term rather than number crunching every assignment.  </t>
  </si>
  <si>
    <t xml:space="preserve">Self-assessment of core competencies for K or 1 students is limited based on their experience and expressive language.   Self-assessments should be used with more mature learners, such as Intermediate students.  </t>
  </si>
  <si>
    <t xml:space="preserve">Let the students set those goals but no need to report on the progress of them - tough to measure and follow-up.  </t>
  </si>
  <si>
    <t xml:space="preserve">Hold the resource teachers accountable for ensuring this is implemented.  </t>
  </si>
  <si>
    <t xml:space="preserve">Parents prefer to meet in person or via Zoom to discuss their learner rather than receive Summative comments at the end of the term.  In-person discussions are more detailed and authentic.  Perhaps 4 Learning Updates - one written in June and 3 others in person OR written - teacher choice.  </t>
  </si>
  <si>
    <t>Having to report out on all subject areas 5x per year is adding an increasing amount of work to the teachers' load and we need more time and resources to adjust to these big changes.</t>
  </si>
  <si>
    <t xml:space="preserve">Having to include this each term is adding a lot to the workload and expectations of the teacher. Also, much time is spent early in the year in learning what goal setting is before applying it, especially in early primary. This requirement may be better suited to older grades. </t>
  </si>
  <si>
    <t xml:space="preserve">The frequency of reporting and the amount required to be reported on each time adds a lot to the teacher workload. Especially during the pandemic, increasing the frequency and adding in additional requirements will impact the mental health of educators. We need more support and time. </t>
  </si>
  <si>
    <t>Although I enjoy the feedback, I don't think its necessary for teachers to spend so much time doing this. I'm sure they have more important things to do like teaching and lesson planning. I find that I can't even attend parent teacher conferences because I myself am so busy. A simple report will do.</t>
  </si>
  <si>
    <t>As mentioned before, just basic information on how they're doing or where they need help is fine. I don't have time to read long reports.</t>
  </si>
  <si>
    <t>I think if a student wants to pursue post secondary education, they should be allowed to. Post secondary should re-visit what they look at for entrance requirements. Are we only sending those who can read and write English and have the highest marks now? How do the rest of them get ahead?</t>
  </si>
  <si>
    <t>I don't need to know how my child self assessed their work.</t>
  </si>
  <si>
    <t>As a hands on parent, I'm not worried about my child not doing their work or having future goals. Parents should be the ones to teach their own children to take responsibility for their own learning! How do they learn about consequences? In my opinion they're too easy on kids these days.</t>
  </si>
  <si>
    <t>Yes it is good to be inclusive but shouldn't children with special needs be getting more support outside of school? My child's class has several children with special needs/learning challenges. The poor teacher can't even help the other children in class! They should have specialty teachers for this</t>
  </si>
  <si>
    <t>Reporting is fine as is, simpler the better</t>
  </si>
  <si>
    <t>The letter grade usually reflects a child's learning abilities and anything lower than a parent believes their child needs, should look into it further. So sick of parents blaming teachers when they should take responsibility themselves for their child's learning and rearing!</t>
  </si>
  <si>
    <t>Over reporting and for grade 8-9 students teachers do not have time to do summaries and detailed comments for 4 blocks or 120 students or 8 blocks of 240 students. If you continue to increase teacher workloads less teachers will want to join and stay in the profession. The burnout rate will increase</t>
  </si>
  <si>
    <t xml:space="preserve">These scales are not useful at grade 8-12. Students want to know what they got wrong and what can be corrected. The scales are vague and don’t convert easily to a percentage or grade. Kids will not take these scales seriously. </t>
  </si>
  <si>
    <t>This makes sense as kids need these to be able to apply to post secondary. The complexity of what they are learning cannot be assessed with simplistic scales.</t>
  </si>
  <si>
    <t xml:space="preserve">You take a mark and force it to a scale. Kids want to know the errors and how to fix it not general words emerging or developing. In high school the aim is to get into college and university. Mark are already inaccurate and inflated. These performance scales will inflate marks even more. </t>
  </si>
  <si>
    <t xml:space="preserve">How is this helpful? Maybe at elementary school but in secondary it’s redundant to do in every single class. </t>
  </si>
  <si>
    <t xml:space="preserve">A handful of students take this seriously. Most kids just want to learn what is useful for university. They dislike Capstone and larger projects </t>
  </si>
  <si>
    <t>The practices are already inclusive. How do you expect teachers to do this well when class sizes are huge and the needs are great. It is impossible to be fully responsive. We do our best but the students are getting weaker and we don’t have time for individualized learning.</t>
  </si>
  <si>
    <t>First comments on report cards should be brief. Scales may be appropriate for elementary or language classes but not meaningful for classes like math or science. Students want to know how to import everything not a simplistic scales.</t>
  </si>
  <si>
    <t>The terms are very vague and don’t really mean anything to parents.  It doesn’t describe how the student is doing.</t>
  </si>
  <si>
    <t>I find that assessing core competencies is not age appropriate for younger students.  It is very challenging for little ones to reflect on their learning at this age.</t>
  </si>
  <si>
    <t>Goal setting of this type is not age appropriate for primary students.  They can set tangible goals (“I want to learn how to do the monkey bars”) but personal inquiry are too abstract at this age.</t>
  </si>
  <si>
    <t>1. It is extremely time consuming for teachers to write completely individualized report cards.
2. Parents would like to know how their children are doing compared to others.  A report card that is too wordy does not usually portray this.</t>
  </si>
  <si>
    <t xml:space="preserve">That is redundant. </t>
  </si>
  <si>
    <t xml:space="preserve">I feel that they are already setting goals etc. this does not need to be done for every report card.The end of year report on core competencies is enough . </t>
  </si>
  <si>
    <t>How would this work in a primary classroom? Does this mean parents would have to help since it’s a lot to ask a teacher for kids that can’t write or type? What about the kids that don’t hdd as he parent support at home? Does that mean they’d have lower grades due to that disadvantage?</t>
  </si>
  <si>
    <t>That seems like a lot of reporting. what is the difference between a learning update and a summary of learning? What if we stay on semester system?</t>
  </si>
  <si>
    <t xml:space="preserve">Four seems like a small scale with limited differences between the middle options. 
How many kids get Extending? so basically most kids are developing and proficient? 
kind of hard to gage progress or set goals when most of the time my kids will be just getting proficient, more or less </t>
  </si>
  <si>
    <t xml:space="preserve">a four point scale is meaningless for this level. 
We, as a country, need to have most kids focusing on post secondary, or at least have that option open to them. Why change the system for kids not going to post sec? 
I really think there should be letter grades and percentages for all grades. </t>
  </si>
  <si>
    <t xml:space="preserve">Why change the system for students not focused on Post secondary? for them grades are not a a goal. 
Percentages allow for small visible improvements. a four point scale is useless for this.  </t>
  </si>
  <si>
    <t>How would this be done? they grade themselves?</t>
  </si>
  <si>
    <t>How would this be done? Do the students grade themselves? Are parents involved in this?</t>
  </si>
  <si>
    <t xml:space="preserve">My student in not in this category and therefore I am unfamiliar </t>
  </si>
  <si>
    <t xml:space="preserve">four point scale is way too small. </t>
  </si>
  <si>
    <t>Four point scales are terrible, meaningless and pointless. just don't give out any grades them and save the teachers the time and trouble.</t>
  </si>
  <si>
    <t>Why does it matter</t>
  </si>
  <si>
    <t xml:space="preserve">Doesn’t take into consideration alternative forms of student learning  </t>
  </si>
  <si>
    <t xml:space="preserve">Why switch back to 4 when you made us report on a 5 pt scale 
What utter nonsense </t>
  </si>
  <si>
    <t xml:space="preserve">Leave as is until post secondary and public meet and get on the same page </t>
  </si>
  <si>
    <t xml:space="preserve">More 
Work
For 
Teachers
Who are already stressed </t>
  </si>
  <si>
    <t>Once formally is enough</t>
  </si>
  <si>
    <t xml:space="preserve">Sure but cut back in other reporting areas. There isn’t enough time to do everything you want in a tier 3 school let alone tier one and two. Jeez. Have any of you actually been in schools lately? </t>
  </si>
  <si>
    <t xml:space="preserve">Sure. Again. Give us time and resources to get this all done.  No problem if there’s money to support us. </t>
  </si>
  <si>
    <t>lack of clarity re reporting expectations. disconnect between the draft reporting order and the needs of distributed, distance, and blended learning models. lack of supports for teachers to learn about implementing the new reporting order. Significant increase to teacher workload</t>
  </si>
  <si>
    <t xml:space="preserve">It is not clear to me or to parents the difference between the learning updates and the Summary of Learning. </t>
  </si>
  <si>
    <t xml:space="preserve">Four point scale is difficult to distinguish between developing, proficient and extending. It need to be at least a 5 point. Also, no words with the same letters. (E,D,P,E) as it is hard to keep short hand records and errors are easily made. </t>
  </si>
  <si>
    <t xml:space="preserve">I don't know how else it could be done to show small steps of improvement. 
How else would it work in MyED?
</t>
  </si>
  <si>
    <t>No, just no.</t>
  </si>
  <si>
    <t xml:space="preserve">How is this done practically so that it does not take more time in class or for teacher's preparing reports? Can students do this on MyED? or can it be connected to Teams? </t>
  </si>
  <si>
    <t xml:space="preserve">Parents and guardians need to be onboard and involved in this or it will not work. And again, How is this done practically so that it does not take more time in class or for teacher's preparing reports? Can students do this on MyED? or can it be connected to Teams? </t>
  </si>
  <si>
    <t xml:space="preserve">of course, but it has to be inclusive programming on MyED!!! There needs to be better drop downs and connection on MyEd for keeping track of special individual reports, and language for individual students. I feel like I am constantly going through a maze in MyEd to find the things. </t>
  </si>
  <si>
    <t>4 point scale is too small</t>
  </si>
  <si>
    <t xml:space="preserve">four point scale is pointless and too small a scale. use descriptive words that start with different letters! (Emerging, Extending!) </t>
  </si>
  <si>
    <t xml:space="preserve">What we're doing now is fine. </t>
  </si>
  <si>
    <t xml:space="preserve">If parents take the time to read the explanation of the scale, it is easy to see where their child is performing at that time. </t>
  </si>
  <si>
    <t>You can't fatten sheep by weighing them. Creating a written document on each competency each reporting period will impact the amount of time for early primary students to learn/practice and engage in their development.  Once per competency per year is enough.</t>
  </si>
  <si>
    <t xml:space="preserve">As above - in early primary so much of this written recording requires one to one conversations.  That takes a great deal of time away from actually teaching the children.  The time would be better spent doing the work in a meaningful context. </t>
  </si>
  <si>
    <t>goal setting and competency self assessment</t>
  </si>
  <si>
    <t xml:space="preserve">As discussed above.  Already assessment for early primary children requires one to one interactions - if you require any more there will be nothing to reflect on because there will be no time left to teach the skills/competencies.  </t>
  </si>
  <si>
    <t>This feels more than sufficient.</t>
  </si>
  <si>
    <t>It’s not perfect but it could be used until a better choice is found.</t>
  </si>
  <si>
    <t>Post secondary are ready for grade less system.</t>
  </si>
  <si>
    <t>This is too cumbersome for teachers.</t>
  </si>
  <si>
    <t>But, some still need support on proper reflection.</t>
  </si>
  <si>
    <t>Inquiry goals for adults are not easy. Asking this if you get kids….??</t>
  </si>
  <si>
    <t>Not realistic to ask that much.</t>
  </si>
  <si>
    <t>There is no need nor reason why reporting on all area of curriculum be required for 5 reporting periods. It’s making workload impossible.</t>
  </si>
  <si>
    <t>career Ed in elementary does not span the year so why report on it bi-monthly.
The frequency of reports does not mean better communication. Quality of reports is better than higher frequency.</t>
  </si>
  <si>
    <t xml:space="preserve">I think there should be less cumbersome written reports, when teachers are working so hard on ongoing communication home through portfolios.
Take out the requirement for them to be written. </t>
  </si>
  <si>
    <t>I think it works for to communicate students learning to various stakeholders.
I don’t think it’s exceptional but I wouldn’t want it to change.</t>
  </si>
  <si>
    <t xml:space="preserve">I think the proficiency scale should be used, as I taught high school and grades or percentages didn’t help me to communicate to students how they were doing. </t>
  </si>
  <si>
    <t>Why not just shift to the proficiency scale if you’re going to encourage it?</t>
  </si>
  <si>
    <t>Teaching grade 1/2 makes it very difficult to do this well. If you have a challenging classroom, you can’t often find the time to work one on one to weave this in.
Once students are older, this is much easier to attain.</t>
  </si>
  <si>
    <t>With this, will it come another adult in the room? This is important, but with grade 1/2 students, I might not get them to the point where we can pick an individual goal for their learning until April. It takes a lot of training for little ones to be independent so the teacher can do one-on-one</t>
  </si>
  <si>
    <t xml:space="preserve">It’s all way too much, if you want educators to do ALL that, then you need to either decrease the amount of reporting or you need to take something out. I would remove the student goal setting, if it was more important to have more frequent ongoing discussion. </t>
  </si>
  <si>
    <t>The spacing of the written reports is adequate for focused instruction to have occurred and for a teacher to have gathered evidence of student learning.  Any shorter increment would not allow this.  The conferences act as helpful mid-term opportunities.  
We definitely do not need more reporting.</t>
  </si>
  <si>
    <t xml:space="preserve">This language is fine for primary, but from intermediate on (Grades 4 and up) students and families need grades to understand their performance clearly.  It is a disservice to families to keep this vague language for older students.  </t>
  </si>
  <si>
    <t>Of course we need to provide letter grades and percentages to students at this level of their education. They need to know if they are achieving at a level that will allow them to attend university.  They should be getting letter grades earlier than this so that they have time to seek remediation.</t>
  </si>
  <si>
    <t>This strikes me as an utter waste of time.</t>
  </si>
  <si>
    <t xml:space="preserve">Student self-assessment is an excellent part of learning and should be encouraged, but adding this to reporting expectations is not necessary, and in some cases can be performative and false.  </t>
  </si>
  <si>
    <t>Again, in my experience while this is extremely valuable and should be included in the classroom learning experience, when it comes to reporting it becomes false.  Students know that it is for others' eyes and they are not honest.  It defeats the purpose of encouraging personal growth.</t>
  </si>
  <si>
    <t xml:space="preserve">As I said above, it takes something really important and makes it false, and in doing so students no longer take goal-setting seriously.  It is just something to get done for their parents for reports.  </t>
  </si>
  <si>
    <t>High school(gr 8 and 9), a teacher can have anywhere from 120 students (in a semester system) to 210 students (in a linear system) at any given time.  Requiring individual written summaries for each student is an unreasonable addition to an already unmanageable workload without much added prep time.</t>
  </si>
  <si>
    <t>A 4 point scale is highly inadequate and much too vague to provide any sort of meaningful feedback for parents or for future teachers.  Letter grades and percentages are much more relatable and give a much more accurate and useful snapshot of the actual level and progress of the student.</t>
  </si>
  <si>
    <t>In order to maintain credibility, universities must have a certain academic criteria that students must meet in order to be admitted.  Letter grades are a clear and sound way to show their level of comprehension as long as the letter grades are assigned by standardized criteria through the province.</t>
  </si>
  <si>
    <t>The proficiency scale is too vague and inadequate and would offer no meaningful addition to the percentages and letter grades.</t>
  </si>
  <si>
    <t>As an experienced teacher, my experience is that many students don't take these self-assessments very seriously - especially the weaker students that have learning issues.  The concept of the core-competencies is too abstract a concept for them to understand.  It is a futile exercise.</t>
  </si>
  <si>
    <t>This can be a useful exercise if taken seriously and if students actually work to achieve their goals, but often this is meaningless and students don't take it seriously (except for the high-achieving, keen ones).</t>
  </si>
  <si>
    <t>Individual needs are hard to address in a classroom of 30+ students.  If integration is to be successfully implemented in a classroom, then extra support needs to be added as well.  Teachers can not be expected to create 30 different lesson plans for each individual student.</t>
  </si>
  <si>
    <t>I am a firm believer that students learn best when they are in a classroom that is able to address their needs at their cognitive level.  When a class is composed of students that have too wide a range of comprehension abilities, the teacher can not adequately address the needs of any of them.</t>
  </si>
  <si>
    <t>This provides frequent feedback to parents and allows ample of time for intervention should it be necessarily.</t>
  </si>
  <si>
    <t xml:space="preserve">The standards are not clearly communicated to parents and teachers.  Teachers are left to interpret the meaning of the four-point scale which could potentially lead to huge discrepancy in grading.  What's communicated as developing by one teacher may be viewed as extending by another.  </t>
  </si>
  <si>
    <t xml:space="preserve">While letter grades and percentages are more objective but the lack of common standards could still lead to discrepancy to grading. Universities are well aware of that and are making their own accommodation to compensate.  </t>
  </si>
  <si>
    <t>I reserve judgement until the concerns around these type of grading is addressed.</t>
  </si>
  <si>
    <t>As it is right now, many students view these type of tasks as hoop jumping and do not necessarily reflect on their growth.</t>
  </si>
  <si>
    <t>If implemented meaningfully, this could teach students to be reflective and accountable.</t>
  </si>
  <si>
    <t>In theory, this is great.  However, I doubt its practicality.  The hugely diverse needs among students and the high teacher to student ratio (1 to 200ish for a high school teacher per year) are not conducive to such.  If this model were to be successful, teachers need to be allotted the time.</t>
  </si>
  <si>
    <t>Work load</t>
  </si>
  <si>
    <t>A 1 teacher to 200 students ratio, the lack common standards, and the lack of teacher training for these types of assessments are some of my major concerns.</t>
  </si>
  <si>
    <t xml:space="preserve">Disappointed we lack proficiency benchmarks, such as in literacy. The old performance standards are helpful assessment tools yet not going to be updated. The new “performance standards” draft is totally different, too time consuming, lacks clear benchmarks for e.g. student lit. skill development. </t>
  </si>
  <si>
    <t xml:space="preserve">This is arbitrary and optional. There will be inconsistency. Either insist or remove. </t>
  </si>
  <si>
    <t xml:space="preserve">Regular communication with parents is important and so the number of reporting events is reasonable. My concern is the expectation of what must be done for each reporting period. </t>
  </si>
  <si>
    <t xml:space="preserve">As a parent and a teacher, I do not find the above terms any more clear or useful than any other terms we’ve ever used in reporting over the last 30 years. I don’t think the use of the new terms will make the report cards any easier for parents to understand. </t>
  </si>
  <si>
    <t>Letter grades and percentages are necessary for a post secondary applications.</t>
  </si>
  <si>
    <t>It’s not necessary to use both. Letter grades and percentages would give the parents the information they need.</t>
  </si>
  <si>
    <t xml:space="preserve">Learning to reflect and self assess is a complicated process. Expectations to be able to thoroughly do this and have evidence in first term is unreasonable at many grade levels. </t>
  </si>
  <si>
    <t>Goal setting is important but takes time to teach. First term should be about teaching goals not worrying about writing them for report cards. If you are going to keep adding things to the curriculum, something needs to be taken out. Proper teaching of goalsetting takes a lot of time.</t>
  </si>
  <si>
    <t xml:space="preserve">All students should have access to equitable education. </t>
  </si>
  <si>
    <t xml:space="preserve">Self-assessment takes a lot of time to teach and much opportunity for students to practise. Student examples of self-assessment in term one will likely be the result of the teacher heavily directing what the students need to do/ write and not authentic self assessment. </t>
  </si>
  <si>
    <t xml:space="preserve">The current level of reporting provides a timely and clear picture of students progress. Any more and it would take away from teaching. </t>
  </si>
  <si>
    <t xml:space="preserve">Resources and trading would be helpful for implementing the new reporting level of performance- both for parents and teachers. </t>
  </si>
  <si>
    <t xml:space="preserve">Letter grades are required for university and training. </t>
  </si>
  <si>
    <t xml:space="preserve">With resources and training  for parents and teachers this would be helpful </t>
  </si>
  <si>
    <t xml:space="preserve">That would be helpful for students. </t>
  </si>
  <si>
    <t xml:space="preserve">Self assessment on core competencies would make sense but specific career goals could be stressful for students forcing them to think about the future too early. Students should be focused on learning and being where they are. Awareness of options is fine but not making goals about it. </t>
  </si>
  <si>
    <t xml:space="preserve">Resources and trading would need to be provided so that this is defined better. </t>
  </si>
  <si>
    <t>It’s very confusing to understand where my child is at and what he needs to work on</t>
  </si>
  <si>
    <t xml:space="preserve">I would also like the teachers input when the student is self evaluating. </t>
  </si>
  <si>
    <t xml:space="preserve">It seems like way too much reporting. Give us more time to teach the material. </t>
  </si>
  <si>
    <t xml:space="preserve">I feel like the language is changing all the time and we aren’t given the tools to support that language. We are left in the dark to figure it out. Ex: reading levels to match the proficiency scale and writing rubrics! </t>
  </si>
  <si>
    <t xml:space="preserve">One is enough! </t>
  </si>
  <si>
    <t xml:space="preserve">If grade 2’s find it hard to do this then how can the grades below work on these meaningfully? </t>
  </si>
  <si>
    <t xml:space="preserve">Again age appropriate? It’s seems like something grade 3 and up might be ready for. Why is this not supported by teacher education in how we should teach it or supply the appropriate examples? </t>
  </si>
  <si>
    <t xml:space="preserve">Look on the websites across BC. Most aren’t Inclusive in terms of translation for ELL families who want to understand their child’s education. Most sites also don’t explain assessment etc. This should be communicated on the websites. </t>
  </si>
  <si>
    <t xml:space="preserve">I think it’s been forgotten that we are coming out of a pandemic and that adding more to the plate of a teacher is asking too much in terms of assessment and now adding goal setting. I think reviewing each districts report cards so we can stay on a similar page would be good. Some districts require check box reporting and small write ups when others require paragraph write ups. It should be the same across the province in terms of the tools we use for documentation. </t>
  </si>
  <si>
    <t xml:space="preserve">Time spent reporting on student progress takes time away the lesson planning  that promotes student learning. Non-educators don't seem to appreciate the hundreds of hours that go into reporting each year. The Ministry or Ed seems to believe in the validity of the FSA. Use that as a report. </t>
  </si>
  <si>
    <t>Or, you could call it A,B,C, and D.</t>
  </si>
  <si>
    <t xml:space="preserve">It is important to align secondary reporting with post-secondary requirements so that students  have a clear understanding of the required prerequisites if they choose to continue their education. </t>
  </si>
  <si>
    <t xml:space="preserve">I thought that we already had reporting continuity.   </t>
  </si>
  <si>
    <t xml:space="preserve">Self assessment is an important piece of the learning process for students. </t>
  </si>
  <si>
    <t xml:space="preserve">It depends on the student and the grade. Setting  learning, personal inquiry and development goals are abstract concepts and difficult to understand for most younger students. "Student ownership over learning" already exists in our schools. </t>
  </si>
  <si>
    <t xml:space="preserve">Policy makers should spend some time in our Province's classrooms.  Many students, particularly those that have greater learning and behavioral challenges require support greater than that offered by a typical classroom teacher. The simple fact is, they're not getting that support. </t>
  </si>
  <si>
    <t xml:space="preserve">Except the self-assessment and goal setting part of this, which is already happening in our schools, I fail to see how this improves student learning. </t>
  </si>
  <si>
    <t>Descriptive feedback is not consistent over different teachers and a clear picture is never given.</t>
  </si>
  <si>
    <t xml:space="preserve">Why so often? Teachers always phone or send mini reports when the kids have problems. Rather tgey keep doing just that. </t>
  </si>
  <si>
    <t>What’s wrong with with A, B, C, F?
I also don’t like I. If they’re failing, at any point in the year, I just want to know that. No teacherese please.</t>
  </si>
  <si>
    <t>Much clearer than the younger kids’ report cards.</t>
  </si>
  <si>
    <t xml:space="preserve">Ridiculous waste of time. Too much reporting and not enough time for quality preparation for lessons and kids. </t>
  </si>
  <si>
    <t>Kids can do this in their classes and teachers can include tgat with everything else tgey teach, whether grades or not. TRC, good grammar, etc is all taught and not just in Socials and English respectfully, so why not this as well?</t>
  </si>
  <si>
    <t>See previous responses. Use the hours to teach the kids, not teach how to grade or be fancy with report cards.</t>
  </si>
  <si>
    <t>If a kid is special, probably have lots of conferences and other paperwork. Just leave report cards alone.</t>
  </si>
  <si>
    <t xml:space="preserve">Wow. So parents can only have concerns with one item? Amazing. And you like so much reporting for the report cards? Seems hypocritical.too much info except for #3: Wanting % for all rather than just gr10-12. </t>
  </si>
  <si>
    <t xml:space="preserve">Wow. So parents can only have concerns with one item? Amazing. And you like so much reporting for the report cards? Seems hypocritical. Just too much info l. Dislike all except for #3. Wanting % for all rather than just gr10-12. </t>
  </si>
  <si>
    <t xml:space="preserve">the wording is ridiculous. What is a student "emerging" from? And the definition of "extending" does not in any way reflect learning. It seems we either don't know the definition of words or are making up definitions which is an embarrassment in an education institution.  </t>
  </si>
  <si>
    <t>So, a student in grade 9 is proficient and they and their guardians think that's great and then they are in grade 10 and turns out their proficient is "C" or satisfactory instead of the very good "B" they thought they were performing at.</t>
  </si>
  <si>
    <t>Have you talked to post-secondary institutes about how they would like a proficiency scale?</t>
  </si>
  <si>
    <t>This might work for middle school and older. What research do you have for how aware young children are of their behaviour and their ability to self-assess in a meaningful way?</t>
  </si>
  <si>
    <t xml:space="preserve">Have you ever talked to middle schoolers about their goals? even with significant teaching many of them are unsure, ambivalent, or have little hope (especially in many places where familiies struggle with employment and histories with public school.) </t>
  </si>
  <si>
    <t>The vocabulary is terrible. What's wrong with "not yet meeting" "satisfactory" and "good" and "outstanding" these are words that actually define what is happening with learning.</t>
  </si>
  <si>
    <t>Similar to current requirements</t>
  </si>
  <si>
    <t>There is still a lot of inconsistency around the scale. The school I teach at uses Extending to represent within grade level achievement at the highest level. My children's school considers extending to be beyond grade level achievement.</t>
  </si>
  <si>
    <t xml:space="preserve">This is a disconnect with the K-9 report. Percentages make teachers focus on assessments that provide scores/totals (so they can report %) rather than tasks that demonstrate curricular competencies or ability levels. </t>
  </si>
  <si>
    <t>If proficiency scale is optional it won't be reported. You really need to get rid of percentages if you want teachers' instruction and students' learning to be driven by competencies.</t>
  </si>
  <si>
    <t xml:space="preserve">Tracking AND reporting on goals is not practical for secondary teachers. This is formative assessment that teachers already do, and in greater volume than summative assessment (which we report). </t>
  </si>
  <si>
    <t>Vague, don't know how to respond to this without more concrete expectations/language. For example, respond fully vs. respond. You won't ever get "respond fully to individual needs" that is too complex for our classrooms. I agree that a response/adjustment based on individuals needs is required.</t>
  </si>
  <si>
    <t>Depth of reporting</t>
  </si>
  <si>
    <t>I don't see the value in (formally) reporting the extra information. This will take time from other, more valuable parts of my job. Most parents and students skip everything but the summative grade anyway, they aren't looking for this formative material on the report card (parent teacher interviews)</t>
  </si>
  <si>
    <t xml:space="preserve">I would like to see four written reports per year 10-12. </t>
  </si>
  <si>
    <t>about time for grade 9's</t>
  </si>
  <si>
    <t xml:space="preserve">K-12 needs to align throughout.  We have parents and students who understand the performance rubric and then in grade 10-12 we take a step backwards.  If you truly want to redesign teaching and learning then use the performance tools and range of learning.   </t>
  </si>
  <si>
    <t>make it not optional (otherwise you create pockets and us vs them or why should I change my practices)</t>
  </si>
  <si>
    <t>clarification needed - the core competencies should be self-assessed in all classes (some schools are only doing one class a year - to which I say what is the point)</t>
  </si>
  <si>
    <t>more information needed on how this will be done and communicated (template?)</t>
  </si>
  <si>
    <t>get rid of letter grades and percentages and just use the proficiency scale as reporting for grade 10-12.  universities will figure it out and why are we pandering to them?</t>
  </si>
  <si>
    <t xml:space="preserve">5 is a lot. It’s nice to have an update 1/2 way, either through P/T interviews or a report. A message from the teacher if my child appears to be struggling is encouraged and also works  </t>
  </si>
  <si>
    <t>I cannot stress enough how much I hate this system! You might as well hand out emojis! My experience, my child was content to get proficient, in his mind teachers rarely gave extending. He had no gage or motivation to try harder, once in gr 10 his marks reflected the laziness/complacent instilled in</t>
  </si>
  <si>
    <t xml:space="preserve">Letter grades let you know exactly where you stand, and what you need to work on. Yes some teachers mark harder/easier than others but in life you also need to learn to adjust/adapt. </t>
  </si>
  <si>
    <t>Why waste the teachers time to have to work out both, they are already lacking resources. If a child is struggling, spend that time helping them. What does a meaningless sugar coded word do</t>
  </si>
  <si>
    <t xml:space="preserve">I’m not sure I need a student report for this. We have these conversations at home. Any kid is just going to say what the parent/teacher wants to hear and move on. A soft word isn't going to hold them accountable or motivate them to try harder. </t>
  </si>
  <si>
    <t xml:space="preserve">Goals are important. It’s nice to have the school backing that and teaching them how to set them up. </t>
  </si>
  <si>
    <t>Everyone learns at different pace. Ive felt like my children are often are complacent &amp; being held back because the kids who are struggling are taking up much time. Mine could be pushed harder and given/encouraged to do more. Teachers just dont have the resources to cater to all needs at once</t>
  </si>
  <si>
    <t>A little competition is a god thing. Adult life is competitive. Sugar coating grades is not going to help create well rounded children. More resources will. A cushioned word is not going to help them if resources are nonexistent. Get them the help they need instead of worrying about hurting feelings</t>
  </si>
  <si>
    <t xml:space="preserve">3  written reports are too many. </t>
  </si>
  <si>
    <t>it is complicated for parents as they cannot make sense of it.  Especially ELL families.  tney can understand simple terms like meeting or not yet meeting.</t>
  </si>
  <si>
    <t>we need to prepare our children and students for university.  How can they be successful with proper grading and percentage.  It is in continuation with the university grading system.</t>
  </si>
  <si>
    <t xml:space="preserve">unnecessary., additional work for teachers.  </t>
  </si>
  <si>
    <t xml:space="preserve">self evaluation is important as it helps you set goals as well.  It depends how many short term goals you need.  It can vary from person to person. </t>
  </si>
  <si>
    <t xml:space="preserve">unnecessary, additional work for teachers.  it should not be madatory, can be opyional.  I will if i fewel the need for it.  </t>
  </si>
  <si>
    <t xml:space="preserve">for teachers it has always been. </t>
  </si>
  <si>
    <t xml:space="preserve">it takes a lot of your time and effort.  It is not that meaningful .We should have the option to meet with parents if we are concerned or send a quick report of children not a proper report card.  dec. and mar are too quick to make report cards. </t>
  </si>
  <si>
    <t>The range is too broad. Percentages are more specific and give more of an idea where a student currently stands.</t>
  </si>
  <si>
    <t>This is going to be a lot for students to address their progress in relation to core competencies AND set goals in ALL of their classes (secondary setting).</t>
  </si>
  <si>
    <t>It's too much. It's not consistency; it's overboard. Choose ONE: proficiency scale, percentages, or letter grades. It gets confusing for parents, in my experience in communicating with parents.</t>
  </si>
  <si>
    <t xml:space="preserve">At the secondary level, is this is an written report per semester?  Currently, per semester we do one interim and one final report.   As well, doing the written report so early in the semester is too early to have a clear picture to write an accurate assessment. </t>
  </si>
  <si>
    <t xml:space="preserve">If the end goal is a percentage/ letter grade, then teachers need to be able to collect that evidence (with grades) throughout the semester. </t>
  </si>
  <si>
    <t xml:space="preserve">I believe that the ability to set goals with students and families is a goal that is too high.  Students and teachers can set goals as a part of the learning process, but ensuring that families are involved is VERY time consuming to report and communicate.  You need to be realistic. </t>
  </si>
  <si>
    <t xml:space="preserve">I don't see any acknowledgement of decolonization work in this draft. </t>
  </si>
  <si>
    <t xml:space="preserve">Seriously, I only get to prioritize ONE problem.  There are multiple problems that actually lie within the recognition of the actual workload and challenges with communication that are in the REAL world of education.  You are sitting on high making unrealistic requests. </t>
  </si>
  <si>
    <t>This reporting timeline is designed for year long classes. Our district runs semester classes, so the number of reports would need to be adjusted accordingly. 5 reports for a semester class seems like too much reporting</t>
  </si>
  <si>
    <t>This scale is very vague. The feedback provided will be very subjective and will differ from teacher to teacher. There are no clear explanations per subject of what each of the points on the scale represents.</t>
  </si>
  <si>
    <t>Post secondary institutions require percentages for entrance, so i feel that we should keep percentages for all grades</t>
  </si>
  <si>
    <t>as mentioned above, the scale is very subjective and is vague. For grade 12's going into university, a grade of "proficient" means absolutely nothing. They need their percentages to be able to apply for scholarships and to be able to compete for admission</t>
  </si>
  <si>
    <t>The high school students would need to complete a self assessment in each of their subjects. It seems extremely redundant for them to reflect on core competencies 8 times a year, which seems a waste of time, considering it should be the same response for every subject</t>
  </si>
  <si>
    <t>how is this helpful to post-secondary institutions to judge how students are doing? This is a valuable exercise to do for students, but doesn;t need to be included as part of their assessment</t>
  </si>
  <si>
    <t>almost of the above....</t>
  </si>
  <si>
    <t>Frequency depends on the length of the course, and course material. Reporting should align with what works for the course.
Scale is vague and isn't going to be objective to use
Grade 10-12 should keep percentages 
goal setting shouldn't be a part of reporting for high school</t>
  </si>
  <si>
    <t xml:space="preserve">I feel adequately informed of how my children are doing in school, and given enough information to provide help in any areas they may need additional assistance with </t>
  </si>
  <si>
    <t>By secondary school a child needs to start realizing the consequences of thier actions. Studying hard and paying attention in class results in a higher grade. This is essential for thier progression into higher education and eventually the work force.</t>
  </si>
  <si>
    <t xml:space="preserve">The same reasons I strongly disagree with the previous proposal </t>
  </si>
  <si>
    <t xml:space="preserve">It is unessary and just makes more work for teachers   A clean transition between primary and secondary is the way to address this </t>
  </si>
  <si>
    <t xml:space="preserve">Self assessment is always good at any age </t>
  </si>
  <si>
    <t xml:space="preserve">They will be doing this in University and in thier future employment. It makes sense for them to ease into it during school. </t>
  </si>
  <si>
    <t>Inclusion is important.</t>
  </si>
  <si>
    <t>It would do more long term harm than good. A clean change between primary and secondary just makes more sense.</t>
  </si>
  <si>
    <t>I think there are resources that are available for us to use so that parents/families can see their child's progress at any time throughout the year.</t>
  </si>
  <si>
    <t>I think this is a step in the right direction, but I think that we can do better and provide parents/families with a bigger picture of their child's progress. The proficiency scale is great, but can still be limiting in terms of final reporting.</t>
  </si>
  <si>
    <t>I think letter grades and percentages prevent learning and do not provide an accurate assessment of students' progress.</t>
  </si>
  <si>
    <t>I think the proficiency scale should be used instead of letter grades.</t>
  </si>
  <si>
    <t>I agree that our assessment practices need to be inclusive of all learners needs, but I think we can do better.</t>
  </si>
  <si>
    <t>I think we should be using the proficiency scale in all grades.</t>
  </si>
  <si>
    <t xml:space="preserve">It's the status quo, in terms of number of reports required. I am somewhat concerned about how these reports will be structured; particularly, I am worried that teachers will be expected to provide levels of descriptive feedback that are impossible to do under current reporting timelines. </t>
  </si>
  <si>
    <t xml:space="preserve">If adopted with the right mindset, I think this is a positive step; however, without proper training, teachers will simply 're-label' their A -&gt; extending, B -&gt; Proficient, etc. There needs to be education, professional development and time for teachers to implement this properly.  </t>
  </si>
  <si>
    <t>This feels like it is maintaining the status quo purely to ease university admissions processes. It is completely inconsistent with the K-9 order. I would propose that proficiency reporting be the standard for K-12, and encourage universities to develop entrance exams.</t>
  </si>
  <si>
    <t xml:space="preserve">This seems like a meagre attempt to appease teachers who advocate for K-12 proficiency scale reporting. If anything, it is harmful because it will encourage teachers to equate proficiency scale language with percentage scores - more evidence of philosophical inconsistencies. </t>
  </si>
  <si>
    <t xml:space="preserve">This is fine, provided that it does not add to teacher workload. </t>
  </si>
  <si>
    <t xml:space="preserve">Some concerns about having student goals and personal inquiry attached to permanent records. </t>
  </si>
  <si>
    <t>What about students who have severe learning/developmental difficulties? Students who are operating 3-4 years below grade level?</t>
  </si>
  <si>
    <t>Make it consistent for all grades K-12.</t>
  </si>
  <si>
    <t>Ongoing information about my child's progress.</t>
  </si>
  <si>
    <t>So long as the kids understand what they really can do and aren't surprised by it when they get letter grades in grade 10</t>
  </si>
  <si>
    <t>They need it for university</t>
  </si>
  <si>
    <t>It ties the earlier grades to later grades.</t>
  </si>
  <si>
    <t>Depends on how realistic their goals are and if they've been taught how to set measurable goals.</t>
  </si>
  <si>
    <t>It's a good idea but do the teachers really have that much time for individuals, especially in a high school setting? It seems like they barely know the kids.</t>
  </si>
  <si>
    <t xml:space="preserve">Many high schools (8-12) teach within the semester system. Typically such schools report a minimum of 3 times (an Interim report, a Midterm Report and a Final Report), of these, the Interim is comment-based, while the others have a grade as well as comments. Adding 2 more reports seems unnecessary. </t>
  </si>
  <si>
    <t>The Proficiency scale is subjective and  the "Proficient" section too broad. If Extending means going above and beyond the curriculum or just showing a very strong grasp of the topics depends on the teacher. Due to this, the Proficiency scale is not easily transferable.</t>
  </si>
  <si>
    <t>Letter grades and percentages are well understood summaries of a student's success in a particular subject. Comments can add the details of where the strengths and weaknesses are within the subject, but the overall understanding can be represented by a grade.</t>
  </si>
  <si>
    <t xml:space="preserve">When students leave high school they often go to post-secondary education (trades, college, university, etc.). The information going to those institutions must be easily comparable with other students from other schools. </t>
  </si>
  <si>
    <t xml:space="preserve">Depending on how it is done, and the students involved, self-assessment can be very helpful or it can be a waste of time and paper. </t>
  </si>
  <si>
    <t>Do the students make different goals for each class or do they have general goals for the entire school year? Who is in charge of reporting these goals? When are students required to make these goals? Is there any follow-up? If there is follow-up, who does it and when?</t>
  </si>
  <si>
    <t>Teachers and Education Assistants already work to make reporting as inclusive as possible, but there are some courses that are not appropriate for certain students, and changing the reporting will not change that. It would not be very safe for a blind student to take a Metal shop class, for example.</t>
  </si>
  <si>
    <t>Elementary school and high school are not the same. We have the same goal - to educate students - but we have different structures, and class sizes, and requirements. Treating them the same for reporting does not make sense.</t>
  </si>
  <si>
    <t>Don't have enough information on what is expected.  Would need mentorship in order to effectively do reporting this way.</t>
  </si>
  <si>
    <t xml:space="preserve">It creates alot of work for teachers on top of planning and delivering effective instruction.  It also requires simplistic ways to assess in order to cover the number of students in a class and that all teachers are competent and have access to good technology </t>
  </si>
  <si>
    <t>So much writing and reporting when the parents and students don't even seem to value it or look at it. Very time consuming.</t>
  </si>
  <si>
    <t>I don't mind using the performance standards but why add more descriptions... aren't they descriptions already!</t>
  </si>
  <si>
    <t>It has to be one or the other. It is too much assessment.. who is it for? Seems like a make work project.</t>
  </si>
  <si>
    <t>The students do not engage with it, they just do it because they have to.</t>
  </si>
  <si>
    <t>Worth a try.</t>
  </si>
  <si>
    <t xml:space="preserve">I don’t think the proficiency scales provide enough information about how my child is doing. I think grade 8-12 should continue to get letter grades. Gr. 8-10 students need to learn how to set reasonable goals and work hard to attain them before they get into the higher grades. </t>
  </si>
  <si>
    <t>It should be grade 8-12, not just 10-12. Grade 11 marks are often used for entrance to university. That only gives students grade 10 to adapt to being graded on percentages. Students need time to make mistakes, get feedback by their grades and learn from their mistakes before grade 10</t>
  </si>
  <si>
    <t xml:space="preserve">They don’t use proficiency scales in post secondary. </t>
  </si>
  <si>
    <t xml:space="preserve">How exactly would that be different than what is happening now? Students with IEPs already have adaptations made and this is reflected in their report card </t>
  </si>
  <si>
    <t>I want teachers to support child-led learning practice and humanistic approach with a clear performance reporting strategy, that is unified and standardized across BC government. Post-Secondary education is no longer an individual choice of a student, is a must in current competitive economy!</t>
  </si>
  <si>
    <t xml:space="preserve">learning gaps are not choice of a student, they are consequences of teachers choosing to reach provincial learning objectives only with easy students. In-class comparison is discouraged, academic competitions are not popularized enough. Progress of each student is a secret and a personal choice    </t>
  </si>
  <si>
    <t xml:space="preserve">BC kids have to compete with international students and immigrants with a far superior academic background. Science programs at BC PSIs attract best brains from around the globe, while some BC kids have not even mastered math to the sufficient level at high school. Prepare for post-secondary early  </t>
  </si>
  <si>
    <t>Provincial Proficiency Scale must be the only option, no alternatives</t>
  </si>
  <si>
    <t xml:space="preserve">Schools and teachers must set goals for students and be accountable and responsible for taxpayers money spent on educating citizens. Help them to rise to the highest potential! You cannot just keep pointing at drop outs or graduates without Dogwood Diploma that it was their choice all along.   </t>
  </si>
  <si>
    <t xml:space="preserve">I want to see teachers to take responsibility for teaching. I support FSA and other reporting tools. I am tired of hearing that not meeting BC learning objective was a choice of my 5-8 years old kids. Teachers need to explore different pedagogy theories not getting stuck with the one.   </t>
  </si>
  <si>
    <t>I am wondering what this means for the semester system. I teach grade 8-12 in a Surrey high school. Am I to do 5 reports each semester? This is approximately one report every 3-4 weeks.</t>
  </si>
  <si>
    <t>The new curriculum with it's competency driven focus does not align well with percentages - a proficiency scale is much more appropriate for this curriculum.</t>
  </si>
  <si>
    <t xml:space="preserve">If you wish teachers to embrace the competency driven curriculum - calculating percentages (a points gathering system) is directly opposed. How do I give a percentage for perseverence, creativity, making connections between ideas? </t>
  </si>
  <si>
    <t xml:space="preserve">I would like to only use the proficiency scale. No letter grades, no percentages. </t>
  </si>
  <si>
    <t>I am confused on what this will look like in a high school. Does each teacher/course do a separate self-assessment?</t>
  </si>
  <si>
    <t>UDL is very important - there are currently a broad range of ways that students with disabilities/IEP's are being assessed. Some alignment across the province would be beneficial.</t>
  </si>
  <si>
    <t>curricular competencies are difficult to assign a percentage to. Student A gets 60% for perseverence... makes no sense.</t>
  </si>
  <si>
    <t>letter grades and percentage much more usefull</t>
  </si>
  <si>
    <t xml:space="preserve">I think this is useless. </t>
  </si>
  <si>
    <t xml:space="preserve">teachers should be setting the goals, not students. </t>
  </si>
  <si>
    <t xml:space="preserve">Should be reporting letter grades and percentages from grade 4 onward. </t>
  </si>
  <si>
    <t xml:space="preserve"> Because this is not clearly enough articulated nor thought through at this time. </t>
  </si>
  <si>
    <t xml:space="preserve">The scale here is not well honed. 
This is the language we have been using and so it makes sense to keep it harmonized.  </t>
  </si>
  <si>
    <t xml:space="preserve">Two systems doesn’t make sense. </t>
  </si>
  <si>
    <t xml:space="preserve">Uneven and challenging to implement with this. </t>
  </si>
  <si>
    <t xml:space="preserve">Student voice and reflection is incredibly important. 
Reporting that self assessment will be a huge burden on teacher time in many contexts and press on workload issues. </t>
  </si>
  <si>
    <t xml:space="preserve">Goals are important. How this is stated and handled will have significant impact on teacher workload. </t>
  </si>
  <si>
    <t>It is sufficient for everyone's needs</t>
  </si>
  <si>
    <t>Marks mean so little - actually reporting of skills, needs, progress is much more valid.</t>
  </si>
  <si>
    <t>Status quo is fine here</t>
  </si>
  <si>
    <t>Hard to do well... but important.</t>
  </si>
  <si>
    <t>We need more reporting to be honest. I say this as a young educator in the school system worried about the quality of education. If we stop reporting as much how will we know how well we are doing? This is just a way of becoming blind to our problems.</t>
  </si>
  <si>
    <t>I am not sure how I feel about this in these grade areas.</t>
  </si>
  <si>
    <t>We continue to use this method because it works. Yes it has flaws but no system is perfect. We need to be able to track student knowledge and growth. We need to focus on social emotional learning but we also need to emphasize academic knowledge and quality. So yes I do like our grading system.</t>
  </si>
  <si>
    <t xml:space="preserve">We need to keep the existence of grades, at the very least in these upper high school grades. We need to be able to track academic growth and abilities. We need to know where a student is and a proficiency scale simply will not do that to the same extent. </t>
  </si>
  <si>
    <t xml:space="preserve">We need to ensure that we maintain our standards of education. We cannot rely on highly subjective self-analysis from minors as the basis of our academic reporting. (these students, it is worth noting, are not yet fully developed cognitively or in terms of responsibility and maturity). </t>
  </si>
  <si>
    <t>I think this can be helpful to some extent but not enough to warrant being implemented. Students will set low standards for themselves so that they can avoid any work or actual growth. They simply do not know what is best for them.</t>
  </si>
  <si>
    <t>I believe in the importance of inclusion and think we need to do what we can to include students with disabilities. I think we're doing well already.</t>
  </si>
  <si>
    <t>Would like more clarity around what meets the standard for the non written reports.</t>
  </si>
  <si>
    <t>Much more support for teachers needed on how to meaningfully support students to  self-assess the core competencies</t>
  </si>
  <si>
    <t>Love the idea.  Teachers need a lot of directed pro d to achieve this goal.</t>
  </si>
  <si>
    <t>As a teacher I would not have time to write reports for 210 students that I am responsible for each year.</t>
  </si>
  <si>
    <t>As a teacher I need time to practice with the proficiency scale. For example, right now, at my school emerging is a passing grade. I understand that it isn't provincially.  It is kind of a problem. It takes time to change the mindset of teachers, who then have to communicate this change to students.</t>
  </si>
  <si>
    <t>I think letter grades are not necessarily useful.  There is far too much cheating going on.  Also students learn better when they don't have the pressure of having to earn a certain letter grade.</t>
  </si>
  <si>
    <t>I think letter grades are not necessarily useful.  There is far too much cheating going on.  Also students learn better when they don't have the pressure of having to earn a certain letter grade. Letter grades easily communicate achievement to parents which is much harder with a proficiency scale.</t>
  </si>
  <si>
    <t xml:space="preserve">It seems like a good idea but students need to learn how to self assess which can take a long time.  </t>
  </si>
  <si>
    <t>Goal setting is good for learning.</t>
  </si>
  <si>
    <t xml:space="preserve">That seems like a reasonable goal but how much time do you think teachers have?  All that individualization takes time.  </t>
  </si>
  <si>
    <t>I tried to choose more than one thing to change.  I guess you didn't want to hear that....The proposed reporting policy will take too much time and will not communicate student learning effectively to parents, even though it is good for learning outcomes.</t>
  </si>
  <si>
    <t xml:space="preserve">Not enough granularity to provide student with direct and motivating feedback about how they are doing in class. My daughter is motivated by traditional marks. </t>
  </si>
  <si>
    <t xml:space="preserve">This prepares them for the real world of post secondary education. The reality is they are assessed for college/university admission based on traditional marks and percentages. </t>
  </si>
  <si>
    <t xml:space="preserve">This is an increase in the number or report cards. The idea was to increase the formative assessment, but by increasing the frequency, this will detract from time teachers can spend doing other more useful tasks. </t>
  </si>
  <si>
    <t>Standards based grading helps support life long learners</t>
  </si>
  <si>
    <t>What's the point of doing thing sin half measures? Why not go for proficiency scale at senior level too?</t>
  </si>
  <si>
    <t xml:space="preserve">This defeats the purpose of this is combined with percentages. Either have one or the other. This will just create a ton of extra work and demean the proficiency scale. </t>
  </si>
  <si>
    <t>This is already done in class</t>
  </si>
  <si>
    <t>Whilst this is beneficial, where does the impetus and time come from to do this?</t>
  </si>
  <si>
    <t>I like this idea. I'm interested to know more about what this looks like.</t>
  </si>
  <si>
    <t xml:space="preserve">I don't know enough about it.  </t>
  </si>
  <si>
    <t>My son graduated last year and i understand his grades.  This new system is confusing and hard to follow.  I don't see the value in using it, then going back to letter grades.  It's just unwanted confusion.</t>
  </si>
  <si>
    <t>My daughter is quite intelligent and needs to be challenged.  By being responsible for her learning goals, she can help others or further her own goals.</t>
  </si>
  <si>
    <t xml:space="preserve">Waiting for a report is a waste of teachers time. It doesn’t make a difference and every child moves forward. A simple email to say “your child could use more practice with math” is enough. </t>
  </si>
  <si>
    <t xml:space="preserve">This scale seem like it’s open to subjective interpretation. </t>
  </si>
  <si>
    <t xml:space="preserve">Standard grades for post secondary acceptance </t>
  </si>
  <si>
    <t xml:space="preserve">Letter grades already indicate whether you are approaching or meeting expectations. Redundant waste of teachers time to include more reporting that let’s face it, most parents don’t even look twice at. </t>
  </si>
  <si>
    <t xml:space="preserve">It’s good for students to be aware of their goals but also for teachers to understand the self esteem that a child has which may inhibit their learning when they live in negative mindset. </t>
  </si>
  <si>
    <t xml:space="preserve">Goals with action steps is good for personal development </t>
  </si>
  <si>
    <t xml:space="preserve">Teaching one curriculum for all learners is what’s wrong with the education system. We know people learn in different ways. It would be wiser to assess children and choose classroom peers who learn the same then teach to their strengths. </t>
  </si>
  <si>
    <t xml:space="preserve">Goal setting is what will motivate the student to improve and set action plans. Take ownership for their learning. That is a skill they can benefit from for their entire lifetime. A checkmark beside an approaching has no bearing on desire to improve and it’s a redundant waste of teachers time. </t>
  </si>
  <si>
    <t>I think it is important to space out the written summary of learning for different subjects as we complete units rather than 2 learning updates plus the year end that involve all subjects at once</t>
  </si>
  <si>
    <t xml:space="preserve">We are using a scale very close to this already </t>
  </si>
  <si>
    <t>I teach K-3</t>
  </si>
  <si>
    <t xml:space="preserve">I am constantly doing self-assessment with my students but I don’t feel it needs to be included with formal reporting as it does not feel authentic to students </t>
  </si>
  <si>
    <t>We do this already and I don’t feel it needs to be formally added to the load</t>
  </si>
  <si>
    <t xml:space="preserve">First 25% of year to have a formal written report is not realistic in primary classes where we are working on building connections and routines </t>
  </si>
  <si>
    <t xml:space="preserve">I think a midterm and final report is sufficient </t>
  </si>
  <si>
    <t xml:space="preserve">I think this helps students understand their learning beyond numbers and letter grades. </t>
  </si>
  <si>
    <t xml:space="preserve">I prefer proficient scales but I understand the necessary evil of percentages in post secondary institutions. I think this is something that will need to be worked on in the future. </t>
  </si>
  <si>
    <t xml:space="preserve">I am already doing this in my classroom and I find it has been helpful for students. </t>
  </si>
  <si>
    <t xml:space="preserve">Self assessment is an invaluable tool for students and their metacognition of their learning. </t>
  </si>
  <si>
    <t xml:space="preserve">I have already been doing this with students and I think it will help to keep them on track and manifest their goals. </t>
  </si>
  <si>
    <t xml:space="preserve">I think this is an important tool to capture student's progress and goals. </t>
  </si>
  <si>
    <t xml:space="preserve">We need to move away from percentages as they are not valuable measures of student's progress and the learning becomes about the grade versus the proficiency in a subject. </t>
  </si>
  <si>
    <t>Fully written reports for high school are not feasible. The current model works well.</t>
  </si>
  <si>
    <t>Letter grades in grades 8 and 9 already provide feedback on a students progress. Changing letter grades to a proficiency scale will not change their feedback. Teachers already use descriptive feedback on formative assessment where it has a greater impact on student learning.</t>
  </si>
  <si>
    <t xml:space="preserve">Changing percent to a scale usually muddies the waters when a percentage has to be assigned for post secondary admission. </t>
  </si>
  <si>
    <t>How would students set a goal without first being taught what their goals might be and how to achieve them? Most students set goals when completing work habits rubrics.</t>
  </si>
  <si>
    <t xml:space="preserve">The new reporting order makes more work for teachers. We will spend more time creating these scales and writing reports instead of our jobs which is to teach and communicate with students. </t>
  </si>
  <si>
    <t>The five reporting periods outline similar expectations currently in place.  Two written reports with more frequent informal reports would support a more ongoing assessment process.</t>
  </si>
  <si>
    <t>The consistent language for assessment across the province will be beneficial in many ways.  We need to ensure that there are clear and concise explanations about what each proficiency level means for both teachers and families.</t>
  </si>
  <si>
    <t>The idea of using a proficiency scale in Garde 10 -12 in addition to letter grades and percentages will add a layer of complexity for all involved.  I believe the default would be simply to convert letter grades into proficiency scales or vice versa, rather than the true intention of the scales.</t>
  </si>
  <si>
    <t>Student self assessment should be ongoing part of the assessment process. Mandating them into the report card makes this a check box item rather than a truly meaningful part of learning.  Teachers will interpret this as an added workload.  My Ed will not support this to make this efficient.</t>
  </si>
  <si>
    <t>Goal setting should be part of the assessment process. Mandating them into the report card makes this a check box item rather than a truly meaningful part of learning.  Teachers will interpret this as an added workload.  My Ed will not support this to make this efficient.</t>
  </si>
  <si>
    <t>We will need to support teachers with what this means and what this looks like.  Clear and common understanding will be necessary.</t>
  </si>
  <si>
    <t>Frequency of reporting needs to align with learning.  Ongoing and flexible communication would be beneficial.  What about semester and quarter systems?  The summative report becomes quite complex - teachers will need to include info from the last reporting period AS well as an overview of the year.</t>
  </si>
  <si>
    <t xml:space="preserve">- 3 formal reports rather than the current 2 formal, 1 parent-teacher conference, and 2 OCSLs which can be done over 2 months
- disagree with timing of first report as it is too early in the year for primary
- increase in workload to communicate in all subject areas
</t>
  </si>
  <si>
    <t xml:space="preserve">I have been using the above language for the past several years and feel it reflects a continuum of learning. </t>
  </si>
  <si>
    <t>While we cover the core competencies regularly throughout the year, spending time completing a piece of paper reflecting this as proof is not useful in lower primary. It is time consuming and takes away from other learning opportunities.</t>
  </si>
  <si>
    <t xml:space="preserve">This again creates a higher workload, and adds yet another time when teachers need to work one on one with students. It is extremely challenging working  one on one with a student to set goals while 21 other small children are engaging in meaningful learning activities independently. </t>
  </si>
  <si>
    <t xml:space="preserve">I'm fine with it being the same. </t>
  </si>
  <si>
    <t xml:space="preserve">One concern is with the transition to grade 10, and what that will mean for students, but overall I am fine with the move to proficiency scale. Another concern is how to have consistency across different schools and district as to the meaning of each of the terms (emerging, dev., prof, &amp; ext). </t>
  </si>
  <si>
    <t xml:space="preserve">I am worried about the mixed messaging of using proficiency scale for up to grade 9 then moving away after. Are we still expect to use proficiency scale and then convert to a percent? Is it business as usual? This is unclear. </t>
  </si>
  <si>
    <t xml:space="preserve">What does this means for teachers and schools? Will different courses be reporting differently within a school? With a given school have to be consistent? Will we be expected to use proficiency scale AND percent? </t>
  </si>
  <si>
    <t xml:space="preserve">I think this is a great piece to include in reporting. Students need to develop self-awareness in their learning and this will help to formalize that. </t>
  </si>
  <si>
    <t>This piece is still unclear to me. What will this goal setting look like. Right now it is too vague. Is there a single format across the province? Is this K-12? Or only senior grades?</t>
  </si>
  <si>
    <t xml:space="preserve">I think this is great, but what will be the supports and education given to teachers to implement this equitably. </t>
  </si>
  <si>
    <t xml:space="preserve">It is too unclear. What is expected here? The conflict between 2 types of reporting (proficiency scale and percentages) will create confusion and conflict. </t>
  </si>
  <si>
    <t xml:space="preserve">I have not been taught how to use this assessment model. </t>
  </si>
  <si>
    <t>This allows teachers to implement assessment in the manner which best suits them and their students.</t>
  </si>
  <si>
    <t xml:space="preserve">I have absolutely no idea how to do this. </t>
  </si>
  <si>
    <t xml:space="preserve">Difficult to implement </t>
  </si>
  <si>
    <t xml:space="preserve">It will increase teacher workload exponentially. We already have far too much work on our plates. </t>
  </si>
  <si>
    <t>I think it better indicates student skills and progress</t>
  </si>
  <si>
    <t xml:space="preserve">It is required for university. </t>
  </si>
  <si>
    <t>This is not always done in a meaningful way by students</t>
  </si>
  <si>
    <t xml:space="preserve">Goal setting is incredibly difficult for students. </t>
  </si>
  <si>
    <t>Teachers already do this</t>
  </si>
  <si>
    <t>It's inpact on teacher workload will be untenable.</t>
  </si>
  <si>
    <t>Doesn’t make clear how well a student is doing</t>
  </si>
  <si>
    <t>Clearly shows how student is performing</t>
  </si>
  <si>
    <t>Most students don’t care and don’t put effort into it</t>
  </si>
  <si>
    <t>Students make up random stuff and never follow through</t>
  </si>
  <si>
    <t>The real world isn’t like this you have to be able to perform in situations that you are uncomfortable in</t>
  </si>
  <si>
    <t>Communicating student learning is important and valuable. I like to share this type of info every 2 months with parents so 5 learning updates in total works for me!</t>
  </si>
  <si>
    <t xml:space="preserve">A four point scale is terrible. There is no "middle" for a teacher or parent to really understand where their child is at. A lot of my students are in between developing and meeting...they are close to meeting but not quite but it doesn't feel right to say they are developing either. </t>
  </si>
  <si>
    <t>This gives a better understanding of how much they know and how they are doing than telling parents their child is meeting expectations or is developing. What does that really mean in Grade 10 anyways? Makes sense in Kindergarten but not high school.</t>
  </si>
  <si>
    <t>Not interested in proficiency scale for 10-12. That's not how they do it in university and we do need to prepare many of these kids for post-secondary education. I'm sure it would be a shock to someone that has been meeting expectations to find out they are only getting 65% in a class.</t>
  </si>
  <si>
    <t>Self-Assessment is VERY difficult for young children (even for teenagers...but they are more capable of thinking about it). In Kindergarten, I struggle to get this sort of information from my students without really just guiding them through the process instead of them thinking about their thinking.</t>
  </si>
  <si>
    <t>This is not a bad idea and might be more manageable for younger students. They are able to think about things they want to be able to do in the future so I would prefer to do goal setting over self-assessment of the core competencies. That is even hard for me to think about and evaluate myself.</t>
  </si>
  <si>
    <t>I think teachers already do a good job of this. We understand our student's needs and report on their learning based on those needs and the strategies in place for them.</t>
  </si>
  <si>
    <t>Self-Assessment is a very abstract concept and is challenging even for adults so to ask teachers to teach students how to self-assess and then have them accurately self-assess their strengths, growths, and core competencies is a challenge. My students are either awesome or terrible no in between.</t>
  </si>
  <si>
    <t>In a semester system, 5 times is not realistic over a year. 4 times would be sufficient. Once half way through and once again at the end. These students are in Grade 10 or up and know they need to be responsible for their work.</t>
  </si>
  <si>
    <t>I never liked it when my child was meeting expectations as I didn't really know what that meant? Was he 60% meeting them? 80%? Was developing meaning he was less than 50%? It was so arbitrary and did not help me as a parent know what or how much he knew or what he could work on.</t>
  </si>
  <si>
    <t>This lets them know where they stand and they are able to process a number way better than meeting expectations. I know of students that were meeting expectations in high school and went to university only to fail or get in the 60s and be devastated. There needs to be more info and numbers are info.</t>
  </si>
  <si>
    <t>No thank you. Not for Grade 10 and up. Way too wishy-washy. One teachers expectation for meeting expectations can be very different than another teachers expectations for meeting.</t>
  </si>
  <si>
    <t xml:space="preserve">It would be interesting to see what my kids could come up with but they have always struggled to think about their thinking and as teenage boys, they really don't seem to care about self-assessment and I don't know that it's even developmentally appropriate. </t>
  </si>
  <si>
    <t>Goal setting seems like a more reasonable plan than self-assessment. It is more of a process that can be revisited many times throughout a year.</t>
  </si>
  <si>
    <t>I do not want to see a proficiency scale for my kids in Grades 10 and up.</t>
  </si>
  <si>
    <t>My children, as well as myself, need something more tangible,  something to strive for ( get that A on the report card).  It is much easier to figure out how your child is doing in school when a percentage is given, rather than a generalized idea, like 'proficient '.</t>
  </si>
  <si>
    <t>As long as a percentage or letter grade is also given,  I see no harm in giving a proficiency scale grade as well.</t>
  </si>
  <si>
    <t>I see the benefits of having the students give an opinion on how they think they are doing. In my daughters case, as is the case with many kids these days, she thought she was doing way better than she actually was. ( another good reason for a percentage, it is hard for her to gauge how she's doing)</t>
  </si>
  <si>
    <t>It seems like the classrooms are being overrun with students that need more individualized attention ( and taking away from the rest of the class - leaving the quiet children behind)</t>
  </si>
  <si>
    <t>Letter grades and percentages from grade 6 and up</t>
  </si>
  <si>
    <t>I think it’s sufficient, more would be great though.</t>
  </si>
  <si>
    <t xml:space="preserve">More support for different learning styles pertaining to children with special needs or learning disabilities and mental health issues. </t>
  </si>
  <si>
    <t xml:space="preserve">Providing this amount of feedback in high school is WAY too much!!!!! High school teachers have 7 different classes a year, with over 30 students in each of those classes, that is over 210 students in the school year!!!! SERIOUSLY! </t>
  </si>
  <si>
    <t>This kind of reporting is SO elementary!  Students in high school truly don't care, and think it's a joke.  They want to know what their percentage is, not if the are 'applying', they don't CARE!!!!</t>
  </si>
  <si>
    <t>YES, all high school students should be reported this way (grades 8-12), this is how they do it in real life, in technical institutes, in universities, in colleges, everywhere around the world, why would we do anything else????!!</t>
  </si>
  <si>
    <t>Teachers don't have time for this, students could care less, and it means nothing to post secondary.  210 report cards, 5 times a year, in this way??? REALLY??</t>
  </si>
  <si>
    <t xml:space="preserve">I don't think that students really think this is important, nor do they care, ask them. </t>
  </si>
  <si>
    <t>Goals are important, assessing them is important, i agree.</t>
  </si>
  <si>
    <t>Assessment is always modified for those with disabilities, and given based on individual needs.</t>
  </si>
  <si>
    <t>It's way to much to ask of teachers, way way way too much.  210 students a year.  Give extra days in the year where teachers can spend quality time doing this, don't take EVEN MORE time away from my own family.  The provincial proficiency scale for 8-12 is not feasible, not if you want it done well.</t>
  </si>
  <si>
    <t>Two formal written, one in January and the summative final report in June is plenty when you have a verbal meeting in November and a student led three way conference in April, plus ongoing formative reporting via online portfolios throughout the year.</t>
  </si>
  <si>
    <t>We are not communicating clearly when a child is not at grade level. Emerging and developing indicates that the student is on there way. If you are not proficient by June you are not at grade level, parents need to know this and there should be remediation, not pushing on into the next grade.</t>
  </si>
  <si>
    <t xml:space="preserve">This provides clarity on where a student is in regards norms and standards. This should be in place well before 10th grade. </t>
  </si>
  <si>
    <t xml:space="preserve">Proficiency scale doesn't offer any concrete information about students' performance as it relates to standardized benchmarks.
</t>
  </si>
  <si>
    <t xml:space="preserve">Young students don't have the metacognition to do this accurately. </t>
  </si>
  <si>
    <t xml:space="preserve">These skills need to be scaffolded throughout the years and done so consistently. Already teachers struggle to cover the breadth of the curriculum in meaningful ways. </t>
  </si>
  <si>
    <t xml:space="preserve">There is not enough support available in schools to properly provide IEP programs let alone assess them authentically. Inclusion is lip service in BC schools until proper funding and support is made available. </t>
  </si>
  <si>
    <t xml:space="preserve">Bring back failing at all levels. Have standards that are expected to be met and consequences if they are not. </t>
  </si>
  <si>
    <t>If failing was an option, both parents and students would put more effort into education. Lack of standards equals apathy. It also creates teacher burnout when they are expected to teach multi aged groups year after year because the disparity in student learning is so great.</t>
  </si>
  <si>
    <t>I am a teacher.  I want to teach not spend all my time doing reports that parents don't even care about.
Bring back letter grades.  That is a concrete way for parents and children to know how they are doing.
You know the saying, if it works don't fix it.  All you are doing is stressing teachers out</t>
  </si>
  <si>
    <t>What do those words even mean.  Kids and parents could give a dam about them.  What about
kids that fall in between.  It is extremely frustrating especially for students when they look at that
scale which does not speak to the learner.  It speaks to the Ministries need for control and data</t>
  </si>
  <si>
    <t>Elementary students don't know how to self assess.  They don't think that deeply (the majority of them)  They are not required to think deeply
as everything is done for them at home.  As long as they are happy, they really don't need to think deeper than that.  They don't know how to
assess.</t>
  </si>
  <si>
    <t>As I said above, students are not deep thinkers and they really don't care about goals.  As long as their needs
are met they have no reason to make goals for themselves.  Generally they are resistant with comments like
"I don't have any goals" "There is nothing I want to do better"  "Who cares?"</t>
  </si>
  <si>
    <t>Impossible to fulfill that within the context of a crowed classroom and the diversity, abilities and disabilities of learners.
One teacher cannot get that done, they would need release time to do it justice.</t>
  </si>
  <si>
    <t>There are 4 things I would change.</t>
  </si>
  <si>
    <t xml:space="preserve">I am a teacher, not a Data collector.  Who writes these drafts?  Have they ever been in a classroom.
Perhaps Ministry people should be writing reports on what they do and let the teachers see them.
It is a make work project, nothing more.  I am not the only one who thinks this.  We will push back.
</t>
  </si>
  <si>
    <t xml:space="preserve">I like the scale but the language is very difficult for parents at my school to understand.   If the objective is to create report cards that parents can understand better, the new report is not achieving that goal in my school community. </t>
  </si>
  <si>
    <t>My ed bc report card</t>
  </si>
  <si>
    <t xml:space="preserve">I would change the MyED bc report card for Kindergarten.  I would include a box where teachers provide information on student growth in the core competencies in bullets.  The current report card makes it difficult to report on the development of the whole child. </t>
  </si>
  <si>
    <t xml:space="preserve">The “report” is too vague. It doesn’t hold children accountable. </t>
  </si>
  <si>
    <t>I feel that 4 options does not accurately describe where the child is struggling/progressing. Again the scale is vague. Letter grades for 3-12 would be beneficial to the children’s learning, accountability and more accurate description of where the child is struggling/maintaining/excelling.</t>
  </si>
  <si>
    <t>I do not believe that they can be mindful of boundaries unless there is an extremely clear line made. The scale doesn’t create enough worry for “grades” or excitement for succeeding.</t>
  </si>
  <si>
    <t>3-12 grade and percentage is more beneficial in my opinion.</t>
  </si>
  <si>
    <t>This does not prepare students for the realities of academic life in the higher grades and beyond. Letter grades and percentages are a much more accurate indication of student ability / progress. The system should not be used beyond grade 7.</t>
  </si>
  <si>
    <t>This reflects the realities of academic life they will experience beyond high school.</t>
  </si>
  <si>
    <t>Not necessary as the letter grades / percentages will provide more than adequate assessment of the students' learning and capability.</t>
  </si>
  <si>
    <t>The students find this tedious and many just simply write something down to get it done. Not much meaningful thought goes into the process, especially when done multiple times in the year.</t>
  </si>
  <si>
    <t>It is good for students to have goals. these should not be formally reported.</t>
  </si>
  <si>
    <t xml:space="preserve">I prefer a more precise and shorter method of reporting. The Proficiency Scale using the words Emerging, Developing, Proficient, and Extending are too subjective. Percentage marks give a better overall idea of student achievement that aligns with the high school and can be understood by everyone. </t>
  </si>
  <si>
    <t>Get rid of the Proficiency Scale in the 7-9 grade rangees.</t>
  </si>
  <si>
    <t>Students do not take this seriously. They do not have the maturity to really get much out of this activity.</t>
  </si>
  <si>
    <t xml:space="preserve">I think K-7 could use the proficiency scale, but 8-12 needs letter grades. Please align the proficiency scale with the performance standards. We need consistent language and the performance standards were an extremely useful assessment piece but we need them
updated. </t>
  </si>
  <si>
    <t xml:space="preserve">I believe letter grades need to be for grade 8-12. If students only begin getting letter grades for grade 10- it’s often too late for them
to change their academic habits when those final 3 grades are the most important part of their post secondary assessment/application </t>
  </si>
  <si>
    <t>report cards are a snapshot of student learning. Moving forward, Students need 1 requirement to reflect on for self assessment- it can’t be a student perspective AND a core competency reflection AND a different goal setting activity. It needs to be 1 clear activity/requirement that encompasses all 3</t>
  </si>
  <si>
    <t xml:space="preserve">This needs to be incorporated into the core competency activity- there are too many extra requirements. How can we simplify these into one activity that includes self assessment, core competency reflection and goal setting? Especially for the elementary students </t>
  </si>
  <si>
    <t xml:space="preserve">We believe that spacing out the progress reports allows us to intervene on a timely manner if our child needs support. </t>
  </si>
  <si>
    <t>We are not a fan of the proficiency scale. Saying "proficient" does not give enough information and the scale is to broad. We understand that grades might be unmotiviating for struggling students, but "Proficient" does not motivate those students who are higher achievers. Some teachers do not write.</t>
  </si>
  <si>
    <t xml:space="preserve">For the point above! Universities require. Plus, kids know how they are doing. 86% is different than 99%, and kids / parents should have that information. </t>
  </si>
  <si>
    <t xml:space="preserve">That's just adding extra work for teachers. I think adding scale is reduntant. </t>
  </si>
  <si>
    <t xml:space="preserve">Self assessment and self reflection are important for continued growth. </t>
  </si>
  <si>
    <t xml:space="preserve">Having teachers monitor goals is an urealistic ask. Parents should be doing this as part of their parenting role. I am ok with teachers helping kids make a goal, but monitoring should be up to the parent. </t>
  </si>
  <si>
    <t xml:space="preserve">Reason? Because it is morally the right thing to do. </t>
  </si>
  <si>
    <t xml:space="preserve">"Proficient" is too board a term and has not realy meaning. Is my child average or doing really well in comparison to kids their age? "Proficient does not give me that information.
Adding the scale to percentages in 10-12 is reduntant and a waste of a teacher's time. Teachers work hard enough. </t>
  </si>
  <si>
    <t xml:space="preserve">I would support this change if some other requirement was removed from the curriculum.  Assessing the core competencies throughout the year is certainly valuable AND our instructional time is all spoken for already with both academic and social/emotional learning. </t>
  </si>
  <si>
    <t>Same answer as the last one - very valuable but remove something else so there is time for this.</t>
  </si>
  <si>
    <t>I fully support this and in my experience, there will never be enough money to do so.  Students who need testing for learning disabilities sit on waiting lists for years and struggle to learn like their same-aged peers without answers as to why they learn differently; this impacts their self-esteem.</t>
  </si>
  <si>
    <t>Money is needed to support the highest-needs students - violent students must be removed from regular classes until they are no longer choosing violence as a strategy for resolving conflict.  Access to special intensive programs is necessary.</t>
  </si>
  <si>
    <t xml:space="preserve">Proposed timing is erratic and confusing 
</t>
  </si>
  <si>
    <t xml:space="preserve">Confusing
We need to stop using jargon our students and parents do not understand </t>
  </si>
  <si>
    <t xml:space="preserve">We must avoid jargon in reporting </t>
  </si>
  <si>
    <t xml:space="preserve">The scope of core competencies is overwhelming for teachers, students and parents </t>
  </si>
  <si>
    <t>K to 3 students cannot reflect in a personally meaningful manner</t>
  </si>
  <si>
    <t xml:space="preserve">Changing amounts of reports is not the problem. Teachers need more time and support to create a well planned detailed report. Time to communicate individually with their students for testing and time to talk to parents throughout the school year. </t>
  </si>
  <si>
    <t xml:space="preserve">The scale gives very little feedback about our students strengths and weaknesses. We need more details and support to help our children succeed. </t>
  </si>
  <si>
    <t xml:space="preserve">All grades should have a letter and percentages. </t>
  </si>
  <si>
    <t xml:space="preserve">This scales doesn’t give students nearly enough feedback. </t>
  </si>
  <si>
    <t xml:space="preserve">Could be helpful to self monitor, as with anything in life. </t>
  </si>
  <si>
    <t xml:space="preserve">Students being mindful of their goals and steps to achieve them is always good. </t>
  </si>
  <si>
    <t xml:space="preserve">Special needs often require special reporting. One system may not work best for everyone. Inclusion doesn’t mean lumping everyone under one big umbrella, it means including everyone in the process to achieve a positive result. </t>
  </si>
  <si>
    <t xml:space="preserve">Bring back letter and percentage grades for grade 4-12. </t>
  </si>
  <si>
    <t xml:space="preserve">Percentage and letter grades are the international reporting structure and it works. It’s standardized and works well in all levels of education. 
</t>
  </si>
  <si>
    <t>This is about letting the students feel good about themselves, not facing the realities of their results. Percentages should be used at least from Gr 8 up to get students used to the realities of future academic life.</t>
  </si>
  <si>
    <t>See previous comments above.</t>
  </si>
  <si>
    <t>I can talk to my child to ask this. I prefer to get the professional input if a teacher on an official report card.</t>
  </si>
  <si>
    <t>Many students will not set the bar high enough and do not have the maturity for this. The Ministry must take ownership of learning and not try to pass it off to students.</t>
  </si>
  <si>
    <t>Unspecified consistent dates and unknown what the written components would have to include.</t>
  </si>
  <si>
    <t xml:space="preserve">It’s open to interpretation, little training, confusing to parents! Some teachers just translated it to letter grade equivalents! </t>
  </si>
  <si>
    <t xml:space="preserve">It seems quite contrived for our primary students!! And irrelevant to parents, as it is teacher driven and redundant! </t>
  </si>
  <si>
    <t>Again, this is too challenging for primary students, it still needs to be teacher driven for intermediate students! And high school students &amp; teachers seem uninterested and frustrated in this “hoop” they have to jump through!</t>
  </si>
  <si>
    <t>I think it’s a great idled ax but where are the specifics, how will this occur, will teachers receive training and will it be consistent through out the province. And is this adding to teacher workload and stress, too many unknowns!</t>
  </si>
  <si>
    <t>Time
Resources
Accountability of students</t>
  </si>
  <si>
    <t>The workload for teachers is already untenable. This is another way that students will have less accountability for learning and blame for lack of progress placed on teachers. Not helpful.</t>
  </si>
  <si>
    <t>Time
Training
Limited resources</t>
  </si>
  <si>
    <t>The expectations are becoming more of a checklist to just get done and less about growth.</t>
  </si>
  <si>
    <t>This puts every student on an individualized plan. We do not have the resources.</t>
  </si>
  <si>
    <t>Students already have competency based IEPs</t>
  </si>
  <si>
    <t>I would have chosen more but was limited to one. This is biased by limitation.</t>
  </si>
  <si>
    <t xml:space="preserve"> Self assessment (SA) must be on the same document, and signed by parents (SP), so the process is as follows: 1. teacher type assessment, 2. student SA, 3. teacher copy SA 4. student goes home to get SP 5. teacher copy 6. record. This creates work, opportunity for error. Request pay or prep time.</t>
  </si>
  <si>
    <t xml:space="preserve">Categories place emphasis on competency. Previous systems place more emphasis on work ethic, not as beneficial at the k-9 level: work ethic is a function of lack of trauma, etc. and poor grades resulting from low evaluations contribute to feelings of failure and then further disengagement. </t>
  </si>
  <si>
    <t xml:space="preserve">Letter grades and percentages are a requirement when applying to many post-secondary institutions. </t>
  </si>
  <si>
    <t>Moving towards assessment in words, such as letters of recommendation, allow for more context. My hope is that this kind of reporting will eventually be relevant to post-secondary institutions.</t>
  </si>
  <si>
    <t>Self-assessment and metacognition is helpful. Low effort self-assessment serves as an example that can be given to parents, students, administration directly (eg: look how little effort is put into answering self-assessment questions. This is the quality of work this student puts forward)</t>
  </si>
  <si>
    <t xml:space="preserve">Request additional pay or prep time for additional work on teacher's behalf. </t>
  </si>
  <si>
    <t>Assessing students in a way that makes sense for them is best, good for confidence levels. In grades 10-12, I worry too much flexibility will not be useful to post-secondary institutions or those students who apply to them (students should have some preparation for less flexible assessment).</t>
  </si>
  <si>
    <t>Additional pay or prep time for additional work for teachers.</t>
  </si>
  <si>
    <t>When pay and preparation time were most recently negotiated, the job lacked some of the extra work associated with these assessment practices. I understand the utility of these practices, but would teachers to be compensated for the additional work they will be required to do.</t>
  </si>
  <si>
    <t>This sounds to me like “One size fits all”, and I am not sure if it will work out for everyone. I would prefer more broader choices for students.</t>
  </si>
  <si>
    <t>This proposed option is more reasonable than the two summaries and 17 snapshots I am currently doing.</t>
  </si>
  <si>
    <t>Those performance indicators are already being used in my reporting of student learning. I am not fond of the term proficiency as there is a large jump between developing and proficient.</t>
  </si>
  <si>
    <t>This is also a part of our reporting repertoire but is time consuming and difficult for most early primary children.</t>
  </si>
  <si>
    <t>Again we do Next Steps currently. I do not like that students set the goal unless teachers have a say in the goal setting.</t>
  </si>
  <si>
    <t>Inclusive education…I did not realize that it was not being done already.</t>
  </si>
  <si>
    <t>I do not think young children have the knowledge to chose relevant goals for themselves. We are teaching them these necessary skills. It annoys me that all of the components of reporting student learning include primary children. I would like to see a reporting template from the Ministry.</t>
  </si>
  <si>
    <t>Written reports take a lot of time and I believe not an effective use of time, therefore I think there is too many written reports.  There is open communication with parents/gradians throughout year and I believe this is better than a deadline specified written report.</t>
  </si>
  <si>
    <t>I like the terminology and less pressure on students to get a specific percentage.</t>
  </si>
  <si>
    <t>Grades are still required for further education applications, so unfortunately grades are still required at the higher levels.</t>
  </si>
  <si>
    <t xml:space="preserve">I think it is good to get students to be self-reflected.  It also could be useful for parents to see what their child is saying about themselves. </t>
  </si>
  <si>
    <t>The main objection is the number of written reports as I feel too many and not effective.  An open communication with parents throughout year is better.</t>
  </si>
  <si>
    <t>extremely labour intensive for teachers</t>
  </si>
  <si>
    <t>Each subject area covered in the 3 report cards is all that is necessary to relay pertinent information to parents. The other times for each subject is excessive and extremely labour intensive for teachers.</t>
  </si>
  <si>
    <t>excessive if more than the report card sessions and too labour intensive</t>
  </si>
  <si>
    <t>Will not be authentic as students will tire of this and not answer mindfully</t>
  </si>
  <si>
    <t xml:space="preserve">Not necessary. We as professional already do a good job of planning for and assessing our students with special needs. </t>
  </si>
  <si>
    <t xml:space="preserve">Not authentic and too excessive. Teacher load is already heavy with the current methods of communication of learning to families. </t>
  </si>
  <si>
    <t>In a semester system this would mean that teachers are reporting out every month and if student comments and consultation are to be involved with every reporting period, then lessons will have to halt for approximately 3 days each time to get 5 min student interviews done with each student.  Not eno</t>
  </si>
  <si>
    <t>This scale is not helpful for communicating student progress and understanding to parents. Parents do not understand it.</t>
  </si>
  <si>
    <t xml:space="preserve">Students need to know how they are performing before entering university where they will be assessed based on percentage. </t>
  </si>
  <si>
    <t>(1) The proficiency scale is not helpful in communicating student learning. They need to know how students are performing. (2) Students will be unprepared for post-secondary education where percentage grades are applied. (3) Post-secondary schools won't be able to select students based on %. It's nu</t>
  </si>
  <si>
    <t>Laborious, time-consuming, unhelpful. Students do not take these self-assessments seriously. They are a joke to them and it is a make-work project. Ask any secondary school student, even Gr6,7  student. These are a waste of time. And will create a huge amount of work for teachers.</t>
  </si>
  <si>
    <t>I am worried about how this will be applied. How are teachers supposed to keep track of the goals for 120+ students per semester? Do you have some administration ideas?</t>
  </si>
  <si>
    <t>Diversity and inclusion are of paramount importance across all of our education initiatives
NOTE: for all of these text boxes there is not enough space to answer fully. You are asking for input but not open to receiving it. This survey is biased because of that limitation. You are not collecting ...</t>
  </si>
  <si>
    <t>There is already a huge amount of work (hours of overtime) involved in quality reporting. Adding to the reporting burden will not improve the reporting quality, it will erode it. Teachers are already critically overworked and not paid for the countless extra hours that we devote . Not enough space t</t>
  </si>
  <si>
    <t xml:space="preserve">Words are ambiguous and difficult for language learner parents to understand. </t>
  </si>
  <si>
    <t xml:space="preserve">System that is understood by parents and students already </t>
  </si>
  <si>
    <t xml:space="preserve">Not descriptive enough of learning </t>
  </si>
  <si>
    <t xml:space="preserve">As a parent, I appreciate being kept informed about my child's progress. But, my daughter is in a semester system and I question how informative each of five reports would be in a five-month class. </t>
  </si>
  <si>
    <t xml:space="preserve">Will the proficiency levels be explained to me? </t>
  </si>
  <si>
    <t xml:space="preserve">Why is 10–12 using a different system than K-9? I've seen wonderful work done in my child's elementary school years with communicating student learning but this does not carry on in the report cards in the current 10-12 system. </t>
  </si>
  <si>
    <t xml:space="preserve">I can't see any of my child's teachers using a proficiency scale at the same time they are using a 100-point scale. </t>
  </si>
  <si>
    <t xml:space="preserve">I think this is meaningful work yet I question whether this information should be included in a permanent record such as the report card. Also, will the students be given a chance to make this meaningful?  </t>
  </si>
  <si>
    <t xml:space="preserve">I question whether my child will be given a meaningful opportunity to engage in this work or if it will become something that is done in a rushed way in order to meet a requirement. Will the goals be subject specific or more general? </t>
  </si>
  <si>
    <t xml:space="preserve">Unless this change is made, there will be no changes to how teachers are currently reporting 10–12. </t>
  </si>
  <si>
    <t xml:space="preserve">At the primary grades so much of the work should take time so that students can explore, play, repeat and understand.  With 5 reporting cycles the focus and effort of the teacher will go into assessment rather than a balance of process and outcome.  </t>
  </si>
  <si>
    <t xml:space="preserve">I think 4 levels allows for the capture of all student's abilities. </t>
  </si>
  <si>
    <t>I believe that grades are important for the secondary level.  The are easy for those not involved in the education system to understand and therefore support their children as needed.  Reporting should be transparent.</t>
  </si>
  <si>
    <t xml:space="preserve">Self reflection is always good.  </t>
  </si>
  <si>
    <t>Goal setting is a life skill</t>
  </si>
  <si>
    <t xml:space="preserve">I believe that 5 reporting periods places too much emphasis on outcome rather than process - especially at the primary level.  </t>
  </si>
  <si>
    <t>It does not fit with the semester system in most secondary schools.</t>
  </si>
  <si>
    <t>The wording is ambiguous and contrived.  Grade 8 and 9s need percentages at least to prepare themselves for Grade's 10 to 12 letter grades, transcripts and literacy and numeracy assessments.</t>
  </si>
  <si>
    <t xml:space="preserve">Letter grades and percentages should be applied from at least Grade 8 for all secondary students or Grade 10s will not be prepared for academic studies and must write literacy and numeracy assessments (tests) as well. </t>
  </si>
  <si>
    <t>The wording is contrived and ambiguous.</t>
  </si>
  <si>
    <t>It is inappropriate for reports.  It is not the teacher's responsibility to present student assignments in reports.  All student assignments are the student's evidence and can be seen by an involved and interested parent through their child.</t>
  </si>
  <si>
    <t>There will not be any fairness, consistency or objectivity in assessment, evaluation and reporting if one must respond fully to all individual ‘needs’.  Who is deciding what is a ‘need’ and what is a ‘want’ or are all expressed ‘wants’ just to be assumed as ‘needs”?</t>
  </si>
  <si>
    <t>It is all poorly conceived and doesn't adequately address the fundamental problems in education or the pubic educational system.</t>
  </si>
  <si>
    <t>The parent communications replaced one of the report cards. I have adapted to writing report cards in January and June in addition to parent/teacher conferences in October and two other major parent communications of learning in December and April. Any more would impact my teaching time.</t>
  </si>
  <si>
    <t>I am an not a high school teacher.  They would be most impacted by this change.</t>
  </si>
  <si>
    <t>I already do the required amount.  Any increase would be problematic for primary teachers. Student self-assessment requires one on one time for struggling students, and good deal of teacher assistance for the rest of the class.</t>
  </si>
  <si>
    <t>The same reasons as the earlier question apply here. I agree with having students set goals for their learning.  In the primary grades however,  the amount proposed would significantly increase teacher workload and effect the quality of teaching.@</t>
  </si>
  <si>
    <t xml:space="preserve">5 updates are great. 2 written plus the summary is not. 
One detailed written one in mid year and detailed summary with 3 other, lighter updates is more than sufficient. 
The extra written reports will be too much and families will get less overall. </t>
  </si>
  <si>
    <t xml:space="preserve">It depends in the richness of the teacher's descriptive feedback and not all write well. </t>
  </si>
  <si>
    <t>Percentages are clear and easy to understand. It allows students to know how much of the course they are understanding compared to expectations for their grade.</t>
  </si>
  <si>
    <t xml:space="preserve">Many students prefer the clarity of the letter grades, as do parents who often take a deeper interest as soon as post secondary goals are apparent in grades 10 to 12. </t>
  </si>
  <si>
    <t>It is great to encourage and support self awareness. Making it mandatory and 'markable' or 'required' changes the nature of the self reflection to performance based.</t>
  </si>
  <si>
    <t>Report card tracked goal setting - having to share that with your teacher, is almost intrusive. Especially when a student teacher relationship is new or poor to begin with.</t>
  </si>
  <si>
    <t>What does the ministry expect teachers to stop doing to make time to meet each diversity fully? Our EAs cannot even meet minimal IEP supports. How are teacher to do better?</t>
  </si>
  <si>
    <t xml:space="preserve">If we report less, there is less likelyhood we will officially report on more private self reflections and goal setting aspects of a students life. </t>
  </si>
  <si>
    <t>That the written reports would be for ALL subjects every time is a LOT of work, especially for elementary/middle school teachers. AT this point, those written reports have been on numeracy, literacy, core competencies. Teachers need training on Summary writing as well!</t>
  </si>
  <si>
    <t>Numbers and percentages are arbitrary, so why not use these 4 indicators; however MORE education is needed for educators AND parents on what these 4 categories mean.</t>
  </si>
  <si>
    <t>SElf assessment requires a LOT of education on teachers &amp; students' sides to really understand what &amp; how these assessments could be useful. If not done well, they are only a paper being sent home. Where is the $ for this training? And time?</t>
  </si>
  <si>
    <t>Goal Setting requires a LOT of education on teachers &amp; students' sides to really understand what &amp; how goals could be useful in learning. If not done well, they are only a paper being filled out and hardly looked at. Where is the $ for this training? And time?</t>
  </si>
  <si>
    <t>Time and Money need to be sent to districts for this to be effective. Goal setting/self assessments/IEPs etc are all time-consuming. What will be taken off educators' plates in order for all of this to happen in a meaningful way?</t>
  </si>
  <si>
    <t>ONE?? REally??</t>
  </si>
  <si>
    <t xml:space="preserve">There is not just ONE thing that should be changed. Workload associated with this reporting order is atrocious. Where is the money &amp; time for training &amp; collaboration.  What can be gone from curriculum when classrm instruction is goals, self assessing  etc that take time to teach. </t>
  </si>
  <si>
    <t>Frequent enough to be regurlarly informed.</t>
  </si>
  <si>
    <t>This is a very good scale. I just don't like the definition as you cannot "understand" a competency. I believe a better wording would be to "master" a concept or a competency, i.e. "initial mastery", "partial mastery",etc</t>
  </si>
  <si>
    <t>This is a good habit to start early in life.</t>
  </si>
  <si>
    <t>I wonter aboutgoal setting as child, "career aspirations" are things that never echoed with me as 8, 10 or 12 years old, you just want to play and learn things, but I have a hard time understanding how this goal setting won't be an artificial exercise. BIG word limit in this box, I cannot write more</t>
  </si>
  <si>
    <t>There ase so many cases and diverse needs so I am not the best to say if this is good or not.</t>
  </si>
  <si>
    <t>I have explained above that I find hard that student goal setting won't be an artificial exercise. I guess most students mainly want to play and enjoy their young age and they go to school to learn a few things, but career aspiration and goal setting to "be a better communcator" or "have more reflex</t>
  </si>
  <si>
    <t>I want to report that the free text form is not big enough. Whoever developed this formed missed the fact that some people may want to write more than a few sentences. Here is the max number of letter that I can write in this form, I will just add dots until I cannot write more......................</t>
  </si>
  <si>
    <t>This is just a much better system that the letter grades. Very good job on this!</t>
  </si>
  <si>
    <t>For grade 10-12, I think it makes sense to start using percent grade, but I don't have enough experience to have a very informed opininion.</t>
  </si>
  <si>
    <t>Why not keep using it? It may help.</t>
  </si>
  <si>
    <t>The core competencies are a very good addition to the curriculum and starting self-assessment is not a bad thing I think.</t>
  </si>
  <si>
    <t>&lt;Continued from below&gt; have only proficiency scale value on the first  written learning update.</t>
  </si>
  <si>
    <t>Treating equal all subject areas</t>
  </si>
  <si>
    <t xml:space="preserve">I would give more emphasis on literacy and numeracy skills in k-9 or at least k-7. They seem to me to be the basis of everything else. Writing report card are very time consuming for teachers and I would rather spend more time on very descriptive reading, writing and numeracy reporting and have onl </t>
  </si>
  <si>
    <t>I agree that parents need to be informed about how their child is doing. However, it needs to be streamlined province wide, or at least district wide, and an easy, thorough document.</t>
  </si>
  <si>
    <t>I feel with written evidence and work samples this four point scale is clear.</t>
  </si>
  <si>
    <t>I don't know enough about the system in these grades.</t>
  </si>
  <si>
    <t>Students at my grade level are not able to understand the complex language of the core competencies so they need to be rewritten and explained thoroughly to the students. There are too many of them and some are not relevant to my age group.</t>
  </si>
  <si>
    <t>Too difficult for the elementary students to do without direct teacher involvement. This would take too much time.</t>
  </si>
  <si>
    <t xml:space="preserve">Unbelievable extra work put on teachers with no justification. What is wrong with the already new terms of reporting last few yrs? Teachers are already overburdened implementing the new curriculum. BC teachers are 2nd lowest pay in Canada yet expectations of them are higher. They will be leaving </t>
  </si>
  <si>
    <t xml:space="preserve">This should be K-12 done 3 times a year up to grade 7, and at the end of each course taken for grades 8 to 12. 
Percentages and letters have never reflected a persons learning. They only reflect whether they are good at the type of assignments and tests the individual teacher assigns </t>
  </si>
  <si>
    <t xml:space="preserve">This is old fashioned assessment practice. Because this grading structure for grades 10-12 has not changed, many teachers haven’t implemented the new curriculum. The two do not work. Assessment should’ve been considered before implementing the new curriculum that does not coincide with universities </t>
  </si>
  <si>
    <t>It’s all over the place. No continuity. All this is going to do is see teachers leaving the profession at astounding rates, as many are talking about now. The expectations of teachers has gotten to the point of being unbearable. The joy &amp; passion for teaching is being destroyed in a destructive way</t>
  </si>
  <si>
    <t xml:space="preserve">There is not one student in the last 5 years I have been teaching who puts their heart and soul in to this busy-work assessments. It is like pulling teeth to get them to do it, no matter how creative I try to make it. It has been a giant fail and does not reflect where they see their learning </t>
  </si>
  <si>
    <t>This is expecting much more from 99% of students than they are capable or willing to give. Most just guess when doing this as they cannot see in to the future. It is a patronizing act to expect them to tell us their goals with learning. This is not what learning should be about and takes the joy out</t>
  </si>
  <si>
    <t xml:space="preserve">I think we can all see how impossible this is to do and that it simply cannot work with all diverse learners. It’s a placating act to even suggest this be implemented for all students in a school setting. </t>
  </si>
  <si>
    <t xml:space="preserve">I would change all of it. Not satisfied with any of it. </t>
  </si>
  <si>
    <t xml:space="preserve">Too much to explain. The expectations are offensive to teachers and students, as well as being submissive and degrading to many diverse learners. It all takes away from learning and is turning school in to a miserable place which is the opposite of what we need. Teachers will be walking </t>
  </si>
  <si>
    <t xml:space="preserve">Why call it something else when it’s the same as before?  </t>
  </si>
  <si>
    <t xml:space="preserve">I highly recommend a 5 point scale! So difficult to place students on a 4 point scale!! With 5, the two ends of the scale make up a small number of students outside the expected grade expectations, while the middle 3 discriptors are within grade range of “low-average”, average” and “high average”.  </t>
  </si>
  <si>
    <t xml:space="preserve">Rationale makes sense </t>
  </si>
  <si>
    <t xml:space="preserve">Most students and parents are mainly concerned with percentages rather than descriptors. But continuity from kindergarten to grade 12 is important </t>
  </si>
  <si>
    <t>Provides ownership and empowerment of learning - but teachers need some training about HoW this can be most beneficial to students.  The end of year self assessment approach is not meaningful - self assessment practices on competencies should happen all year long to be meaningful to students</t>
  </si>
  <si>
    <t xml:space="preserve">It builds ownership and empowers learners </t>
  </si>
  <si>
    <t xml:space="preserve">Doesn’t seem to be much change here. As long as there is continued support and service for these students </t>
  </si>
  <si>
    <t>Please change to a 5 point scale!  It makes more sense throughout K-12 as 5 point scales correspond with other standardized scales used for student assessment and cognitive tests!</t>
  </si>
  <si>
    <t>I appreciate the 3 formal, written reports (term 1,2,3). The 2 interim reports are ok, but I find that the terms go by so quickly, that there simply isn't enough time to spend hours evaluating for each of the 5 without jeopardizing the actual teaching portion, so it takes away from the experience.</t>
  </si>
  <si>
    <t>Students should take ownership of their learning and learning goals.</t>
  </si>
  <si>
    <t xml:space="preserve"> It realistic in secondary school when you teach 200 kids.  </t>
  </si>
  <si>
    <t xml:space="preserve">Descriptive feedback is difficult in secondary- grade 8 and 9 level as we have too many kids to create that feedback for </t>
  </si>
  <si>
    <t>Post-secondary is where majority are headed</t>
  </si>
  <si>
    <t xml:space="preserve">Not realistic in secondary- too many students </t>
  </si>
  <si>
    <t>Most don’t know or care</t>
  </si>
  <si>
    <t>Who assess the progress?  The kid or the teacher? If teacher, that’s extra</t>
  </si>
  <si>
    <t xml:space="preserve">Again in secondary we have so many students </t>
  </si>
  <si>
    <t xml:space="preserve">We’d be doing major reports right away in September when we’re just getting to know the kids </t>
  </si>
  <si>
    <t>It is too broad and parents have no idea really how their child is doing.</t>
  </si>
  <si>
    <t>Students at a young age cannot really self- assess themselves accurately with teacher intervention.</t>
  </si>
  <si>
    <t>Proficiency scale does not work in the classroom - feedback happens al the time, it is not necessarily only linked to a prof scale.  There is little motivation for kids already in grades 8-9 and then grade 10 is a shock.  Those going on to secondary school are not prepared.</t>
  </si>
  <si>
    <t>Completely unrealistic.  Kids are motivated by grades - they know wheat they need to do to get iinto future programs and schools.  The proficeincy scale is an unrealistic measurement of what a student knows or doesn't know - the 4 point scale is far too wide.</t>
  </si>
  <si>
    <t xml:space="preserve">same as above </t>
  </si>
  <si>
    <t>Only a few kids care and evaluate themselves accurately</t>
  </si>
  <si>
    <t>I prefer the old school letter grades.  Something Im familiar with and can relate to.  Thinking this way more for the grades 6 and up.  I agree with the above for the elementary grades.</t>
  </si>
  <si>
    <t>There is too much work required to provide all of these reporting for a full class of students. Teachers should be given paid days in order to get it done properly.</t>
  </si>
  <si>
    <t>There needs to be specific criteria for each level of each subject area on which to base reports.</t>
  </si>
  <si>
    <t xml:space="preserve">It gives students an opportunity to see their growth and to contribute to their reporting. </t>
  </si>
  <si>
    <t>I'm in favour as long as it provided by the Province and not left up to individual districts.</t>
  </si>
  <si>
    <t>Teachers should be given paid time in order to do reporting properly instead of being expected to do it evenings and weekends.</t>
  </si>
  <si>
    <t xml:space="preserve">This is simply too much of an expectation for teachers. Student Led conferences have been taken away, which was a valuable for students to showcase their learning. Teachers especially elementary that teach ALL subjects have too much of a workload. This reporting is too much of an expectation. </t>
  </si>
  <si>
    <t xml:space="preserve">The language in this is too confusing, there is low student buy in and parents continue to be confused, despite lots of information coming home. </t>
  </si>
  <si>
    <t xml:space="preserve">Students need percentages before heading to post secondary </t>
  </si>
  <si>
    <t xml:space="preserve">What supports will be in place to make this happen for students and teachers? </t>
  </si>
  <si>
    <t xml:space="preserve">In consistency in how and what to report from district to district.  I've written 10 pigs. In other districts require one page.  Principals have varied expectations in the same district.  It's a quagmire for.teachers parents, school administrator when distrt mgmt only gives recommendations </t>
  </si>
  <si>
    <t>To cut and dry, no scale.  Students can have many blended proficiencies per.subject</t>
  </si>
  <si>
    <t xml:space="preserve">Elementary teacher </t>
  </si>
  <si>
    <t xml:space="preserve">So confusing.   Too huge in context.  Teachers have opposing views on what competencies mean as a developmental standard.  EG by 5 this... by 6 this...  multiple intelligence is diverse and Individual </t>
  </si>
  <si>
    <t>This should not be judged by teachers.  Setting goals is developmental and Individual.   Teachers should honour a student's goal and not help them set it
but help mentor guide support it</t>
  </si>
  <si>
    <t xml:space="preserve">A lot of work to do this correctly,  respectfully and individually.   Reporting takes me over a week to complete.  </t>
  </si>
  <si>
    <t>We should have been give top 3 
Parents are not reading the Reports.</t>
  </si>
  <si>
    <t xml:space="preserve">This seems to be more than is currently required under the pilot program which is two written reports per subject area a year along with more informal reporting. Allow teachers professional discretion to inform parents of student learning outside of the two formal reports. </t>
  </si>
  <si>
    <t xml:space="preserve">It moves away from grades and provides more detailed and specific feedback. </t>
  </si>
  <si>
    <t xml:space="preserve">More support in training teachers for meaningful self assessment in core competencies needs to be done. </t>
  </si>
  <si>
    <t xml:space="preserve">What does this look like? Teachers still have to facilitate this and along with teacher assessment this is just additional work. </t>
  </si>
  <si>
    <t xml:space="preserve">Frequency of reporting and including goal setting and self assessment and goal reporting is all too much. When is teaching supposed to happen? </t>
  </si>
  <si>
    <t>I don't think it has changed much to previous years.</t>
  </si>
  <si>
    <t>K-7 I get. Teachers are with those students all day every day in all subjects. They get the full scope and sequence of their students. Grade 8 and 9 totally different. Some subjects are not conducive to the 4 point scale and some are.</t>
  </si>
  <si>
    <t>They understand this level and post secondary does too.</t>
  </si>
  <si>
    <t>Some subjects are ok with this. Should be teacher choice.</t>
  </si>
  <si>
    <t>Who is in charge of this? K-7 easy; 8-12 confusing.</t>
  </si>
  <si>
    <t>Don't teachers try to do this to their best abilities already?</t>
  </si>
  <si>
    <t>only one choice?</t>
  </si>
  <si>
    <t>Teachers in pilot districts need to have a bigger say in this. District level is plowing ahead with it even though teachers in those districts are finding that level of performance has dropped. Parents in general don't like it, and just want to know how child is doing.</t>
  </si>
  <si>
    <t>Currently we are reporting as learning happens except for Summary reports. This allows parents to know what their children are doing. Writing written reports 3 times a year is an event and not ideal for reporting out both for teachers as well as parents.</t>
  </si>
  <si>
    <t xml:space="preserve">As I said above writing written reports 3 times a year is an event not a point of progress. </t>
  </si>
  <si>
    <t xml:space="preserve">It seems like just way too much information overload.  I don't need paragraphs written about every single subject multiple times a year.  Teachers already work a TON on report cards and now you're making it way more cumbersome than it has to be.  </t>
  </si>
  <si>
    <t xml:space="preserve">It makes sense for lower grades, but intermediate and above really should have letter grades again.  </t>
  </si>
  <si>
    <t>It makes sense to have letter grades and percentages at high school.</t>
  </si>
  <si>
    <t xml:space="preserve">Again, just extra work for teachers and totally unnecessary. </t>
  </si>
  <si>
    <t xml:space="preserve">I don't really think this is necessary to have as a formal assessment.  Teachers should be encouraging and doing this throughout the school year - not just as a check mark that they have to complete to meet provincial requirements.  </t>
  </si>
  <si>
    <t xml:space="preserve">Again, I think teachers do this routinely in the classroom anyway.  Why make it part of formal reporting??!  It just feels like unnecessary extra paper work (wasteful) that has to be sent home just to meet a requirement put on by the province.  </t>
  </si>
  <si>
    <t xml:space="preserve">I'd be okay with this depending on what it actually looks like.  </t>
  </si>
  <si>
    <t>TOO much written feedback and too much reporting sent home throughout the year</t>
  </si>
  <si>
    <t>I honestly feel like this is just way too much info trying to be sent home to families.  It seems like a HUGE unnecessary workload increase for teachers that really doesn't benefit parents much. Let's keep it simple, factual, and on point.</t>
  </si>
  <si>
    <t xml:space="preserve">There needs to be greater clarity about what is required to be reported on five times per year.  As secondary teachers we need exemplars of what these reports will look like. What program will we be using to report this to parents &amp; the students.  </t>
  </si>
  <si>
    <t xml:space="preserve">A new standardized proficiency scale for k-9 is needed, but the continued use of percentages and letter grades at the 10–12 grade level goes against the new assessment model. If we are going to embrace this move to gradeless assessment we need to follow it until graduation. </t>
  </si>
  <si>
    <t>letter grades at the 10–12 grade level goes against the new assessment model.  Post secondary institutions need to adapt  and trust that a percentage does not make the student assessment more accurate but rather it does the opposite when students seek a % rather then learning deeper.</t>
  </si>
  <si>
    <t xml:space="preserve">Converting a proficiency scale to a percent defeats the whole purpose of going gradeless. </t>
  </si>
  <si>
    <t>The Timeline for implementation need to be delayed.</t>
  </si>
  <si>
    <t>That the implementation of the new K–12 Reporting Order be delayed until at least 2022 . We need better reporting management systems, in place and teachers need experience with those systems. We are currently in a pandemic, and students and teachers are already stressed. We need time .</t>
  </si>
  <si>
    <t xml:space="preserve">As part of the pilot project already I am sending home 8 minimum reporting documents that must include a student voice and a report card and a parent teacher conference. I check backpacks and find several reports not given to parents so it is a huge waste of paper and my time </t>
  </si>
  <si>
    <t xml:space="preserve">Most parents don’t really know what it means. </t>
  </si>
  <si>
    <t>Want letter grade from grade 4 up</t>
  </si>
  <si>
    <t xml:space="preserve">Prefer letter grade as needed for universities </t>
  </si>
  <si>
    <t xml:space="preserve">Have to tell students what they need write </t>
  </si>
  <si>
    <t xml:space="preserve">Only for some assignments 
</t>
  </si>
  <si>
    <t xml:space="preserve">There’s a limit to how long students with extensive need can be successful in a regular class. The needs of the majority of students is pushed aside for students with high needs </t>
  </si>
  <si>
    <t xml:space="preserve">Not useful until late intermediate </t>
  </si>
  <si>
    <t>Under current system:
1) more direct interactions with parents and teachers
2) students ownership of learning and opportunity to demonstrate that learning
3) provides preparation for capstone project required for graduation</t>
  </si>
  <si>
    <t>So long as descriptive feedback would only be required for students that do not meet the proficient level.</t>
  </si>
  <si>
    <t xml:space="preserve">As many post secondary institutions require letter and percentage marks they should be retained. </t>
  </si>
  <si>
    <t>You need to choose one form of assessment either the proficiency scale or grades.</t>
  </si>
  <si>
    <t>This is not possible for all students and formalizing something that students are already struggling with, can be more of a harm to confidence, than a help.</t>
  </si>
  <si>
    <t>This is not possible for all students and formalizing something that students are already struggling with, can be more of a harm to confidence, than a help. In this case some students may not even know where to start and may actually highlight short comings rather than growth development.</t>
  </si>
  <si>
    <t>Especially in the early years of school many of the students do not have designations and even parents may not be fully aware of learning issues. Also FULLY individualized education is not realistic.</t>
  </si>
  <si>
    <t>Frequency of reporting, student goal setting, student self assessment</t>
  </si>
  <si>
    <t xml:space="preserve">The current reporting system has only be fully implemented for 2 years, this is not enough time for a populations to become accustomed to it and actually evaluate the benefit of the current system. This system is not broken I have no understanding as to why anyone is trying to fix it.   </t>
  </si>
  <si>
    <t xml:space="preserve">Learning updates is not clearly defined. A learning update in kindergarten is very different than a grade 9 update. </t>
  </si>
  <si>
    <t>The scales need to be updated to reflect new language. They haven’t been updated lately.</t>
  </si>
  <si>
    <t>Letter grades still seem very impatient parents and to post secondary institutions.</t>
  </si>
  <si>
    <t>I am not familiar with these scales. My kids were given letter grades.</t>
  </si>
  <si>
    <t>I teach kindergarten. Students are challenged to self assess. There are no exemplar provided by the ministry.</t>
  </si>
  <si>
    <t>I agree that introducing this concept is important to creating a culture of lifelong learning.</t>
  </si>
  <si>
    <t xml:space="preserve">Helping diverse learning styles needs people to help facilitate that learning. Presently the system is challenged to meet undiagnosed learning needs. The system can not respond quickly enough to give support where it is needed. Kindergarten students are entering school with multiple diverse needs. </t>
  </si>
  <si>
    <t>Self assessment in younger grades shouldn’t be attached to report cards. It might be a useful exercise to engage learners in lifelong learning but it’s a hoop jump for report cards and shouldn’t be part of a permanent record.</t>
  </si>
  <si>
    <t>The requirement for a progress report in the first 25% of the year does not match with the term reporting periods. This requires an additional reporting period.</t>
  </si>
  <si>
    <t xml:space="preserve">This is currently being used already. </t>
  </si>
  <si>
    <t xml:space="preserve">Post-secondary institutions require </t>
  </si>
  <si>
    <t xml:space="preserve">Sounds is extra work that nobody asked for. </t>
  </si>
  <si>
    <t xml:space="preserve">Is this an overall goal? or does each course have to track their goals and progress? </t>
  </si>
  <si>
    <t>Every student has diverse abilities. Responding fully to every individual need is not possible with current class sizes.</t>
  </si>
  <si>
    <t>I am also dissatisfied with the other options as well. There is more work being asked of teachers, but students and parents don't care about it. Less written comments is better for the diverse parent communities that are in BC.</t>
  </si>
  <si>
    <t xml:space="preserve">We are writing 2 written reports (of which one is Summary of Learning). With the focus on regular CSL and ongoing assessment throughout the year with 3 other reporting events. Your proposal regresses and focus on grading instead of learning as a process. This is not reflective of current research. </t>
  </si>
  <si>
    <t xml:space="preserve">Learning is a progression and reflects the continuity of learning. </t>
  </si>
  <si>
    <t xml:space="preserve">Secondary institutions should be more progress when they assess the abilities of students in light of what we know about current research on grades and percentages. We are about learning and not marks. </t>
  </si>
  <si>
    <t xml:space="preserve">Proficiency Scale should be used throughout all grades to continue this language and practice throughout a child's education. </t>
  </si>
  <si>
    <t xml:space="preserve">Children should be aware and able to articulate their learning. It should not be a mystery. </t>
  </si>
  <si>
    <t>This would require thoughtful teaching and coordination. How might this be tracked for a child in the upper grades when they see many different teachers?</t>
  </si>
  <si>
    <t>Less is more ... Written reports take away from teaching and learning. Please consider what is most meaningful and authentic about reporting instead of adding more to this order.</t>
  </si>
  <si>
    <t>Is more paid time being provided to write these reports? Are teachers released to do that?</t>
  </si>
  <si>
    <t>These categories are too vague and will not hold students to higher responsibility. Receiving "emerging" on a report card means nothing to students or parents. How does this transition well into letter grades once students are in grade 10? It is too late to get them back on track if they were low.</t>
  </si>
  <si>
    <t>Students need to be prepared earlier for post-secondary standards.</t>
  </si>
  <si>
    <t xml:space="preserve">It's too late to help a student get back on track by the time they reach grade 10 if they don't have a solid foundation of the basic skills. </t>
  </si>
  <si>
    <t>The language on the government website isn't even student-friendly.</t>
  </si>
  <si>
    <t xml:space="preserve">Who is keeping them accountable or monitoring progress? Is this during class time? And what are the other students doing when you meet with each student individually? What is the end goal of this? </t>
  </si>
  <si>
    <t xml:space="preserve">The range of learners is too wide. </t>
  </si>
  <si>
    <t>We are not setting our students up for success in K-12, they won't have a strong enough foundation after high school. Even students say the gap between highschool and post-secondary is too wide.</t>
  </si>
  <si>
    <t>This new reporting requirement seems to assume that teachers do not engage in contact with parents except through 'required' report writing or face-to-face conferences. 
As a primary grade teacher, we meet and connect with our parents and update them on student needs and progress more than 5 times!</t>
  </si>
  <si>
    <t xml:space="preserve">The scale may be interpreted in so many different ways by different readers.
The scale compartmentalise learning into subject areas when teachers are actually working on developing students' core competencies!
</t>
  </si>
  <si>
    <t>I'm an elementary school teacher.</t>
  </si>
  <si>
    <t>Intention is great theoretically only, especially for primary grade students.
Better to introduce the idea that they are responsible for their learning and need to be aware of what and how they are progressing. The self-assessment can be a tool but not part of legal document which the report card is</t>
  </si>
  <si>
    <t>Shouldn't there be differentiation or progression in what is expected from a kindergarten student versus a Grade 12 student? This is an overgeneralized statement of expectation.</t>
  </si>
  <si>
    <t>Aren't we doing that already?
Current reporting guidelines ask teachers to list individualised strengths and areas for growth. 
Some students have IEPs too!</t>
  </si>
  <si>
    <t>Both parents and teachers are still trying to make the best sense of the current reporting guidelines and reporting format which happens to be already individualized and strength focussed. Also, primary teachers are reporting so much more frequently than assumed. Not change now!</t>
  </si>
  <si>
    <t>I would like to keep the percentage/letter grade reporting</t>
  </si>
  <si>
    <t>This is too vague.  Keeping the percentage/letter grade REPORTING tells more of a child's progress.</t>
  </si>
  <si>
    <t>It indicates a true understanding of the material</t>
  </si>
  <si>
    <t>Percentage/letter grade offers a true understanding of the material</t>
  </si>
  <si>
    <t>Yes, let the student give their opinion on their learning status.  If they are having difficulty in certain areas.</t>
  </si>
  <si>
    <t>Let the student take responsibility in their learning</t>
  </si>
  <si>
    <t>Let all students be included.</t>
  </si>
  <si>
    <t xml:space="preserve">Still believe percentages/letter grades is most accurate level of marking.  </t>
  </si>
  <si>
    <t>Post-secondary institutions require grades. WE should be continuing them at grade 9 to allow a smoother transition to them, instead of having their first year with grades also count towards their transcripts</t>
  </si>
  <si>
    <t>Either proficiency scale or grades for grades 5-8 instead of requiring proficiency reporting but also grades if requested by parents</t>
  </si>
  <si>
    <t xml:space="preserve">If the policy is proficiency scale due to its advantages over grades/percentages, why offer the option for grades (if requested) as well? </t>
  </si>
  <si>
    <t>It is nice that 2 of the written reports only include literacy, numeracy and student engagement rather than all the subjects.  But it's still long and a lot of reporting over all with conferences, continued communication, ongoing points of progress, ect.</t>
  </si>
  <si>
    <t>For primary grades, this is not much different than before...it's just the wording that changed (fully meeting is now proficent)</t>
  </si>
  <si>
    <t>The strength based comments for every subject are very long and tedious to write 3 times a year (in my district we have to send home a strength based comment twice a year on every subject and 3 times a year on literacy, numeracy and student engagement).</t>
  </si>
  <si>
    <t xml:space="preserve">It’s not that five “events” isn’t enough it’s that the depth of each event is so low as to be meaningless. Fewer would be fine if  the amount of feedback was meaningful. </t>
  </si>
  <si>
    <t xml:space="preserve">Letter grade are preferred. Going away from letter grades adds no value. I wish less effort was put on low or negative value changes. Why have 8-9 use a different system thann10-12? Or 4-7 for that matter. </t>
  </si>
  <si>
    <t>Is that really necessary? Surely you could create a one time mapping table to give people a feel for equivalence. Or better yet just use percentages from 4-12 and be done with this.</t>
  </si>
  <si>
    <t xml:space="preserve">As long as the goals are actually measurable. </t>
  </si>
  <si>
    <t xml:space="preserve">That the depth of feedback was meaningful vs some canned comments. </t>
  </si>
  <si>
    <t>The proficiency scale does not allow for specific enough reporting.  There needs to be more than 4 points on the scale.  There should also be a way to report no proficiency.  A student who does not attend class and does not show any evidence of learning is NOT emerging.</t>
  </si>
  <si>
    <t>Parents also want to see letter grades &amp; percentages so that they have a better understanding of where their child is at.  Letter grades &amp; percentages should still be used in lower, high school grades, such as 8 &amp; 9.  As a parent, I much prefer to see my child's percent than a general proficiency.</t>
  </si>
  <si>
    <t>The proficiency scale is to broad &amp; general.  It does not give students or parents a proper sense of how the student is actually doing, or how much of the curriculum they are actually mastering.</t>
  </si>
  <si>
    <t xml:space="preserve">A large percentage of students do not wish to self assess.  This often means that it is done very poorly, or without serious thought and consideration.  Perhaps offering an optional self assessment would be better than requiring all students to self assess.  </t>
  </si>
  <si>
    <t>More work needs to be done with regards to teaching students how to properly set goals, before we require them to do so on an official report.</t>
  </si>
  <si>
    <t xml:space="preserve">The additional time required will be overwhelming to document, organize and write these reports for over 100 students each time. We are expected to do all reporting on our own time in addition to teaching. </t>
  </si>
  <si>
    <t xml:space="preserve">The public snd BCTF members will need to be trained in this area and it is very subjective. </t>
  </si>
  <si>
    <t xml:space="preserve">How can these be connected to letter grades etc if needed for post secondary institutions? </t>
  </si>
  <si>
    <t xml:space="preserve">Students do not take this seriously and it will be yet another hoop to push them through. </t>
  </si>
  <si>
    <t xml:space="preserve">Same as above. </t>
  </si>
  <si>
    <t>Teachers are not trained to create IEP’s and adds to our overwhelming work.</t>
  </si>
  <si>
    <t xml:space="preserve">One is not enough. </t>
  </si>
  <si>
    <t xml:space="preserve">Too many changes all at once and added to the huge workload of a teacher. </t>
  </si>
  <si>
    <t>I don't know enough about this to rate</t>
  </si>
  <si>
    <t xml:space="preserve">We already do this, I don't believe it needs to be formalized. </t>
  </si>
  <si>
    <t xml:space="preserve">I believe the parents should get formal written comments on Literacy, numeracy and social responsibility twice a year as well as included in the final report. The other subjects can be done once during the year informally with a checklist and a few comments then on the final report. </t>
  </si>
  <si>
    <t xml:space="preserve">In thr past kindergarten did not have an emerging. I like that we can show parents a clearer picture where their child is at. </t>
  </si>
  <si>
    <t xml:space="preserve">Kindergarten children have a very difficult time being honest or able to reflect. </t>
  </si>
  <si>
    <t xml:space="preserve">Kindergarten student have no idea what a goal is and where we are heading with their learning. I do this with the parents. </t>
  </si>
  <si>
    <t xml:space="preserve">The workload for teachers is already demanding and reporting takes that much more time. </t>
  </si>
  <si>
    <t xml:space="preserve">Very difficult to explain and use this scale with primary students. </t>
  </si>
  <si>
    <t>Self assessments are extremely difficult as adults and even more challenging to do with young children.  We are not equipped as teachers with appreciate and adequate tools for
teaching primary students how to self assess, especially in another language.</t>
  </si>
  <si>
    <t xml:space="preserve">Time? How do you do this with a class of 22 students and no support? How to implement goal setting lessons for an entire group or to have time with students one on one to discuss this when we have all the other assessments and learning to get through? </t>
  </si>
  <si>
    <t>I agree with every child being reflected and evaluated at their level and ability I just see issues again with time and workload and support.</t>
  </si>
  <si>
    <t xml:space="preserve">More and more keeps changing to affect the workload of a classroom teacher and nothing changes for support and smaller classroom sizes to be able to attain these goals.  How can we be successful with our goals and teacher workload if we aren’t being respected or listened to? </t>
  </si>
  <si>
    <t>In the semester system we need feedback within the first 6 to 8 weeks to be able to help those kids struggling. The reporting system needs to reflect the learning issues with our children so they may be helped not judged</t>
  </si>
  <si>
    <t>This scale has little meaning
The vagueness gives little direct feedback to the parent or student. Given the vagueness and lack or standardization in the bc curriculum with this open learning platform we need a rigorous testing method to make sure learning standards are met
This is clearly lacking</t>
  </si>
  <si>
    <t>Finally getting standardized testing with non opinion based results. The letter grade is understandable justifiable and clearly illustrates strengths and weaknesses. Contrary to current beliefs this system is widely supported by students. It seems the ministry needs to leave their biases behind.</t>
  </si>
  <si>
    <t xml:space="preserve">Students find this feedback loop difficult and pointless. It would be more useful if children got more clear feedback first from a better reporting system rather than forcing them to guess. The ministry  learning objectives are obscure to make this effective </t>
  </si>
  <si>
    <t>Again
Every good program clearly defines the learning objectives before asking students for feedback on their progress. The bc ministry needs to take responsibility to define these areas clearly each term in each area.,take it away from the teacher district level and then ask if these goals achieve</t>
  </si>
  <si>
    <t>Again the non standardized reporting system leaves too many gaps. The lack of a province wide learning recovery system in core subjects leaves students behind year after year. This is educational discriminatory. Too much time and emphasis in elementary school on diversity not educational</t>
  </si>
  <si>
    <t xml:space="preserve">Grading system starting in grade 4. Recovery program in the fundament subjects for those to catch up with peer group </t>
  </si>
  <si>
    <t>More isn't always better. A mid year and a final report, along with a couple of progress reports is fine. If the student information system was better, it would be easier for parents to check on student progress throughout the year without formally requiring so many reports.</t>
  </si>
  <si>
    <t>The terms of the scale are too vague and they are applied inconsistently by individual teachers, as well as among teachers and schools. Kids and parents of middle and upper grades need to be told directly whether minimum expectations have been met, or not. A letter grade does this perfectly.</t>
  </si>
  <si>
    <t>The proficiency scale has fewer divisions, and so it is less precise. Also, students who are underperformed are not directly told so. The growth mindset approach in the proficiency scale is useful, but it should not replace percentages and letter grades.</t>
  </si>
  <si>
    <t>Core competencies are an interesting idea, but the assessment and self assessment is too inconsistently applied by teachers, and this is not a surprise. They have been asked to do yet another additional task with little support in terms of training or resources. Teachers need more support/structure.</t>
  </si>
  <si>
    <t>Goal setting meetings with my kids and their teachers have been a waste of time. The kids think they're in trouble, or doing something wrong. Especially young kids in primary; what on earth do they need goal setting for?</t>
  </si>
  <si>
    <t>I don't know what any of that is supposed to mean. I'm pretty confident that teachers already have established practices for inclusive education.</t>
  </si>
  <si>
    <t>More standardized practices, simplified processes</t>
  </si>
  <si>
    <t>The terms and processes of reporting have gotten less informative and more complicated. There is a lot of wasted time and energy. I don't need a paragraph for each of my kids' subjects several times per year, plus literacy, numeracy and core competencies. I want short, simple, precise statements</t>
  </si>
  <si>
    <t xml:space="preserve">Although five reporting events are currently required only two must be written. This draft policy is creating an additional written report, which is unnecessary and creates additional workload. </t>
  </si>
  <si>
    <t xml:space="preserve">Same as current. Consistency across the province is a positive but having to still create a letter grade on the PSR makes this scale pointless. </t>
  </si>
  <si>
    <t xml:space="preserve">Students in grade 10 may be unprepared for the expectations and stress of letter grades when they have previously been assessed only on the proficiency scale. </t>
  </si>
  <si>
    <t xml:space="preserve">Having two scales for reporting is confusing and creates excessive workload for teachers. If the provincial proficiency scale is valid for K-9 then it should be valid for 10-12. No letter grades should be used. </t>
  </si>
  <si>
    <t xml:space="preserve">There is value in teaching self-assessment but it should not be included in a formal written report by teachers as a legal valid document. </t>
  </si>
  <si>
    <t xml:space="preserve">Goals are currently set in partnership with students, parents and teachers. This change is unnecessary and adds no value to current reporting. </t>
  </si>
  <si>
    <t xml:space="preserve">IEPs are useful only if the ministry of education is willing to adequately fund the resources and supports required to implement them. </t>
  </si>
  <si>
    <t xml:space="preserve">This is a poor question as it implies that the areas not selected are acceptable. With multiple areas of change, a ranking of areas of dissatisfaction would be better. With most schools on a two term system there need only be two written reports. </t>
  </si>
  <si>
    <t>In order of concern, first being highest:
Frequency of reporting
Student goal setting
Student self-assessment 
Letter grades grade 10-12
Diversity and inclusion</t>
  </si>
  <si>
    <t xml:space="preserve">A report card dedicated to a yearly summary of learning means an entire term goes unreported. Report cards already show progression of student learning through teacher perspective. </t>
  </si>
  <si>
    <t>Already use a similar scale</t>
  </si>
  <si>
    <t>Not my area of teaching</t>
  </si>
  <si>
    <t xml:space="preserve">We already do this verbally throughout the year. This creates more work for teachers to type in all the responses. </t>
  </si>
  <si>
    <t xml:space="preserve">Already done in the classroom without the paperwork. </t>
  </si>
  <si>
    <t xml:space="preserve">What do you think we do all day? </t>
  </si>
  <si>
    <t xml:space="preserve">We already do that in the classroom without needing to formally put it down somewhere. I also do not agree with the new reporting system either. </t>
  </si>
  <si>
    <t xml:space="preserve">We are supposed to be giving parents clear language, not educational jargon. How are the words ‘emerging, developing, proficient ‘ clear without looking at the visual graphic? They’re not. ‘Meeting expectations’ was clear language without having to look at a graphic. </t>
  </si>
  <si>
    <t xml:space="preserve">We have already been doing core competencies self assessments using ‘I can’ statements </t>
  </si>
  <si>
    <t>More time required for teachers to learn and adopt these changes</t>
  </si>
  <si>
    <t xml:space="preserve">Way more work than in previous years. </t>
  </si>
  <si>
    <t xml:space="preserve">It’s the same as not meeting, meeting, etc. Familiar. </t>
  </si>
  <si>
    <t xml:space="preserve">Letter grades are important. </t>
  </si>
  <si>
    <t xml:space="preserve">Highly unnecessary </t>
  </si>
  <si>
    <t xml:space="preserve">Useful </t>
  </si>
  <si>
    <t xml:space="preserve">Not useful at all in primary grades. </t>
  </si>
  <si>
    <t xml:space="preserve">Goal setting at the primary level is useless and a waste of teachers valuable time. </t>
  </si>
  <si>
    <t xml:space="preserve">The proficiency scale is appropriate for grades K-9. However it is not appropriate for Grades 10-12. </t>
  </si>
  <si>
    <t xml:space="preserve">The implication here is that we are using letter grades, percentages and proficiency scales to assess grades 10-12. This adds a lot to a teacher's workload and is unnecessary in terms of what the student and parents learn about their progress. </t>
  </si>
  <si>
    <t>This will add  a lot to a teacher's workload. In reality, having to chase students down to complete a self assessment in order to include it in reporting will be extremely difficult. In a semester system, if we are reporting 5 times and need this included every time, this will take up a lot of time.</t>
  </si>
  <si>
    <t>This will add immensely to a teacher's workload. In reality, having to chase students down to complete the self assessment in order to include it in reporting will be extremely difficult. There is not enough time in a semester system to do this 5 times.</t>
  </si>
  <si>
    <t>Teacher Workload Considerations</t>
  </si>
  <si>
    <t xml:space="preserve">Teacher work load is not being considered in this proposal. In order to fulfill the requirements being asked, teachers should be given a day to complete this work. Teachers already spend a lot of their free time on reporting and this would add a lot of additional hours. </t>
  </si>
  <si>
    <t>I think it is too much.  Can't they just learn?</t>
  </si>
  <si>
    <t>What do these four point really mean.  Are they euphemisms to make us feel better about our children?  You need to communicate what these four grading levels really mean.</t>
  </si>
  <si>
    <t>So they spend 9 years of schooling not really knowing what their grade really is and then all of a sudden at the end they find out.  What if they need to improve?  It is really too late in the last 3 years.</t>
  </si>
  <si>
    <t>I believe it is good for students to be able to self assess their learning.  After all that is what we do for the rest of our lives without getting a mark at the end.</t>
  </si>
  <si>
    <t>Sounds like a good idea.</t>
  </si>
  <si>
    <t xml:space="preserve">When we get elementary report cards now.  I get a page of what they did this year.  I already know that because my children told me and they had homework.  Then I get one sentence about their achievement.  These reports tell me less about my child than a letter grade.  </t>
  </si>
  <si>
    <t>The more the gov't tries to have written reports teachers find a way to make it efficient because they don't have time and the less parents learn about their child's education.  Also parents don't understand these new proficiency scales. You may as well write then in a foreign language.</t>
  </si>
  <si>
    <t>It’s unclear what these 5 reporting events are.  Do they include 2 parent/teacher conferences in addition to 3 written reports?  I’m concerned that there will be an increase in teacher workload.</t>
  </si>
  <si>
    <t>This scale with descriptive feedback makes sense over grades.</t>
  </si>
  <si>
    <t xml:space="preserve">I don’t teach this age group.  </t>
  </si>
  <si>
    <t xml:space="preserve">Although students currently make literacy, numeracy and social goals in my classroom (k-2), it would be difficult to require this for every subject x 3-5 times a year.  Factors that make this difficult: they are beginning readers and writers, they are just learning what a goal is. </t>
  </si>
  <si>
    <t xml:space="preserve">Lack if clarity </t>
  </si>
  <si>
    <t>Hard to answer this question because there’s a lack of clarity surrounding the expectations and what the new reporting will look like.  Are there 3 or 5 written reports? Are goals to be reported for every subject?  Will there be supports and training for teachers to implement the new reporting?</t>
  </si>
  <si>
    <t>I am unclear how this relates to semester systems (currently at Kitsilano).  It  seems that there needs to be double the amount of reporting.</t>
  </si>
  <si>
    <t>Overall I find that the four-point scale works well. However, I think some numerical grades throughout the term (not necessarily on a report card) are needed to help students gauge how they are doing, and should be shared with parents (assessments sent home with a numerical grade for parents to sign</t>
  </si>
  <si>
    <t xml:space="preserve">The number of reports remain the same. </t>
  </si>
  <si>
    <t xml:space="preserve">The four point scale has existed for my whole career, under different names. This new terminology does not change the categories we classify students' abilities into, just its nomenclature. Additionally, the language is less accessible to parents (second language speakers for example). </t>
  </si>
  <si>
    <t xml:space="preserve">I teach in the primary grades. </t>
  </si>
  <si>
    <t xml:space="preserve">"Proficient" is such a wide descriptor that it will be difficult for the student to know by how much they have improved (or not). </t>
  </si>
  <si>
    <t xml:space="preserve">I can agree that self-assessment is important, but I do not believe it needs to be part of the report and be part of the students permanent file. </t>
  </si>
  <si>
    <t xml:space="preserve">I can agree that goal-setting is important, but I do not believe it needs to be part of the report and be part of the students permanent file. </t>
  </si>
  <si>
    <t xml:space="preserve">I hope all educators already do this, new reporting order or not. </t>
  </si>
  <si>
    <t xml:space="preserve">More precision in what it should look like to offer conformity across the province. </t>
  </si>
  <si>
    <t xml:space="preserve">There are very few details in how this will be implemented (actually look like to parents), leaving individual school district (maybe even schools) to make their own decisions, creating a patchwork of reporting frameworks. </t>
  </si>
  <si>
    <t>Under the existing policy, the reporting events are evenly spaced out throughout the year and the Summary of Learning at the end of the year is very useful for parents and students to inform them of their child's progress in each grade.</t>
  </si>
  <si>
    <t xml:space="preserve">I think that the current terms are easier to understand - especially from a primary student's point of view.  </t>
  </si>
  <si>
    <t>This frequency wil provide sufficient communication with parents on our children's development and progress</t>
  </si>
  <si>
    <t xml:space="preserve">I prefer grades to the 4 point scale. Seems hard to obtain extending and my children generally would be Straight A students. </t>
  </si>
  <si>
    <t xml:space="preserve">Better identification of proficiency that we all understand. </t>
  </si>
  <si>
    <t xml:space="preserve">Do not like this scale </t>
  </si>
  <si>
    <t xml:space="preserve">Doesn't convey much and I don't think the students really understand the scale either. In theory it sounds good to self assess but fails in practice. </t>
  </si>
  <si>
    <t xml:space="preserve">A lot of pressure on teachers to adjust students through this process.  Adults have trouble goal setting and self assessing.  Too high a bar.  Would need a lot of buy in and high expectation that students actually care. </t>
  </si>
  <si>
    <t xml:space="preserve">There has been an increase in support for those students strugglng in a traditional learning setting.  While this is needed,  there is a move away from ensuring that our top achievers aren't bored and adequately challenged. The loss of AP/honour programs is a tragedy.  It's not a solution.  </t>
  </si>
  <si>
    <t xml:space="preserve">Teachers have no instruction on “how to” write these reports.  It is not the same number of reports that are required now. We currently have minimal prep time, NO support in the classroom, and more jobs imposed on us each year. We do everything we do for a wage that is not competitive. </t>
  </si>
  <si>
    <t xml:space="preserve">Students need to be taught about goal setting. Who is going to monitor these goals? Teachers don’t have time. Are you going to cut the class size I half, so teachers can have more one-on-one time with kids? </t>
  </si>
  <si>
    <t>How are teachers to manage this? Individualized instruction for 33 kids? What does that look like? How can it be sustained? If teachers are burned out, how does that help students?</t>
  </si>
  <si>
    <t>I'd like to see this scale only necessary for the core subjects.</t>
  </si>
  <si>
    <t xml:space="preserve">I don't like the idea of a sudden switch to grades. It is an outdated style of reporting - grades seem static and not useful for assessing for learning. </t>
  </si>
  <si>
    <t>Offering both will just make it so that parents ignore one over the other. Grades are unnecessary if the scale is already being used. They don't align nicely.</t>
  </si>
  <si>
    <t>So many students are incapable of self-assessing honestly, particularly at the primary level. Students that have more self-awareness tend to assess themselves hypercritically. Those that are less self-aware assess themselves so positively - completely unaware of their actual strengths and weaknesses</t>
  </si>
  <si>
    <t xml:space="preserve">In actual fact, the vast majority of students do not reflect on their goals after they have been made. Also, goals are fluid; they change as the student's abilities change in relation to different needs and tasks in the classroom. Parent support, follow-up, and interest in goals are minimal. </t>
  </si>
  <si>
    <t>It is unclear how students on IEPs and students not on IEPs but with learning differences and special needs will fit into reporting guidelines.</t>
  </si>
  <si>
    <t>The goal setting has been an additional astronomical amount of work for teachers without any gain for students. Student needs shift all the time. Learning is fluid. A false focus on one goal area doesn't look at the whole child. Students and parents rarely maintain interest in the goals.</t>
  </si>
  <si>
    <t>I would like more concrete updates, and sooner in the year. Waiting until December to find out officially how my child is doing is too late.</t>
  </si>
  <si>
    <t>Woud prefer letter grades.</t>
  </si>
  <si>
    <t>This is not accurate as some kids will say they are doing well to make themselves look good, whereas others will say they are doing poorly due to low self-esteem.</t>
  </si>
  <si>
    <t>Not needed for entry to university.</t>
  </si>
  <si>
    <t>Would like more frequent reporting. If school uses FreshGrade or ManageBac, would be a suitable alternative, but some teachers don't use it, or under-use it, which is why more frequent reporting is needed.</t>
  </si>
  <si>
    <t>Collective agreements are in place for three formal and two informal.</t>
  </si>
  <si>
    <t>Focus on learning towards proficiency.  Like the proficiency scales, enabling and strength focused language.</t>
  </si>
  <si>
    <t>I am sure parents and postsecondary institutions will appreciate this reversal. 
The percentages give the learner very little information and I feel that it is a step backwards.</t>
  </si>
  <si>
    <t xml:space="preserve">I don't think parents and students will pay any attention to it.  </t>
  </si>
  <si>
    <t>It is important that we are teaching our students to self assess as a part of their learning and feedback loops.  I think it would also be important to include teacher estimates of students developing core competencies as it will further clarify this as the essential curriculum.  There is some truth</t>
  </si>
  <si>
    <t>this is  a step backwards</t>
  </si>
  <si>
    <t>Would prefer 2 written reports, 3 informal reports a year</t>
  </si>
  <si>
    <t xml:space="preserve">I agree with reducing written reports to twice a year.  As a Kindergarten teacher, this system represents a significant increase in workload as my students are unable to do the digital work involved. </t>
  </si>
  <si>
    <t>Parents are well versed in the old grading system.  Our ELL families have great difficulty with this terminology.  It is confusing.</t>
  </si>
  <si>
    <t>This is a very difficult process for Kindergarten students.  It is developmentally inappropriate.  I find that the self assessments that we do are not really self assessments at the early primary level.</t>
  </si>
  <si>
    <t>Again, for K students this is difficult and ends up being teacher driven.</t>
  </si>
  <si>
    <t xml:space="preserve">I think we are missing the fact that by placing so much, including reporting, on digital platforms we are not being inclusive of all families.  </t>
  </si>
  <si>
    <t>I find the terms very vague, hard to explain to families, especially ELL families (which are a significant portion of our student population)</t>
  </si>
  <si>
    <t>Vague wording open interpretation by different school districts 
No mention of time or support for teachers with new model.
Given both the above, real potential for increased workload for teachers in reporting as opposed to actually working with students</t>
  </si>
  <si>
    <t xml:space="preserve">I have already used this system with grades 8 - 9 so this part is not new.  </t>
  </si>
  <si>
    <t>I am pleased that the upper grades remain as % in addition to letter grade.  I support the status quo on this item.</t>
  </si>
  <si>
    <t xml:space="preserve">As teachers, we can use all the positive aspects of mastery learning and still provide a more specific reflection of student achievement with %.  The range of the proficiency scale and letter grade only are both too broad for higher grades.  </t>
  </si>
  <si>
    <t xml:space="preserve">Unclear language - is this incorporated into their course achievement or is this just descriptive feedback provided by students.  Idea of student reflection is good but vague as to what this really means.
</t>
  </si>
  <si>
    <t xml:space="preserve">Again - specific details are lacking - can be interpreted in multitude of ways potentially leading to increased workload for teachers. </t>
  </si>
  <si>
    <t>Of course - idea sounds good - more detail required.</t>
  </si>
  <si>
    <t>Specific details lacking</t>
  </si>
  <si>
    <t xml:space="preserve">Teachers are already overwhelmed - and that was before the current situation - we don't need more work, change for the sake of change and lack of clarity on anything.  Burnt out teachers benefit no one  - there are limits and teachers are reaching theirs. </t>
  </si>
  <si>
    <t>For secondary schools that are semester, 2 written summaries would be needed</t>
  </si>
  <si>
    <t>Proficiency scales are better than letter grades</t>
  </si>
  <si>
    <t>If it’s required fit post secondary, it should be included</t>
  </si>
  <si>
    <t>A grade/percentage is already being used. This is redundant</t>
  </si>
  <si>
    <t xml:space="preserve">Students should self assess. However, instead of adding it to teachers workload to include, there should be access in MyEd for secondary to enter in this information themselves. Some parents may think the student assessment is the teachers or vise versa. </t>
  </si>
  <si>
    <t xml:space="preserve">But again, the follow through should also be the responsibility of the student. </t>
  </si>
  <si>
    <t>In secondary, teachers have many more students than elementary. To require teachers to write just as many comments as elementary is unrealistic. As usual, the government does not think to provide more time for teachers to do this administrative work while thinking to increase administrative work.</t>
  </si>
  <si>
    <t>I do digital reporting - I can't possible report on every subject 2-4X/yr. I take photos, videos, and write posts numerous xs/year. I don't understand how you expect me to do more. Did you consult with anyone who is doing digital reporting? I don't understand how you can expect more of teachers ...</t>
  </si>
  <si>
    <t>Re: Students who are not meeting - there is no where to state HOW FAR a student has come. You say that we are to meet every child where they are, and to teach them from where they're at, and yet there is nowhere to show how far they've come. I want to say more, but there's a limit to my answers here</t>
  </si>
  <si>
    <t>I love the concept. However, did you consult Kindergarten teachers? Have you thought about toileting, dressing, eating, learning routines, listening, following directions, etc. - all the skills needed at school? Then, you expect Ks to "self-assess" across the year? I'm feeling overwhelmed already...</t>
  </si>
  <si>
    <t xml:space="preserve">Again - have you consulted with K teachers? We are helping students go to the bathroom, dress, eat, learn to listen, follow directions and routines ... As much as I would like to help them learn about setting goals, I am just helping them be at school right now. I feel frustrated answering these qs </t>
  </si>
  <si>
    <t>I would love to teach to each child's needs. However, when there are numerous students requiring behavioural support, it is extremely difficult to "respond fully to individual needs ...". When students enter K with extra needs, there is never enough support. What do you expect me to do?</t>
  </si>
  <si>
    <t>Why do you only allow one choice? This survey feels biased. It only allows so many characters for answers, and only one choice at the end. Not that you will do anything about it, but if anyone reads this who cares, please take my concerns into account.</t>
  </si>
  <si>
    <t>The amount of reporting now is sufficient</t>
  </si>
  <si>
    <t xml:space="preserve">ELL parents have difficulty understanding proficiency scale. Students also have difficulty with it. Teachers will spend too much time writing reports that parents will not read. </t>
  </si>
  <si>
    <t>Parents, students, and post secondary institutions understand the present percentages.</t>
  </si>
  <si>
    <t xml:space="preserve">Just use one system. </t>
  </si>
  <si>
    <t>Students have difficulty self assessing with these descriptors. Strong students do alright but ELL, students with special needs, and average to below average students need a lot of direction… so what is the point if they are writing the teacher’s suggestions.</t>
  </si>
  <si>
    <t>Students set goals such as … I want to get an A. There isn’t a lot of deep thinking for most students. It’s an exercise in frustration for teachers.</t>
  </si>
  <si>
    <t xml:space="preserve">How can teachers meet the needs of ALL students? 30 students who are special needs, refugees, ELL, behavioural problems, gifted etc.  Not possible! </t>
  </si>
  <si>
    <t>Keep the reporting policy as is. Reporting does not improve student progress. Teachers want to teach,not write reports that parents won’t understand.</t>
  </si>
  <si>
    <t>Once a year teachers should administer standardized individual reading and writing tests. Spelling and math tests can be group tests</t>
  </si>
  <si>
    <t>Normed standardized tests, along with classroom performance, to describe student progress.</t>
  </si>
  <si>
    <t>Students are not objective.  What is the purpose of this?</t>
  </si>
  <si>
    <t>This is unneccessary</t>
  </si>
  <si>
    <t>Individually administered tests should be used</t>
  </si>
  <si>
    <t>Objective evidence of performance is needed</t>
  </si>
  <si>
    <t>I agree that the current number of reporting events are sufficient in providing actionable information without creating an information overload.</t>
  </si>
  <si>
    <t>The names of each level of performance are too confusing. The names of each level of proficiency should more clearly show the level of performance. For example: Not Meeting, Minimally Meeting, Meeting, and Exceeding expectations</t>
  </si>
  <si>
    <t>I agree letter grades should be included. Though a more standardized and explained reasoning behind percentage calculations should be mandated. There is too much room for discrimination in grading.</t>
  </si>
  <si>
    <t>I like this as it allows a more detailed overview of educational performance.</t>
  </si>
  <si>
    <t>I really like this as it allows students to participate and think of their own learning. This should not be used in any calculations of grades however, as poor self-esteem could negatively impact students.</t>
  </si>
  <si>
    <t>Overall I think this is useful, though fear the mental health impacts that not fulfilling goals due to external factors may cause.</t>
  </si>
  <si>
    <t xml:space="preserve">While I agree those with special educational needs should be assessed and given feedback with that in mind, percentage point grading should not change due to personal disabilities or needs. This would create massive problems with university recruiting and grading reliability.  </t>
  </si>
  <si>
    <t>I disliked RC writing as a teacher and equally dislike reading them as an admin.  Our RC in our district are LOOONG.  I've always believed in spending time with families explaining and showing rather than writing long RC which come across as cut and paste --no matter the effort</t>
  </si>
  <si>
    <t>Scale very good with some descriptive feedback but RC are too LONG and I believe most parents do not read the descriptive feedback but look at the scale.  Even as admin reading the RC, even when teachers do a great job...it still appears cut and paste and not personalized to warrant the effort.</t>
  </si>
  <si>
    <t>at this age, it is necessary as the universities still require this.</t>
  </si>
  <si>
    <t>I don't think you need both.  Either proficiency scale or letter grades.  By the letter grade, you can tell what the students' proficiency is.</t>
  </si>
  <si>
    <t>I think the core competencies are very important and a great addition to the curriculum.  Should be reported on ONCE a year BUT evaluation should be in greater depth than what I currently see. There is no standard for what is required for the CC reflections (up to teacher).</t>
  </si>
  <si>
    <t>There is too much that teachers are required to report on.  Goal setting is very important but perhaps take away something else to make room for this or make the reporting more simple (and easier) for teachers.  The descriptive feedback should not have to be so long.</t>
  </si>
  <si>
    <t>All learners should be evaluated based on their program.</t>
  </si>
  <si>
    <t xml:space="preserve">the amount of descriptive feedback </t>
  </si>
  <si>
    <t>Report cards need to be shorter and more manageable for teachers and admin. It is far too time consuming.  The proficiency scale, student self reporting/evaluation of CC, and goal setting all good. But descriptive feedback has got to be shortened to most important points.</t>
  </si>
  <si>
    <t>When students are allowed to finish courses and lift marks well after a course completion does not accurately reflect true learning.</t>
  </si>
  <si>
    <t>It’s not clear what is meant by written report. Is this to replace fresh grades picture and comment based assessment.
How is this reporting different from writing 3 formal reports and 2 interims as is currently required? 
This policy seems open to much varied interpretation.</t>
  </si>
  <si>
    <t xml:space="preserve">There is much discussion about what constitutes proficient and extending. Many teacher align this language to letter grades, with extending being an A. </t>
  </si>
  <si>
    <t>Feedback is always useful for students to know what their strengths are and what needs they may have.</t>
  </si>
  <si>
    <t xml:space="preserve">Reporting on all core competencies can be very overwhelming for younger students. </t>
  </si>
  <si>
    <t xml:space="preserve">Has goal setting not always been a part of student learning? </t>
  </si>
  <si>
    <t>This is not always possible with all students within a classroom.</t>
  </si>
  <si>
    <t>This policy is not clear. How is it different from current reporting?</t>
  </si>
  <si>
    <t>The language to describe the reporting process is confusing. I am unclear as to exactly what the reporting is going to look like.
More information would be useful in this evaluation.</t>
  </si>
  <si>
    <t>Using a student online portfolio for CSL, having 5 reporting events through the year is a lot of extra work on the teacher's part especially since we are already using the portfolios to communicate informally with families throughout the year. As a K teacher, this increases my workload significantly</t>
  </si>
  <si>
    <t>The CSL model that we were first introduced to asked us to communicate a student's performance without placing him/her in a "category" of sorts, however, I understand the need to communicate a student's performance to parents, the students, future teachers etc. in a concise way.</t>
  </si>
  <si>
    <t>Having students reflect on their growth in the area of the CC is extremely important, however, my district is asking that students reflect on the CC 9 times through the year as well as set goals connected to them. I feel like this makes it a "make work" process rather than an authentic experience.</t>
  </si>
  <si>
    <t xml:space="preserve">Using a student online portfolio for CSL allows us to communicate learning informally with families throughout the year. Having 5 reporting events, especially as a K teacher, increases my workload significantly and is a lot of extra work on the teacher's part. </t>
  </si>
  <si>
    <t xml:space="preserve">If I wish to do a good job at teaching. This new reporting is taking away from teaching time </t>
  </si>
  <si>
    <t>I like the proficiency scale makes overall assessment easier and allows for continual feedback</t>
  </si>
  <si>
    <t xml:space="preserve">Sr grades need marks </t>
  </si>
  <si>
    <t xml:space="preserve">Grades and comments are enough to give an overall assessment </t>
  </si>
  <si>
    <t xml:space="preserve">This is downloading more work to the classroom teachers. Students come to us at highschool without the ability to reflect and now I have to teach this as well </t>
  </si>
  <si>
    <t xml:space="preserve">Why add this. Students have enough to do and are stressed enough. </t>
  </si>
  <si>
    <t xml:space="preserve">Is this not what it has been forever do we not assess based on individuals </t>
  </si>
  <si>
    <t>Like I said before more reporting takes seafront time spent on lesson planning</t>
  </si>
  <si>
    <t>We only ever get copy-and-pasted reports, often with the wrong students’ names listed. Why bother if it’s going to be that ridiculous?</t>
  </si>
  <si>
    <t>Teachers don’t seem to be using it appropriately. They just translate each level into a letter grade.</t>
  </si>
  <si>
    <t>This is necessary for transition to University.</t>
  </si>
  <si>
    <t>That seems like a double the work for no purpose.</t>
  </si>
  <si>
    <t>The students are ill prepared for this, and my daughter in particular has a hard time ranking herself as highly as she might deserve. She’s constantly worried that if she ranks herself too high, the teacher will dock additional marks and give her a grade lower than she earned.</t>
  </si>
  <si>
    <t>My kids have never had to do this, but it seems like a good idea.</t>
  </si>
  <si>
    <t>Actual thoughtful comments from teachers.</t>
  </si>
  <si>
    <t>I am tired of getting copy and pasted report card comments that have no relation to my individual child’s learning. Maybe the teachers need more time to complete the report cards, or maybe they need more training, but right now the reports are useless.</t>
  </si>
  <si>
    <t>Student is aware of how well she is doing regularly and shares this info with parents</t>
  </si>
  <si>
    <t>I don’t mind the new four point scale but preferred grades</t>
  </si>
  <si>
    <t>letter grades are an accurate level of ones ability in the subject taken</t>
  </si>
  <si>
    <t xml:space="preserve">Providing a self assessment helps students take responsibility for their education and learning </t>
  </si>
  <si>
    <t>Student ownership as stated will help with success</t>
  </si>
  <si>
    <t xml:space="preserve">Perfect as every person has a different learning style </t>
  </si>
  <si>
    <t>It is satisfactory for the majority of students</t>
  </si>
  <si>
    <t xml:space="preserve">It is not useful for parents. Students in grades 8 and 9 should have letter grades and percentages to indicate how well they are doing in courses, especially for the core academic classes. Students don’t engage as much and don’t push themselves as much with this grading system. </t>
  </si>
  <si>
    <t xml:space="preserve">Please do not take this away. It should also be extended for grades 8 and 9. </t>
  </si>
  <si>
    <t xml:space="preserve">The proficiency scale is not helpful for students wanting to go to any post-secondary institutions. </t>
  </si>
  <si>
    <t xml:space="preserve">This is done by most teachers anyway. Please don’t make it a mandate because then it trivializes it for students and turns it into a joke. </t>
  </si>
  <si>
    <t xml:space="preserve">Again this does not need to be pushed. It is already done by good teachers. </t>
  </si>
  <si>
    <t xml:space="preserve">The proficiency scale makes students less engaged, less resilient, they take less responsibility for their learning, learning becomes more elementary, parents and students have not bought into this system. It will not produce more competent individuals. </t>
  </si>
  <si>
    <t xml:space="preserve">3 official reporting per semester will be a significant work increase compared to 2 that we do right now. </t>
  </si>
  <si>
    <t xml:space="preserve">It should be 3 scales instead of 4 as there are not much clarity between Emerging and Developing. </t>
  </si>
  <si>
    <t xml:space="preserve">University can translate what proficiency scale means in terms of grade or percentage if need be. Having these grades and percentages defeats the purpose of more accurate reporting which involves the scales. </t>
  </si>
  <si>
    <t xml:space="preserve">"Encouragement" only fuels more confusion. Please make up your mind. </t>
  </si>
  <si>
    <t xml:space="preserve">If more self-assessment pieces were to be implemented. MyEd and other resources need to be more integrated otherwise we need to manually include student's comments which takes too much time. </t>
  </si>
  <si>
    <t xml:space="preserve">this should be done at the in-class level as a formative piece instead of making it official each time. </t>
  </si>
  <si>
    <t xml:space="preserve">Instead of individualizing, there should be more emphasis on UDL. </t>
  </si>
  <si>
    <t xml:space="preserve">Stop increasing more work for teachers instead of adequately supporting them. Overworking does not benefit not only teachers but also students. </t>
  </si>
  <si>
    <t xml:space="preserve">I want grades back. The four point scale is not adequate. Parents and students don’t like it. 
It isn’t meaningful. 
</t>
  </si>
  <si>
    <t>Letter grades for 4+</t>
  </si>
  <si>
    <t>Students should reflect- but at the younger years they need guidance of grades!</t>
  </si>
  <si>
    <t>Apples need to be compared with apples. This is NOT how the real world works.</t>
  </si>
  <si>
    <t xml:space="preserve">Bring back grades. Enough of the “feel good” marking opportunities. Kids know they can fail and stop trying. </t>
  </si>
  <si>
    <t>Grade 9's should not be required to be a part of this marking scheme as they are in high school. There is no reason why percent is not sufficient and they should get used to how real marks work.</t>
  </si>
  <si>
    <t>Letter grades are pointless in every concievable way. How vague letters more descriptive than an actual quantifiable percent? The placement of what is a B+ and what is an A is completely arbritary. Other provinces have differing baselines (most of which make at least more sense (ie Ontario)</t>
  </si>
  <si>
    <t>The proficeincy of the student is inherant to the percent they recieve. The Proficiency would be selected based on the percent which only adds to the work done by the teacher and tells the student nothing aditional.</t>
  </si>
  <si>
    <t>Self assessment? Why? Students know when they're failing. I've never seen a student go "hrmm without this teacher forcing me to write 'I don't study enough' I would have never known I was failing my classes."</t>
  </si>
  <si>
    <t xml:space="preserve">Talk to students in a non-professional manner. Not a single one takes Goal Setting seriously and they just come up with whatever example was given by their teacher. </t>
  </si>
  <si>
    <t>How are regualr report cards not mindful of diversity and inclusion? This is already a thing we do...</t>
  </si>
  <si>
    <t>Why can we only select one option? This drastically skews the data and is actively dishonest. You should know better than this - just as a single statistician...</t>
  </si>
  <si>
    <t>Way too much work for teachers. I guarantee that if this thing passes, more teachers will leave. We’re already extremely short on teachers. Have some common sense.</t>
  </si>
  <si>
    <t>What if a student wants to apply to universities in other countries?</t>
  </si>
  <si>
    <t>Keep it the way it is now.</t>
  </si>
  <si>
    <t>Use one or the other. Don’t use both. Too much work for teachers. You just end up having people half assing these reports</t>
  </si>
  <si>
    <t>Ok then change the curriculum. You’re talking about taking extra time out of our very limited schedules already. This is also not something we should assign for homework.</t>
  </si>
  <si>
    <t xml:space="preserve">No. Teachers are not masters of all when it comes to education. We know this is about saving money, and it’s all starting right now with kids that have autism. </t>
  </si>
  <si>
    <t>More than 4 of these are concerns.</t>
  </si>
  <si>
    <t>These rules are made by people that have started in the education system 20+ years ago. Times have changed. I agree that things should be different, but maybe ask current teachers who have only been in the profession for a few years.</t>
  </si>
  <si>
    <t xml:space="preserve">Decrease frequency </t>
  </si>
  <si>
    <t>Too many…..</t>
  </si>
  <si>
    <t>Jibberish….go back to employability type comments with grades..
Teach kids that no accountability and you can’t fail…not prepping them for real life</t>
  </si>
  <si>
    <t>Focus on employability skills….not a bunch of jibberish</t>
  </si>
  <si>
    <t>Not enough supports in place to help achieve this</t>
  </si>
  <si>
    <t>Most should be changed</t>
  </si>
  <si>
    <t>I teach on a semester system and this report would have me assessing students once a month. I think that two written reports at term and course end plus one more interim report be mandatory. If a student is in danger of failing then parents should be informed before course end.</t>
  </si>
  <si>
    <t>I like that I can tell students what they are good at and what areas need improvement. The vagueness of proficient and extending make it challenging.</t>
  </si>
  <si>
    <t xml:space="preserve">Giving a percentage is more specific than a letter grade for a student. That helps students applying to university. </t>
  </si>
  <si>
    <t>The assessments for the proficiency scale are more time intensive than for a mark based evaluation</t>
  </si>
  <si>
    <t>Does a student so it for each class? Students will soon be disengaged if they have to do it for every class</t>
  </si>
  <si>
    <t>More training for teachers is needed to make this meaningful to students and get their buy in</t>
  </si>
  <si>
    <t>I already need to make adaptations for students for ways to show their learning. I teach a language. I teach reading, writing, listening and speaking. I have non verbal students. Do they fail because of that? No. They show their learning in an alternate way</t>
  </si>
  <si>
    <t>Make it clear. Have someone who is actually in a classroom make recommendations. I don't need more work</t>
  </si>
  <si>
    <t>3 formal, written reports on ALL subject areas, plus 2 "others" is a discouragement to the continual, timely, interactive feedback that I am currently providing to students and families through digital portfolios; there is only so much time available.</t>
  </si>
  <si>
    <t>Proficiency scale, when used appropriately and explained properly to both students &amp; parents is an effective way to provide meaningful feedback.</t>
  </si>
  <si>
    <t>Having letter grades available to those applying to post-secondary, especially in other countries is, at least at this time, a necessity.</t>
  </si>
  <si>
    <t>Consistency is reporting is important.</t>
  </si>
  <si>
    <t>Teaching students to accurately self-assess is an important life skill.</t>
  </si>
  <si>
    <t>Goal setting, reflection, and adjustment are important self awareness &amp; life skills.</t>
  </si>
  <si>
    <t>Assessment &amp; evaluation are only effective if they meet students where they are at.</t>
  </si>
  <si>
    <t xml:space="preserve">As above - timely, interactive feedback using digital portfolios &amp; a variety of communication tools is more effective than "term reports" provided only at selective times throughout the year; expecting teachers to do both, however, is unrealistic given all of the other things we do/manage.          </t>
  </si>
  <si>
    <t xml:space="preserve">I do not have anything to compare to. I would not want more reporting. If anything less would be better
</t>
  </si>
  <si>
    <t>Students going into grade 10 struggle to adjust to percentages. Many parents don't understand and ask for percents at grade 8 and 9</t>
  </si>
  <si>
    <t xml:space="preserve">Pick one or the other. Not both. </t>
  </si>
  <si>
    <t>Students do not understand self reflection or core competencies. The thinking level is too high for genuine growth</t>
  </si>
  <si>
    <t>Student do not understand this</t>
  </si>
  <si>
    <t>Middle school and high school grades 7-12 should be percentage. Strength based comments are still given but students and parents better understand numbers than an interpretive scale.</t>
  </si>
  <si>
    <t>Adequate frequency throughout the school year.</t>
  </si>
  <si>
    <t xml:space="preserve">It seems there should be in one more level between Developing and Proficient.  </t>
  </si>
  <si>
    <t xml:space="preserve">It's better to have percentage since letter grades cover range of percentage marks.  </t>
  </si>
  <si>
    <t>Extra work for redundant information.</t>
  </si>
  <si>
    <t xml:space="preserve">It's good to have students complete the assessment.  However, students may find it redundant, repetitive or tedious if they have to do for all subjects.  </t>
  </si>
  <si>
    <t xml:space="preserve">Students need to learn how to set their goals first.  
Many students with disabilities (designated) including English language learners need extensive one-on-one support to identify and set their goals.  However there is serious support staff shortage to help them.    </t>
  </si>
  <si>
    <t>Need more clarification and elaboration on what it means by 'inclusive' assessment/evaluation practices.</t>
  </si>
  <si>
    <t>Practical guideline should be given with sufficient support staff for students with diverse needs.</t>
  </si>
  <si>
    <t>four-point scale is trash</t>
  </si>
  <si>
    <t>I would expect report cards to be sent home every term, my concern would only be in what kind of information is being provided.  Having experienced the proficiency reporting last year with my son, I have to say that I was unimpressed by the terms used and would have preferred letter grades.</t>
  </si>
  <si>
    <t>I found the terms confusing and my son experienced frustration with the grading as well.  In the end, I felt the broad categories provided a disincentive to work hard.</t>
  </si>
  <si>
    <t>I think letter grades and percentages are easy to understand and provide motivation to work hard and improve.  They should return to the lower grades.</t>
  </si>
  <si>
    <t xml:space="preserve">If you are using letter grades and percentages, why would you want to then also include proficiency grading?  It seems to me that to do so would be to purposefully make reporting less clear and more muddied.  If you want parents to understand, then speak the language that they use. </t>
  </si>
  <si>
    <t>I saw some of my son's "self-assessments" over the course of last year and I question his ability to accurately report on his efforts.  I understand the attempts being made, I just question whether a teenage boy is capable of honest, reflective self-evaluation.  It became a "hoop" to jump through.</t>
  </si>
  <si>
    <t>Goals are good, but to require educational and career-related goals in every subject that they take seems a bit out-of-touch with the reality of teenage students who may be passionate about one or two subjects, but not all.  I feel it just becomes a mandated "hoop" to jump through.</t>
  </si>
  <si>
    <t xml:space="preserve">I'm not sure as to what is being asked here.  The impression is that all reporting is individualized and if so, how am I to know as a parent how my child is doing in relation to his peers or a standard?  </t>
  </si>
  <si>
    <t>Letter grades and percentages starting in Grade 6</t>
  </si>
  <si>
    <t>Letter grades and percentages should be brought back to grades 6 and above.  I feel that the proficiency grading is non-sensical (are not Emerging and Developing synonyms?), and too broad in scope.  If the intent is to effectively communicate with parents, speak the language they know.</t>
  </si>
  <si>
    <t>As a 'snapshot' of learning at any particular time, I am not sure the process of report card accurately and effectively provides meaningful information to students and parents. Given the administrative nature of the process, report card are often backward looking and typically provide out dated info</t>
  </si>
  <si>
    <t>I wonder to what extent the BC Ministry of Education can negotiate assessment requirements with the universities to develop a system which more accurately reflects student accomplishments both inside and outside of the formal classroom learning environment. A percentage system is out dated</t>
  </si>
  <si>
    <t>I think schools should be given increased flexibility to use language for core competencies which more accurately reflects their specific contexts.</t>
  </si>
  <si>
    <t>While student self-assessment is an effective assessment strategy, it requires a lot of time to teach students how to do this properly. What support will be provided for teachers to learn how to support this process effectively?</t>
  </si>
  <si>
    <t>The summary of learning is a third written report. Why is it being separated out in your wording? Two written reports takes a lot of time to prepare. To add another one seems like we are taking a step backwards to the old way of writing reports. They take so much time. We're not given time to write.</t>
  </si>
  <si>
    <t>I am a K-9 teacher.</t>
  </si>
  <si>
    <t xml:space="preserve">Having students involved in their own reporting is an excellent way of teaching them what reporting is. </t>
  </si>
  <si>
    <t xml:space="preserve">Two written reports with three opportunities for sharing in person is sufficient. </t>
  </si>
  <si>
    <t>No clarity on what the 5 reports are or guarantee of consistency between districts. It is not reasonable to increase the reporting load.</t>
  </si>
  <si>
    <t>Pick an assessment for grades 10-12. They should not have to do both.</t>
  </si>
  <si>
    <t xml:space="preserve">We already do this in our district,but there should be better consistency and guidance. </t>
  </si>
  <si>
    <t xml:space="preserve">Again, we do this and I enjoy it. Students and families also enjoy it. Better consistency and guidance needed. </t>
  </si>
  <si>
    <t xml:space="preserve">Isn't this best practice anyways?! </t>
  </si>
  <si>
    <t xml:space="preserve">The workload in a given year is at an all time high with IEPs, meetings, curriculum implementation, etc ... It needs to slow down. Too many teachers are burning out and all the changes are happening too fast with not enough support or opportunity to learn for educators. </t>
  </si>
  <si>
    <t xml:space="preserve">While the frequency listed above sounds manageable, in reality it will be 10 reporting out periods at the high school level because of the semester system. That is a rate of one each month, and we will not have time to teach and watch growth and gather meaningful evidence at this pace. </t>
  </si>
  <si>
    <t>I like the scale because it makes it possible to rely more on qualitative feedback to students and stops them from being as marks driven.</t>
  </si>
  <si>
    <t>I think universities do need the marks in order to distinguish between students for scholarships before accepting as it's quite competitive.</t>
  </si>
  <si>
    <t>Why would we do both? I do feel like we should treat it as one concept or another - to say they are interchangeable challenges the concept of the proficiency scale altogether.</t>
  </si>
  <si>
    <t>At the high school level, are we really hoping for the students to do focus on core competencies in EVERY subject area? We can make connections and touch on this in each subject, but in terms of evaluating their core competencies, perhaps one subject area that everyone takes - can be chosen.</t>
  </si>
  <si>
    <t xml:space="preserve">I'm already doing this. It helps for students to set goals and work toward them. </t>
  </si>
  <si>
    <t>We are also already doing this. One concern I do have about diverse learners is that they need support in their elective classes as well, and this does not always happen to the extent of support in academics.</t>
  </si>
  <si>
    <t>Again, we will be overwhelmed at the high school level with 10 reports a year (5 each semester). We are never given time off to report out. My teaching plans will definitely go down hill if I don't have time to prep, assign, mark, and give valuable feedback - feedback does not have to be on a report</t>
  </si>
  <si>
    <t>Bulgarian</t>
  </si>
  <si>
    <t xml:space="preserve">This system doesn't work. If the child is falling behind the parent gets to know far too late. The parents should be informed how their kid is doing on monthly, not to say on weekly basis if we want our kids to be more successful. </t>
  </si>
  <si>
    <t xml:space="preserve">Identifying the student as proficient or emerging is not enough. The student is learning all year and during this year his performance should be followed by regular grades... I would propose a grade / subject every week and one summary exam each term, and those altogether to define how is he. </t>
  </si>
  <si>
    <t xml:space="preserve">I have small kids and I don't really understand the system for higher education in Canada yet... haven't research the admission process yet. etc </t>
  </si>
  <si>
    <t xml:space="preserve">I like some assessment continuity across grades... but as I said - my kids are small. </t>
  </si>
  <si>
    <t>I like the idea the kids to self assess themselves I am just not sure how this will actually work. Should have put examples in the survey... All new immigrants will have difficulties understanding what exactly are you asking unless it is something already existing. We have studied in different syste</t>
  </si>
  <si>
    <t xml:space="preserve">It is good kids to set their own goals but the plan for achieving them should be teacher controlled. </t>
  </si>
  <si>
    <t>If that means that the merit for students with disabilities will be the same - I don't agree. People have different abilities, putting everyone on the same merit just makes the good ones bored and the struggling ones to struggle more and hate school. There should be classes for advanced students.</t>
  </si>
  <si>
    <t>Early years are important as they built kids perception of how they do at school. And also these are the years when it is hard to say if the kids is struggling or just needs more time. Those years are most important to built the habit to study, do homework... frequent reporting is crucial.</t>
  </si>
  <si>
    <t xml:space="preserve">Cannot differentiate performance within higher grades
Not enough time to measure preparedness (by checking letter grades) in advance of courses that count for post secondary education </t>
  </si>
  <si>
    <t xml:space="preserve">Those are unnecessary if you have letter grades </t>
  </si>
  <si>
    <t xml:space="preserve">I don’t think it’s effective </t>
  </si>
  <si>
    <t xml:space="preserve">Fix gym class grades in particular, they discriminate against smaller students and female students </t>
  </si>
  <si>
    <t xml:space="preserve">Parents need  clear suggestion of what to do about my child's level of learning. For example if a child is in grade 3 but has a kindergarten reading level and his is causing the child anxiety. </t>
  </si>
  <si>
    <t>Not all children learn the same way.</t>
  </si>
  <si>
    <t xml:space="preserve">Most kids are honest. </t>
  </si>
  <si>
    <t xml:space="preserve">Parents need to be informed more often. That will get them involved. We are always told everything is fine. I personally feel that teachers are not educated enough in learning disorders and mental health. </t>
  </si>
  <si>
    <t>In line with current requirements.</t>
  </si>
  <si>
    <t>We are already using it so works well for us.</t>
  </si>
  <si>
    <t>The ministry needs to start working with universities and colleges regarding the use of a proficiency scale for graduation and applications.</t>
  </si>
  <si>
    <t>Students should be reflecting and assessing these competencies all year rather than just at the end.</t>
  </si>
  <si>
    <t>This sets students up for success.</t>
  </si>
  <si>
    <t>This should already be in place in schools so it is great that it is a requirement.</t>
  </si>
  <si>
    <t>Mandatory use of proficiency scale for 10-12 in addition to percentages.</t>
  </si>
  <si>
    <t xml:space="preserve">On a semester program, 25% timeline for providing feedback may be difficult for teachers who are still just getting to know their students and establish their class.
</t>
  </si>
  <si>
    <t xml:space="preserve">Concerns about Emerging representing both within and below grade level. In Gr 9 (for example), how to clarify who is within grade level and who is below and how or whether they are moving onwards?
</t>
  </si>
  <si>
    <t xml:space="preserve">The Proficiency Scale should be used for K-12 ONLY. Percentages and letter grades should not be an option as it undermines the entire philosophical shift to competency-based assessment practices and reporting. What impact does this have on students when they have to switch in grade 10?? 
</t>
  </si>
  <si>
    <t xml:space="preserve">Proficiency Scale and LG/%. are two completely different philosophical approaches that cannot be converted. Do not provide a conversation table as this undermines the proficiency scale!!! Having both in the same school is counterintuitive and counterproductive. It forces comparison/alignment.
</t>
  </si>
  <si>
    <t xml:space="preserve">Language needs to change from “Assessment” to “Reflection” otherwise it becomes evaluative and comparative. Work is needed within current secondary structures to make this authentic and effective. How can we ensure that these important reflections are retained and moved forward with students? 
</t>
  </si>
  <si>
    <t xml:space="preserve">More clarity needed. How do we prevent this from being taken over by CLE/CLC and being fully career-oriented? Concrete exemplars would be very helpful (with logical connections with core comps).
</t>
  </si>
  <si>
    <t xml:space="preserve">Love that this is more streamlined and inclusive for all. Everyone is represented rather than splintered amongst different approaches and policies
</t>
  </si>
  <si>
    <t xml:space="preserve">The proficiency scale should be the only reporting option for K-12. Students/parents will have experienced this from k-9 and then are supposed to adapt to a completely different assessment approach for grades 10-12 which puts the focus on point gathering/numbers rather than student learning. </t>
  </si>
  <si>
    <t>Current practice is a reasonable number of "official" reporting events. As marks are available on MyEdBC for parents, they are free to check student progress at any time, so can be updated as often as they choose to visit the site.</t>
  </si>
  <si>
    <t>District configurations vary, but in my district students move to high school for Gr. 9. I believe the reporting policy for Gr. 9 to 12 should be the same for consistency throughout the high school system and to introduce students to expectations/reporting for Gr. 10-12.</t>
  </si>
  <si>
    <t>I do think we should move to letter grades only though, and not percentages.</t>
  </si>
  <si>
    <t>Some teachers may prefer to use this option and should be able to if they wish. I don't believe it is appropriate to turn proficiency scales into % though, which may be required by universities.</t>
  </si>
  <si>
    <t>Too many questions - how often? When? In every class or a more general format? When reporting is digital how is this "included"?</t>
  </si>
  <si>
    <t>Same as previous question - too many questions about the logistics of this. Students already do this in Career Ed &amp; in my district record in My Blueprint. Seems redundant to also include in reporting.</t>
  </si>
  <si>
    <t>Explained previously- specifically as it relates to Gr. 9 required proficiency reporting.</t>
  </si>
  <si>
    <t>-uncertain the extent of writing/work involved/formality of the two written formative updates during the year. (hoping less thorough than the summative in june)
-language includes a minimum of 5 learning updates, but not a maximum. concerned that this allows SD's ability to require many more.</t>
  </si>
  <si>
    <t>i wonder if receiving grades for the first time in grade 10 is too late?? students need to understand their meaning prior to them "counting" towards graduation. most high schools are gr 8-12, let them be consistent and provide letter grades (not percentages) to grade 8 and 9 as well</t>
  </si>
  <si>
    <t>concerned about how often this would be required. Once or twice a year is ideal</t>
  </si>
  <si>
    <t>frequency of 5 should not be a minimum, but a maximum as well.</t>
  </si>
  <si>
    <t xml:space="preserve">I feel the amount of feedback provided to parents at this point in time is sufficient. </t>
  </si>
  <si>
    <t>Universities are no where near accepting these types of marks that do not include a letter grade, and it does not help students ready themselves for receiving letter grades. I teach in an IB MYP school where Grade 11 students struggle with difficulty when transitioning from the IB scale to grades.</t>
  </si>
  <si>
    <t>Universities are no where near accepting anything but percentages and grades. Until they are on board with change, we should not change. It is already a stressful time for Grade 12 students in particular as they apply to schools.</t>
  </si>
  <si>
    <t xml:space="preserve">This sounds like a lot of work for teachers who already have full classes of 30, up to 200 students a teacher. </t>
  </si>
  <si>
    <t xml:space="preserve">Too much reflection leads to apathy and even anger toward reflection. Students need to buy into this, not have it forced on them. </t>
  </si>
  <si>
    <t>Goal setting only works if there is legitimate follow-through.</t>
  </si>
  <si>
    <t>I believe in making sure all student needs are met across the spectrum.</t>
  </si>
  <si>
    <t>As stated earlier, I don't believe moving to the PPS is a good option for grades 8-9. It works for K-7, but not high school.</t>
  </si>
  <si>
    <t xml:space="preserve">I am hopeful that at secondary school proficiency language will also be explored as valid, thoughtful communication about learning. </t>
  </si>
  <si>
    <t xml:space="preserve">The learning feedback is far more meaningful if it shares what skills students are developing. </t>
  </si>
  <si>
    <t xml:space="preserve">The numerical percentage does not communicate clearly where the strengths of a learner are and what their areas of excellence and challenge are. It can be more reflective of performance on tasks rather than understanding and application of skills. </t>
  </si>
  <si>
    <t>This is similar to the current frequency. With increased reporting available to parents through posting student achievement on web accessible portals, more frequent reporting is probably not needed.</t>
  </si>
  <si>
    <t xml:space="preserve">Percentages and letter grades do not reflect best practices in grading. </t>
  </si>
  <si>
    <t>Proficiency scales represent strong practices in assessment and grading.</t>
  </si>
  <si>
    <t>I feel that some students do not sufficiently apply themselves to these reflections. This leads to cynicism regarding this process. It feels inauthentic.</t>
  </si>
  <si>
    <t>The new categories very broad strokes and not clear communication to parents.  The Proficient category is a catch all and does not effectively distinguish between students who would previously have fallen into more discrete categories such as C+ or B.  key differences</t>
  </si>
  <si>
    <t>Students and parents understand letter grades and, when accompanied by a meaningful comment,  get a clearer picture as to what these achievement indicators mean -</t>
  </si>
  <si>
    <t>% and letter grades communicate the same type of information in the proficiency categories - and is enough information.  No need to pile on more work for teachers by assigned a proficiency category.  Parents and students can figure it out based on %/letter grade</t>
  </si>
  <si>
    <t>Goal setting is great, but need not be tied to reporting - a time when there is already a lot going on for kids and teachers</t>
  </si>
  <si>
    <t>quality</t>
  </si>
  <si>
    <t>Reporting seems very generic especially at younger grades. Would have a preference for to breaking down the assessment criteria for determination of achievement level within proficiency scale to more readily highlight which particular areas are strengths, challenges, need more support etc.</t>
  </si>
  <si>
    <t xml:space="preserve">lack of clarity surrounding reporting expectations.
a disconnect between the draft reporting order and the needs of distributed, distance, and blended learning models.
lack of guidance from the Ministry to ensure consistent approaches across the province in implementing the new reporting order.
</t>
  </si>
  <si>
    <t>the potential for a significant increase in teacher workload to meet the new reporting requirements.</t>
  </si>
  <si>
    <t>Balance of formal and informal learning updates.  On-going communication with parents and guardians.</t>
  </si>
  <si>
    <t xml:space="preserve">The proficiency scale offers more meaningful feedback on student learning than %s or letter grades.  However, the accurate, valid, and reliable use of the proficiency scale requires accompanying provincial standards for grade levels and disciplines.  </t>
  </si>
  <si>
    <t xml:space="preserve">I hope that the proficiency scale is coming for 10-12.  Why stop "best practice" in assessment suddenly in the grad program. I hope we are not just accommodating post-secondary pressure to "sort" students for them.  </t>
  </si>
  <si>
    <t>I'm glad it's an option, but the language is not "encouraging" of the proficiency scale- just offering it.  A problem is that reporting policies don't change classroom practices.  Teachers can use old assessment practices and still "report" a proficiency. Ex. 86%= Proficient</t>
  </si>
  <si>
    <t>It's good that 10-12 are now self-assessing on these (it's part of  their competency-based curriculum after all).  Again, %/letter grades don't align with the competency-based curriculum! Creates concerns at the school level re: who is responsible for getting students to do it.</t>
  </si>
  <si>
    <t>Makes sense!  However, the platform used by students to self-assess must be easily accessible to be revisited years later, or what is the point of the goal setting?  Is the student-generated assessment/goal attached to the report card? separate document?  Requirements and options are unclear.</t>
  </si>
  <si>
    <t>Time and training on competency based IEPs would be extremely helpful. (So would time and training on Standards based grading for classroom teachers)</t>
  </si>
  <si>
    <t>Already noted.</t>
  </si>
  <si>
    <t>Way to vague</t>
  </si>
  <si>
    <t xml:space="preserve">To vague and not very useful. </t>
  </si>
  <si>
    <t xml:space="preserve">The proficiency scale is great but how are students able to transition successfully in grade 10 to letter grades? Students need time to understand how each grading system works and letter grades in grades 8 &amp; 9 help them with this transition before their grades are on their transcript. </t>
  </si>
  <si>
    <t xml:space="preserve">Students need to have practice understanding what the letter grades mean before they are being used for University applications. Introducing letter grades in grade 10 will set many students up for failure and increased anxiety. </t>
  </si>
  <si>
    <t>Letter grades and proficiency scales need to be used in grades 8-12.</t>
  </si>
  <si>
    <t xml:space="preserve">More time is needed to allow for this kind of personal and individualized education. There are more students and less teachers and with all students given individual programs and assessments it is unrealistic for teachers to do this on their own. </t>
  </si>
  <si>
    <t>I think the more reports the ether so I can be up to date on how I can help my kids at home with different areas of learning/approaches to help.</t>
  </si>
  <si>
    <t>It seems to be a clearer method of reporting where the student is at. Old grade system seemed to rely on the child memorizing and regurgitating facts...only to be mostly forgotten as soon as the test/unit was complete. This method seems to dig deeper into their proficiency and understandING of the s</t>
  </si>
  <si>
    <t>Makes sense for post secondary evaluation</t>
  </si>
  <si>
    <t>Sounds like a smart idea</t>
  </si>
  <si>
    <t>Good to know what the student thinks of their understanding and progress</t>
  </si>
  <si>
    <t>I like that students are more involved in their learning</t>
  </si>
  <si>
    <t>I mean, of course it should be inclusive</t>
  </si>
  <si>
    <t>My only concern would be that suddenly going to letter grades in grade 10 when they haven't experienced them before may cause anxiety ND revert students back to the mindset of regurgitating data rather than truly learning the material</t>
  </si>
  <si>
    <t>The amount of feedback we get, works, and the information given is great.</t>
  </si>
  <si>
    <t>It works for everything that we need and it makes sense.</t>
  </si>
  <si>
    <t>don't have anyone in those grades to comment on.</t>
  </si>
  <si>
    <t>It's working, with the teacher's we've had, they are great with getting the Growths in Core Competencies related to their students.</t>
  </si>
  <si>
    <t>It looks great</t>
  </si>
  <si>
    <t xml:space="preserve">This should not be mandated. </t>
  </si>
  <si>
    <t xml:space="preserve">A proficiency scale requires crystal clear standards. The transition from middle to secondary is already an enormous step that is ripe with maturity and learning gaps, and going from proficiency to grades only makes that even more challenging. </t>
  </si>
  <si>
    <t>A standards and competency based report makes sense - if it is set up well!</t>
  </si>
  <si>
    <t xml:space="preserve">This would depend on the reporting system and if percentage and letter grades automatically generate a spot on the proficiency scale. </t>
  </si>
  <si>
    <t xml:space="preserve">Great. But this should not be a ministry mandate. </t>
  </si>
  <si>
    <t>The ministry trying to mandate any of this</t>
  </si>
  <si>
    <t xml:space="preserve">The ministry of education should be a supporting system, not a governing body. </t>
  </si>
  <si>
    <t>If a teacher in a secondary school teaches both linear and semester courses concurrently, they would start the process of reporting after 4-5 weeks of school and then be continuously reporting until the end of the year.  Also, most families just throw report cards out.</t>
  </si>
  <si>
    <t>Grade 9 teachers with 120 students will be reporting on a plethora of competencies for each student, there isn't enough time in a day to do this on top of teaching all day.  When are they going to sleep?</t>
  </si>
  <si>
    <t>I understand that students will be practicing from K forward, but the majority of students do not have the introspective skills of assessing themselves.</t>
  </si>
  <si>
    <t xml:space="preserve">We do this in Career Ed already, this is redundant. </t>
  </si>
  <si>
    <t>Many students with diverse needs are not learning some or any of the competencies that their age peers are learning, so are you proposing teachers will be using elementary model for secondary students...or are we just failing everyone?</t>
  </si>
  <si>
    <t>This is too much overreach by the Ministry, less guidelines and more support is where we need you to be.</t>
  </si>
  <si>
    <t>Make Parent-Teacher day mandatory at least twice a year</t>
  </si>
  <si>
    <t>To facilitate growth/improvement, students and their parents/guardians need regular and consistent feedback on progress being made in each course during the school year.   This will also help teachers gauge areas of weakness within a classroom group and when adjustments to teaching are required.</t>
  </si>
  <si>
    <t>Younger students do not need assessment to be more fine-grained than this. Learning in K-9 should not be a competition, but geared toward the learning needs of individual learners.</t>
  </si>
  <si>
    <t>Students who are getting ready to transition work or postsecondary need the more specific feedback that letters grades/percentages provide.  The percentage ranges assigned to each letter grades should be reviewed in comparison to other provinces, though.  For example, 70% is more often a "B".</t>
  </si>
  <si>
    <t>More information is always welcome!  This would be one more way to look at your child's progress.  Nothing wrong with that.  As long as it is supplementary information, and does replace letter/percentage grading.</t>
  </si>
  <si>
    <t>This is a similar concept to professional development/core competency exercises that employees do at some companies.  It allows self-determined growth.  It works quite well to help employees and their supervisors focus on the goals and provide them with direction throughout the year.</t>
  </si>
  <si>
    <t>Every child in a classroom should be considered a learner, and all learners have unique learning needs. This will be an important way to provide feedback and determine direction for skill-building and growth.</t>
  </si>
  <si>
    <t>percentage grading scale</t>
  </si>
  <si>
    <t>As commented in a previous question, please look at how percentages are assigned to the letters in the grading scale -- particularly in the 'B' and 'A' range.  Percentage-wise, it is more difficult to receive a B or A compared to other provinces.</t>
  </si>
  <si>
    <t>I am trusting this is important to maintain proper reporting of a snapshot in time of education practices in the school district.</t>
  </si>
  <si>
    <t>This measurement does not take in to account what is going on in the child's life.  What is life like in the home, the community and during this pandemic, the world.  Also, the effect of hormones in developing bodies.</t>
  </si>
  <si>
    <t xml:space="preserve">All children are different.  To be ruled by a number or a letter to determine your educational future at a moment in time, is in my opinion, unfair.  </t>
  </si>
  <si>
    <t>This would give a better picture of the student's development.</t>
  </si>
  <si>
    <t>As long as students have active dialogue and participation in these assessments.</t>
  </si>
  <si>
    <t>sounds good to me.</t>
  </si>
  <si>
    <t>We have to learn to listen to everyone. They often know what is best for them.  Hey, we might learn something really useful, expand our thinking.</t>
  </si>
  <si>
    <t>It is important to do many reporting events throughout the years to make sure that the teacher, student and parent are all on the same page. It also provides opportunity for students to improve their skills if they are struggling.</t>
  </si>
  <si>
    <t>This system is very arbitrary. It does not give concrete information on how the student is doing in class, and how much of the competencies and content they are understanding. It is difficult for parents to understand this education language, and will just be compared to grades and numbers in theend</t>
  </si>
  <si>
    <t>This gives students, parents and teachers a concrete way to understand where students are at in their learning. It also does not make sense why grade 9 isn't included in this group as secondary schools are grades 9-12</t>
  </si>
  <si>
    <t>Secondary school teachers have up to 120 students that they see every day. That is over 4 times the amount of students that elementary teachers see. It is too much of a workload increase for teachers to carry this out successfully. It is also a great way to burn out new teachers.</t>
  </si>
  <si>
    <t>This is good for students to have accountability for their educational career. It is done informally in most classrooms, so this would just make sure it is done in all classrooms.</t>
  </si>
  <si>
    <t xml:space="preserve">This would be fine for elementary grades, but students in middle school and secondary school already do this in careers or career education respectively. It would be redundant to do this in all of their classes as well. </t>
  </si>
  <si>
    <t>This is already common in schools</t>
  </si>
  <si>
    <t>It does not make sense to have grade 9 classes to use the proficiency scale. They are in secondary schools and teachers see up to 120 students a day. It will increase the workload to a point where teachers will have to compromise other parts of their teaching practices just to write out the comments</t>
  </si>
  <si>
    <t>The only challenge I have is that the first reporting is in the first 25% of the school year, this doesn't align well with a school that is using a trimester system as the first official reporting would instead be in the first 30%.</t>
  </si>
  <si>
    <t>I love the proficiency scale however I am concerned that parents would now be "aiming" for Extending with their children not understanding that Extending is a sophisticated understanding. Could extending be simply commented on and not part of the scale depicted on the CSL?</t>
  </si>
  <si>
    <t xml:space="preserve">Percentages are extremely subjective, teachers would be in better alignment with a standards method of assessment if they had Letter grades only (a 7 point scale) instead of a 100 point scale. </t>
  </si>
  <si>
    <t xml:space="preserve">I would love to see this be mandatory and not optional. </t>
  </si>
  <si>
    <t xml:space="preserve">Self-assessment is a critical skill, students ability to do so, and their voice on the communication of student learning is incredibly valuable. </t>
  </si>
  <si>
    <t xml:space="preserve">This skill, goal setting, will need to be explicitly taught. Students need support in creating realistic goals for themselves and then following through. </t>
  </si>
  <si>
    <t xml:space="preserve">I love that inclusive education was considered. Students with diverse abilities need to have a communication of student learning that looks similar/the same as their peers.  </t>
  </si>
  <si>
    <t>Again, I think percentages cause teachers to create summative assessments that differentiate between a couple of percentages. Percentages essentially ensure that many teachers will just keep doing what they've been doing.  If there was a switch to letter grades only teachers would be forced to adapt</t>
  </si>
  <si>
    <t>I feel like I'm getting routine updates on my children's progress and not waiting months, it helps me feel more involved.</t>
  </si>
  <si>
    <t>I am ok with the changes to the policy and appreciate that they kept the number of reports the same. My question is are teachers going to receive extra paid time to write these more detailed reports and to make these plans for students that have not demonstrated enough evidence to receive a grade?</t>
  </si>
  <si>
    <t xml:space="preserve">I work at an 8-12 high school. It would be easier if we could apply the same types of reporting for all of these grades rather than having them be different. </t>
  </si>
  <si>
    <t>I think grades and percentages are a straight forward way for parents and students to understand where they are at.</t>
  </si>
  <si>
    <t>I am still working with the new curriculum and the proficiency scale so I would appreciate more time to explore this and see how it fits into my classes rather than having it be mandatory.</t>
  </si>
  <si>
    <t>I just struggle with when they do this. Is it once per reporting or do they do one for each class? If I understood it better and how it will work, I would probably be more supportive of it.</t>
  </si>
  <si>
    <t>I think it is important for students to set goals for themselves and reflect on their progress periodically. I wonder about who's responsibility it will be to report this out. Is it just a sheet that students fill out and hand in to be attached or will this make even more work for teachers?</t>
  </si>
  <si>
    <t>I support diversity and inclusion but I have classes with very wide ranges in their needs and it is very difficult to set up a large class with the time and support teachers are currently given. Teachers should have a prep all year to give them more time to make meaningful adaptations for all.</t>
  </si>
  <si>
    <t>more time for teachers to complete detailed reports</t>
  </si>
  <si>
    <t>It is often difficult to give meaningful feedback with large class sizes full of diverse needs. I think it is important to realize that teachers should receive paid time to complete these reports so that they are detailed and supportive to help encourage success for all students.</t>
  </si>
  <si>
    <t>The timing of formal reports makes more sense and the informal points of progress are timely for response from parents and educators to support student learning</t>
  </si>
  <si>
    <t>By high school, letter grades are more appropriate and support transition to post secondary institutions.</t>
  </si>
  <si>
    <t>This is beneficial. However, implementing a true and meaningful student self assessment is difficult at the end of the year if it has not been supported throughout the year in many ways. Primary students and teachers struggle with completing these in a meaningful way.</t>
  </si>
  <si>
    <t>Goal setting throughout the year would certainly support the self assessment. However, not sure how it would be reflected in the reporting policy.</t>
  </si>
  <si>
    <t xml:space="preserve">I think anymore written takes to much time for the teachers and would interfere with teaching kids and being attentive in class </t>
  </si>
  <si>
    <t>While I think it's great to know where our kids stand as far as those 4 points go, grading them I felt was much more efficient at motivation for better marks in school and working harder to achieve more specific goals. It prepares them for higher expectations as they age.</t>
  </si>
  <si>
    <t xml:space="preserve">I do not see anything wrong with grades and percentages. I would love to see it continue. There is a big jump from high school to post secondary education and kids need to be prepared </t>
  </si>
  <si>
    <t>As well as knowing where grades are, knowing where your personal capabilities are amongst your peers would be good feedback</t>
  </si>
  <si>
    <t xml:space="preserve">I think this is a great tool to help with goal setting and self awareness </t>
  </si>
  <si>
    <t>Will hold kids accountable and instill goal setting</t>
  </si>
  <si>
    <t xml:space="preserve">While we are all different and learn differently. Noone should be treated differently because of personal situations </t>
  </si>
  <si>
    <t>Grades and percentages starting way earlier. Clear and direct feedback from teachers not general comments.</t>
  </si>
  <si>
    <t>Loosely given, generalized feedback does not help parents help their children. I think it's a big shock to go from a 4 point scale and then in grade 10 be hit hard with where you stand academically, especially when those marks get looked at by post secondary institutions. Start early. More prep!</t>
  </si>
  <si>
    <t>The reports would be assisted for younger students by there being regular homework home to avoid the slip through the cracks scenario.  Removal of all homework because some parents are not involved or do not have time to supervise is detrimental to all students because a check and balance is absent.</t>
  </si>
  <si>
    <t>It doesn’t matter what you call the grades if there is no standardized provincial exam at the end of the process. BC grade 12 grades are automatically cut by 35% by overseas tertiary institutions affecting academic entry and access to scholarship and bursary programs because no standard exams exist.</t>
  </si>
  <si>
    <t>No standardized provincial exam means that BC education system no longer world class or respected.  BC grade 12 grades are automatically cut by 35% by overseas tertiary institutions affecting academic entry and access to scholarship and bursary programs because no standard exams exist.</t>
  </si>
  <si>
    <t>My son’s grade average of over 95% for his grade 11 and 12 courses end up being assessed as 65% overseas where he could have entered university immediately as a domestic student (not international).  BC education system no longer respected overseas because of the way the subjects are assessed.</t>
  </si>
  <si>
    <t xml:space="preserve">Academic competency needs to be directed by recognized standards and expectations utilizing a standardized provincial exam systemto give all students across BC access to the same educational opportunities and  be respected overseas. Current system of no standard exams means no grade over 65%. </t>
  </si>
  <si>
    <t>Useless without standardized provincial exams.  Without these academic achievement by ‘world class’ BC students is given 65% even if student achieved 99% in Math 12.  My child took charge of his learning and achieved excellence and the system has betrayed his achievement on the world stage.</t>
  </si>
  <si>
    <t>Every individual needs to be allowed to achieve to their best potential.  Including the students who achieve normally and highly in academic studies.  No standardized provincial exams means high academic achievement is reduced to a grade of 65% in the world class tertiary arena.</t>
  </si>
  <si>
    <t>Standardized provincial EXAMS REQUIRED</t>
  </si>
  <si>
    <t xml:space="preserve">Without standardized provincial exams BC NO longer provides a world class recognized education.  It is an embarrassing betrayal for a student to achieve a 95% average for grade 11/12 and have all their marks reduced to 65% because of BC assessment procedures (no standard exam). </t>
  </si>
  <si>
    <t>Timing is as import as frequency, especially if there is minimal written reporting.  The policy should indicate time periods other than just the end of year and within first 25% of school year.  2 written reports will class is in session is too little.  THere should be 3 plus the end of year.</t>
  </si>
  <si>
    <t>The scale is adequate but unfortunately doesn't inform on students potential and whether they are applying themselves.</t>
  </si>
  <si>
    <t>Letter grades and percentages are essential for effectively communicating progress/performance for students, parents and post secondary schools.  This level of reporting should be provided at lower grade levels also.</t>
  </si>
  <si>
    <t>This is a ridiculous notion.  I want my child to understand where they sit in relation to others competing to enter into post secondary schools.  Those schools need a tool to understand applicants ability and performance.</t>
  </si>
  <si>
    <t>Self assesment is important but more emphasis should be placed on effective goal setting.  Self assesment on poor goal choices is not useful.</t>
  </si>
  <si>
    <t>My experience is teachers wildly vary on what types of goals should be set.  There are no standard concepts here and parents are not effectively engaged on setting the goals.  They are often not clear and measureable goals and therefor are of little use.</t>
  </si>
  <si>
    <t>We need to look afterones everyones needs but we can't forget to challenge those that are above average.  Often it is the more capable student that is taught to the average and isn't given the opportunity to grow.</t>
  </si>
  <si>
    <t>More work should be done to assist teachers in understanding what a clear, measurable goal is.  They need to work with the student AND THE PARENT to develop the goal.  The conversation with the parent in setting the goal should not take place in a 15 minute interview.</t>
  </si>
  <si>
    <t>I think it is fine, but would have been ok with changes as well.</t>
  </si>
  <si>
    <t>I think it is a good idea, but may add to teachers' workload.</t>
  </si>
  <si>
    <t>I hope this means there will be more emphasis on documenting how Gifted/High ability learners are being extended.</t>
  </si>
  <si>
    <t>Yes, more feedback about young learners is needed to know what areas support can be given if required.  The BC gov't learning system is grossly behind.</t>
  </si>
  <si>
    <t>We need measurables to know how our children are doing and aren't falling behind.</t>
  </si>
  <si>
    <t>If it's optional, how will to know if a school or class is falling behind?  
Who decides if it's optional?  Teacher, student, guardian?</t>
  </si>
  <si>
    <t>Would it help students to mindful of learning goals?</t>
  </si>
  <si>
    <t>Not sure it'll be successful with learners.  Like a New Year's resolution.</t>
  </si>
  <si>
    <t>Don't they already?</t>
  </si>
  <si>
    <t>If the wheels are falling off a learners cart, better to catch it early and make changes if possible as a parent.</t>
  </si>
  <si>
    <t xml:space="preserve">This does not allow a student to Fail a class before it matters. If Grade 9 does not count toward graduation, but Grade 10 does, what a disservice to a student to suddenly have consequences for poor academic performance for the first time in Grade 10, when it matters. </t>
  </si>
  <si>
    <t>As it should be. It should be the same for Grade 9, so that students are not shocked when they don't do well. "Emerging" was just a label to students. Whether or not the student passed is what matters. This year's Grade 9s, who have been "emerging" academically, are now shocked to fail. Unfair.</t>
  </si>
  <si>
    <t xml:space="preserve">So now students can decide what they study and teachers have to track it for them? Seems nebulous. We already have a CLE program that students in general despise for its intrusiveness. Students shape their education by course selection, not material selection. </t>
  </si>
  <si>
    <t>La politique actuelle me convient.</t>
  </si>
  <si>
    <t>Je trouve que c'est un bonne chose dans un contexte orienté apprentissage. Malheureusement, plusieurs personnes pensent encore en terme de notes plutôt de que progrès (apprentissage).</t>
  </si>
  <si>
    <t>C'est pour les préparer aux attentes collégiale ou universitaire.
Je pense que ça met un stress de plus sur le dos des élèves et ça les fait plutôt penser en terme de résultats et non de travail (apprentissage).</t>
  </si>
  <si>
    <t>Choisissez un ou l'autre modèle, mais pas les deux!</t>
  </si>
  <si>
    <t>C'est une illusion et une perte de temps la plupart du temps. Les élèves le font parce qu'on le leur demande, pas parce qu'il en voient l'utilité. Ce n'est pas la première fois qu'une telle approche est essayée et les résultats restent les mêmes. Beaucoup d'effort et de temps pur pas grand chose.</t>
  </si>
  <si>
    <t>Encore là, déjà vu par le passé. Les élèves vont le faire parce qu'on le leur demande.
On essaye d'appliquer des stratégies du monde du travail à des apprenant.
L'idée est louable, mais c'est un utopie.</t>
  </si>
  <si>
    <t>Je vois des élève intégrés en classes souffrir du manque de ressource. 
Et même si les ressources sont là, elle n'ont pas nécessairement les compétences pour aider les élèves avec des problèmes plus lourds.
Encore là, une belle idée, mais sans les ressources... un gouvernement qui parait bien...</t>
  </si>
  <si>
    <t>Échelle de compétence : (diviser Voie d'acquisition en 2) et supprimer Approfondie</t>
  </si>
  <si>
    <t>L'échelle de compétence "En voie d'acquisition" touche la majorité des élèves. Malheureusement, on les mets tous dans le même panier. Certains élèves sont en voie d'Acquisition faible ou moyenne, tandis que d'autres sont proches du "Maitrisé".  Ce serait bien qu'ils le sachent.</t>
  </si>
  <si>
    <t xml:space="preserve">Reports should be somewhat more frequent and less detailed. </t>
  </si>
  <si>
    <t>Many parents and others don't understand these words. Letter grades are far more understandable.</t>
  </si>
  <si>
    <t>Letter grades should be required from the start.</t>
  </si>
  <si>
    <t xml:space="preserve">Not needed. Too much work for teachers that doesn't really result in good communication with parents. </t>
  </si>
  <si>
    <t>Not a useful exercise. Students will understand letter (or number) grades</t>
  </si>
  <si>
    <t xml:space="preserve">Not very meaningful. Report cards should be about achievement to a standard. </t>
  </si>
  <si>
    <t xml:space="preserve">I don't know what that means. Does it mean easier grading for kids with disabilities? If so, it sells them short. </t>
  </si>
  <si>
    <t xml:space="preserve">Focus on achievement, not making children feel good about themselves. </t>
  </si>
  <si>
    <t>Children go to school to learn. The report card should indicate whether they have learned. 
Teachers now are required to write a lot of words.  Report cards are often not very clear. 
Rather than focus on paperwork, there should be more parent-teacher conferences if student are failing.</t>
  </si>
  <si>
    <t xml:space="preserve">The statement above lacks clarity in terms of workload. What is involved in these 5 reporting events? Are they more, less or the same level of involvement as what we have now? As it stands report cards are currently extremely onerous and time consuming. An increase in workload is not sustainable. </t>
  </si>
  <si>
    <t xml:space="preserve">In the primary grades, especially Kindergarten and Grade 1, this would not be a useful endeavour. By the end of Grade 1 students would be able to reflect on their learning using the CC in a way that would be beneficial. </t>
  </si>
  <si>
    <t xml:space="preserve">Same reason as above - the students are too young to set goals that would be useful or beneficial. </t>
  </si>
  <si>
    <t xml:space="preserve">Formal written reports take a long time. I encourage the ministry to consider the time involved in writing these reports and either cut down the workload, or provide time for teachers to complete these within the workday by way of providing TOC coverage. </t>
  </si>
  <si>
    <t xml:space="preserve">Satisfied with the frequency, but the medium of reporting must be changed. Written reports do not effectively communicate the student's progress &amp; learning. </t>
  </si>
  <si>
    <t xml:space="preserve">Again, too much language.  Words, jargon, do not effectively communicate the student's progress &amp; learning. </t>
  </si>
  <si>
    <t xml:space="preserve">numbers are clear. Objective. </t>
  </si>
  <si>
    <t>Redundant if percentages are also used. Why complicate things and add more jargon?</t>
  </si>
  <si>
    <t>Yes, let's value the student's opinion.</t>
  </si>
  <si>
    <t xml:space="preserve">It's important to teach goal-setting. </t>
  </si>
  <si>
    <t>Allow for a conversation-based option, e.g. 3 - way conference.</t>
  </si>
  <si>
    <t>The written report is confusing for parents and students, which ends up de-valuing this aspect of reporting even more.  The disregard for the written comments compounds each year the student is in school.  Moreover, it's time consuming and cumbersome for the teachers.</t>
  </si>
  <si>
    <t>My child's teacher keeps me informed of my child's progress.  When I receive the report card(s), I already know how well my child is doing.  Teachers do a good job of making sure parents are always "in the know" of their child's progress</t>
  </si>
  <si>
    <t>Why this language?  Make it crystal clear for wording:  Excellent, Good, Satisfactory, Needs Improvement.  That's what parents understand!</t>
  </si>
  <si>
    <t>Need letter grades when applying for post secondary institutions</t>
  </si>
  <si>
    <t>Waste of time for the teacher - I'd rather have the time spent on basic math facts or writing in the class.</t>
  </si>
  <si>
    <t>Maybe for the upper grades but not for elementary.  Again, time should be spent on academics.</t>
  </si>
  <si>
    <t>Agree with the above statement!</t>
  </si>
  <si>
    <t>toisanese</t>
  </si>
  <si>
    <t>Secondary teachers have 120 students in one semester and 90 in the next.  5 reporting periods take enormous amounts of time and there is already insufficient time to support universal designs for learning currently.  This is not a tenable working condition.  Provide extra time during school day.</t>
  </si>
  <si>
    <t>Unless universities change their grade requirements, this system does not make sense.</t>
  </si>
  <si>
    <t xml:space="preserve">Again, unless universities change their requirements this does not make sense.  </t>
  </si>
  <si>
    <t>Meaningful assessment is the goal - Meaningful means actual funding to do the work in class, with class size and composition and salary that matches the demands and respect that should be given to this profession.  We need more teachers, better pay for teachers, more prep time for teachers.</t>
  </si>
  <si>
    <t>Upending the current system is just window dressing.  We teachers know how to do assessment.  Fully fund education to it's pre Campbell cuts era.  Full protections for enrolling and non-enrolling teachers, support staff need to have better wages and conditions and ratios also.</t>
  </si>
  <si>
    <t>Funding education properly will help diverse learners period.  Smaller class sizes, better wages, proper ratios.  Do it!</t>
  </si>
  <si>
    <t>Read above</t>
  </si>
  <si>
    <t>The number of reporting events is fine.  However, the quality of the events varies substantially from teacher to teacher.  A majority of the time, the comments are very brief and general to the point that I have no idea what my child did in the class for math, socials, etc.  All I know they are ok.</t>
  </si>
  <si>
    <t>Again, the scale is fine.  The support comments need more.  How is the child emerging, developing, proficient or extending.</t>
  </si>
  <si>
    <t>Why does this not start in highschool at grade 9?  Why wait a year till grade 10.</t>
  </si>
  <si>
    <t>As long as supporting comments are put in place and each teacher does it the same so there is less variety</t>
  </si>
  <si>
    <t>As long as it's a standard survey for all students so we can see how they are changing through the years.</t>
  </si>
  <si>
    <t xml:space="preserve">If this helps the student, great.  However, it should be consistent across the board with implementation and action.  Not a one liner one year and an essay the next.  </t>
  </si>
  <si>
    <t>As long as the policy will support all learners and provide a supportive and encouraging environment.</t>
  </si>
  <si>
    <t>Consistency across ALL school in BC</t>
  </si>
  <si>
    <t>Learning Updates are vague,  more explanation is needed. It is unclear if the first learning update that is required within the first 25% of the year is written or can be a parent-interview. If we are still doing 2 learning updates &amp; 1 summary of learning, how is that different from current reports?</t>
  </si>
  <si>
    <t xml:space="preserve">If it is a scale there should be an opportunity to show where the students are on the scale and not assign them to a category. They could be between developing-proficient or proficient-emerging. Currently MyEd reporting does not allow, students must be in a box. </t>
  </si>
  <si>
    <t>Students need grades for University but should also get feedback</t>
  </si>
  <si>
    <t xml:space="preserve">This is very difficult for younger students, many are not yet able to describe their learning. They also usually respond with whatever they were taught that day or week, difficult for them to 'reflect' over a long time. </t>
  </si>
  <si>
    <t xml:space="preserve">This could help students engage with their learning and have some accountability. </t>
  </si>
  <si>
    <t xml:space="preserve">Will this be clearly communicated on how to report on students with IEP's or ELL students? Will there be sample assessments provided? Too much is left to teachers to develop or find and results in massive inconsistencies. </t>
  </si>
  <si>
    <t xml:space="preserve">This appears to have added extra reporting. Report cards take on average an hour per student to write. This is all time done outside of our teaching day, 20-30 hours of reporting 3x a year is a lot of unpaid time that teachers devote to reporting. </t>
  </si>
  <si>
    <t xml:space="preserve">It is important to be regularly updated on progress so if a student is falling behind, it will be addressed quickly.  </t>
  </si>
  <si>
    <t>Getting letter grades helps them prepare for post secondary.  It also gives them a good measure of abilities</t>
  </si>
  <si>
    <t>I think it is hard for kids to do self assessments</t>
  </si>
  <si>
    <t>i don't like having to do a term 1 report card because i am still getting to know the students. I also find with the 3 report cards they can be quite redundant. It would be better to have a meeting with the parents and then have one report card in february and one at the end of the year.</t>
  </si>
  <si>
    <t>similar to what we use now</t>
  </si>
  <si>
    <t>not useful for early primary- once a year at the end of the year would be more useful</t>
  </si>
  <si>
    <t>too much for early primary students</t>
  </si>
  <si>
    <t>as stated above, there are too many written report cards and they become redundant. It would be better to have a 10 minute meeting with families at the end of term one and then send home a report card at the beginning of February and another at the end of the year.</t>
  </si>
  <si>
    <t>I feel this is a sufficient reporting process.</t>
  </si>
  <si>
    <t>This does not adequately describe the student's performance.  I prefer letter grades.</t>
  </si>
  <si>
    <t>I would like to see this for all grades or for at least grade 4 and up.</t>
  </si>
  <si>
    <t>I agree with student self-assessment.</t>
  </si>
  <si>
    <t>I would like to see letter grades for Grade 4 and up, and percentages and letter grades for high school (Grade 8 and up).</t>
  </si>
  <si>
    <t>It should be a 5 point scale which allows for a better range/more descriptive identification of where students are at rather than just the 2-3 at grade level.</t>
  </si>
  <si>
    <t>Change the 4 point scale to a 5 point scale</t>
  </si>
  <si>
    <t>the more insight the better</t>
  </si>
  <si>
    <t>if thats what the universities require it makes sense to be in line</t>
  </si>
  <si>
    <t>traditionally males are over-confident and females more realistic to a point of under selling themselves.  how will that factor into this kind of self-assessment?</t>
  </si>
  <si>
    <t>great idea</t>
  </si>
  <si>
    <t>as stipulated above.  traditionally males are over-confident and females more realistic to a point of under selling themselves.  how will that factor into this kind of self-assessment?</t>
  </si>
  <si>
    <t>5 does not make sense for High School. This means for one semester the students are receiving 3 update and another semester they are receiving two. Grade 8-10, should be 4. Two a semester.</t>
  </si>
  <si>
    <t xml:space="preserve">The proficiency scale is super vague. Students don't really understand where they are at. Most students are happy with proficient and do not feel incentive or want to get extending. Parents often ask for grades and demonstrate frustration with the scale. </t>
  </si>
  <si>
    <t>How would that even work for post secondary? The proficiency scale is creating less motivation and to carry that forward to grade 12 is scary. Student like to know where they are at in more direct terms. Often my students share their annoyance with the proficiency scale.</t>
  </si>
  <si>
    <t>Why? How is that accomplishing anything? Plus doesn't that defeat the purpose? I thought we weren't supposed to compare the scale to grades, so giving both would be counterproductive?</t>
  </si>
  <si>
    <t xml:space="preserve">There is a not a great way of doing about it. Our school has been working on it for 2 years. The students hate it and it sits on an online profile that no ones sees until the next time they are forced to do core competencies. It feels forced and inauthentic. </t>
  </si>
  <si>
    <t xml:space="preserve">Would this happen in a specific class? On their own? It is hard enough to get our students to complete the work we have asked. I don't see them taking this on of their own will, which means more teacher work trying to chase and implement this in their classrooms. </t>
  </si>
  <si>
    <t xml:space="preserve">Did the person who came up with this plan ever step foot in a classroom? The expectations on teachers to accommodate and create individual learning plans for each student is unrealistic and is causing a ton of mental health problems. Do not ask teachers to be everything for everyone. </t>
  </si>
  <si>
    <t>All of it</t>
  </si>
  <si>
    <t xml:space="preserve">The proficiency scale should only go to grade 7. Once students hit high school (for many districts there are no middle schools), there should be more of an expectation and students should have a more clear understanding of where they are at. </t>
  </si>
  <si>
    <t>This would mean in the 10 months of school I would be reporting every 2 months. Students don't change enough in 2 months to warrant a new report. I would just be repeating what I said in my last report.</t>
  </si>
  <si>
    <t>A descriptive comment for over 200 high school students is impossible. A general comment from a comment bank is achievable but I cannot know 200 students well enough to provide descriptive feedback. I would need to stop teaching for a whole week to accomplish this.</t>
  </si>
  <si>
    <t xml:space="preserve">There is nothing wrong with letter grades. They are better than the proficiency scale. We've used it for over 100 years and somehow they've become obsolete for grade 8 and 9? I think the people creating the proficiency scale might as well be using emoji's. </t>
  </si>
  <si>
    <t>People respond to numbers. When we see COVID cases increasing using NUMBERS, people understand. But if you just say that COVID cases are going up, people don't understand how much it's going up. If you have numbers, you don't need proficiency scale.</t>
  </si>
  <si>
    <t xml:space="preserve">My students tell me that they hate the self assessment. They only do it because they have to. They know it doesn't affect their grades so they don't put anything meaningful in it. </t>
  </si>
  <si>
    <t>My students tell me these personal goals are a waste of time. They make up answers because they don't care. It doesn't affect their academics so why should they put a good answer?</t>
  </si>
  <si>
    <t>I don't even know what you're saying.</t>
  </si>
  <si>
    <t>The proficiency scale is inferior to the current letter grade assessment. People respond to numbers. Parent teacher interviews are designed to provide the descriptive comments. Why are we writing a novel when we could do it in a 5-10 minute parent teacher interview?</t>
  </si>
  <si>
    <t>We need to give time for students to grow and change between learning updates. The time frame seems reasonable in the sense that it allows for development and change but also frequent enough that parents and students can stay engaged.</t>
  </si>
  <si>
    <t>When there are only 4 options, the range in one of the proficiencies is too large. Someone may almost be at Developing in one term and then almost at Extending in the next term but they won't be able to see his or her growth because in this case the person would have received Proficient in both term</t>
  </si>
  <si>
    <t>I think a percentage is helpful in the sense that it is more specific than a proficiency scale. However, It might be best if the students fall between a small range with 5% increases. For example, student falls between 90-95%. Often marks are subjective, so this range allows for human subjectivity.</t>
  </si>
  <si>
    <t xml:space="preserve">I'm very supportive of self-assessment. However, frequent little goals that are tangible are better than big global goals. Core competencies are big global goals. Little goals can be created from the bigger goals. </t>
  </si>
  <si>
    <t>I really like the fact that assessment practices have been developed to be inclusive.</t>
  </si>
  <si>
    <t xml:space="preserve">see feedback in the section above where I gave feedback on percentages. </t>
  </si>
  <si>
    <t xml:space="preserve">I think the cut off for this rating scale needs to end earlier. Transitioning at Grade 10 to letter grades/perecentages may be too late if the 4 scale rating doesn’t pick up the areas of weakness </t>
  </si>
  <si>
    <t>Need to start the letter grades earlier grade 10 is too late</t>
  </si>
  <si>
    <t>At elementary this works fine, but feels like a lot for teachers.</t>
  </si>
  <si>
    <t xml:space="preserve">Do not like it at all. I feel like I have less of an understanding of where my child is at then ever before. I also feel like my daughter is not motivated to improve her work because she has nothing to strive for. She feels that no matter how much effort she puts in, she will be proficient. </t>
  </si>
  <si>
    <t xml:space="preserve">This scares me. </t>
  </si>
  <si>
    <t>No proficiency scale. Just grades. Give the poor students something to strive for.</t>
  </si>
  <si>
    <t>Don't really know what this means.</t>
  </si>
  <si>
    <t>I like the idea of goal setting for students. I see in elementary how this would work with one teacher. Don't quite know what that would look like when my daughter is in high school next year.</t>
  </si>
  <si>
    <t>This a hefty ask. Teachers have a lot on their plates. Being able to accommodate each individual student seems like a lot. Once again maybe more realistic in a elementary school, where teachers have 25ish students. For high school, many teachers will have 120 students per term.</t>
  </si>
  <si>
    <t>I do not think the proficiency scale is helping anyone.</t>
  </si>
  <si>
    <t>Ii don't wanna take time out of my school schedule to write something that nobody will care about or see.</t>
  </si>
  <si>
    <t>don't care</t>
  </si>
  <si>
    <t>easier</t>
  </si>
  <si>
    <t>dont care</t>
  </si>
  <si>
    <t>It gives insight into grades but also does not give enough to use throughout the whole course</t>
  </si>
  <si>
    <t>The four point scale is hated among students because we are so used to using percentages and if we were given a 3/4 no matter what the teachers say about the context behind the grade, we’re always going to see it as a 75%</t>
  </si>
  <si>
    <t>Self assessments rarely make the students reflect</t>
  </si>
  <si>
    <t>Not all kids learn the same and not considering their background or mental/physical state</t>
  </si>
  <si>
    <t>Doesn’t make a difference in my learning. :)</t>
  </si>
  <si>
    <t xml:space="preserve">Personally, I take pride in my achievements and my % grade. A 4 point scale is so small that if I were to only get a 3/4 on an assignment which i did great but not “perfect”, that’s an automatic 75% which is a fail in my eyes. A 3/4-4/4 is a huge jump in % and doesn’t make any sense. </t>
  </si>
  <si>
    <t xml:space="preserve">A % grade is extremely important for Post-secondary, Scholarships, etc. If everyone had a 4/4 who applied for University, who would get to go? % grades make so much more sense and is extremely important to me and my fellow high school peers. </t>
  </si>
  <si>
    <t>Percent grades are more important than the proficiency scale.</t>
  </si>
  <si>
    <t>I dont enjoy assessing myself, but I’m open to it.</t>
  </si>
  <si>
    <t xml:space="preserve">There is lack of professional support within my children current school environment </t>
  </si>
  <si>
    <t>Online learning is not not working. The material is all over the place. There's no structure. No guidance support.</t>
  </si>
  <si>
    <t xml:space="preserve">I still yet to see any communication </t>
  </si>
  <si>
    <t xml:space="preserve">Still yet to see Amy communication </t>
  </si>
  <si>
    <t>Classes still operate on selective favorism</t>
  </si>
  <si>
    <t xml:space="preserve">I need far more communication to support my disabled children </t>
  </si>
  <si>
    <t xml:space="preserve">Letter grades and percentages have more clear meaning </t>
  </si>
  <si>
    <t xml:space="preserve">I can tell how my child is doing </t>
  </si>
  <si>
    <t xml:space="preserve">Thanks don’t understand what this means </t>
  </si>
  <si>
    <t>Sounds useless</t>
  </si>
  <si>
    <t xml:space="preserve">Sounds useless </t>
  </si>
  <si>
    <t>I expect you to do a terrible job at it</t>
  </si>
  <si>
    <t>This feedback survey is a joke</t>
  </si>
  <si>
    <t>People would much rather prefer gaging their exact success rather than out of a 4 point scale</t>
  </si>
  <si>
    <t xml:space="preserve">Question poorly worded. </t>
  </si>
  <si>
    <t xml:space="preserve">The 4 point scale means nothing to students. </t>
  </si>
  <si>
    <t xml:space="preserve">Students understand letter grades. </t>
  </si>
  <si>
    <t>Percentage and letter grades are outdated and biased to content not competencies.   Don't do universities jobs of sorting kids for them.  Do what's right for learning.</t>
  </si>
  <si>
    <t>With the semester system it feels like we are constantly reporting after every 3 weeks and it never ends.  With no prep time and full classes the timeline is pushing us over the edge.</t>
  </si>
  <si>
    <t xml:space="preserve">Yes the grade 8 and 9 students are less focus on score. </t>
  </si>
  <si>
    <t>Because post secondary institutions require percentages and grades this is good to keep aligned.</t>
  </si>
  <si>
    <t xml:space="preserve">Just causes lots of confusion in system. </t>
  </si>
  <si>
    <t>Students look at this like a chore!</t>
  </si>
  <si>
    <t>Not focused on this.</t>
  </si>
  <si>
    <t xml:space="preserve">Please consider the teachers mental health and well being. A change now as we ourselves are barely making it week to week in a new semester system is crazy.  We are doing our best to survive the pandemic and just need down time to recoup. </t>
  </si>
  <si>
    <t xml:space="preserve">I think feedback of any level is exceptionally important, but I also feel as a teacher that formal assessment is a lot of work.  It is hard to find a balance, and some students need more, while some need less, so I feel like we are right now in a "catch-all Goldilocks zone" </t>
  </si>
  <si>
    <t>As an 8-12 teacher, I am already using a proficiency scale with my students, and while the language of my four-point scale differs slightly, I take issue with the wording of one of the categories.  I personally dislike the wording of "Extending". I would use the term "Mastery"</t>
  </si>
  <si>
    <t xml:space="preserve">I think the reporting order should be a wholesale change.  Changing for up to grade nine seems strange if we are going to eventually go full K-12.  Why not just change it all now? </t>
  </si>
  <si>
    <t>This sounds great</t>
  </si>
  <si>
    <t xml:space="preserve">While I think this is great in theory, I have witnessed students struggling with this.  Often times students are unaware of what they don't know so goal-setting around knowledge is tricky. </t>
  </si>
  <si>
    <t>All good here</t>
  </si>
  <si>
    <t>Wording of the proficiency scale</t>
  </si>
  <si>
    <t xml:space="preserve">The word "Emerging" implies that a student can't achieve the highest level unless they are going above and beyond.  Some students may be able to master a skill without going above and beyond.  If you are mastering a learning target, you should be able to achieve full mastery.  </t>
  </si>
  <si>
    <t>Required reporting is usually unhelpful. It gives a poor understanding of how a student is performing their strengths and challenges. Often information is broad and nonspecific and without any examples of concrete behaviour or an established and shared definition of terms used (ex respectful).</t>
  </si>
  <si>
    <t>Again, provides very little information. No standardization, which means that individual teachers bias will account of much of the difference between criterion.</t>
  </si>
  <si>
    <t>Necessary for post education. Much clearer information.</t>
  </si>
  <si>
    <t>Poorly done and lacking in teaching and direction for self assessment.</t>
  </si>
  <si>
    <t>This is meaningless. Inclusion needs to be properly and fully defined.</t>
  </si>
  <si>
    <t>If a child is struggling it is often hard to gage it with this process</t>
  </si>
  <si>
    <t xml:space="preserve">Would be easier if brought into effect earlier as grade 10 somerhines the percentage to could be alarming to some students. </t>
  </si>
  <si>
    <t xml:space="preserve">This would be more fare for students to understand </t>
  </si>
  <si>
    <t xml:space="preserve">As long as student is self aware. </t>
  </si>
  <si>
    <t xml:space="preserve">This would help individuals to be aware of their own strengths and help them to self identify areas where growth would be needed </t>
  </si>
  <si>
    <t xml:space="preserve">It would be nice to know exactly where students with disabilities know in regards to each subject. </t>
  </si>
  <si>
    <t xml:space="preserve">The current process no one is sure of math knowledge, reading capacity or what the student knows. These processes need to change </t>
  </si>
  <si>
    <t>Provides timely updates in between growth.</t>
  </si>
  <si>
    <t>No percentages. Too easy to label achievements in the wrong way.</t>
  </si>
  <si>
    <t>No percentages. Performance scale only.</t>
  </si>
  <si>
    <t>I am deeply concerned that this is being presented as a "minimum". More reporting may not be more meaningful, but increasing the workload of teachers takes away from other meaningful work we could be doing.</t>
  </si>
  <si>
    <t>Percentages are an outdated measure of assessment, particularly for those of us who teach in more innovative ways. It is ridiculous to think a mark on a 100 point scale can capture an accurate reflection of learning.</t>
  </si>
  <si>
    <t>Ridiculous to pair a proficiency scale with a percentage mark - students and families will then equate the proficiency scale with a percentage mark. Proficiency scale ALONE is a better reflection of student achievement.</t>
  </si>
  <si>
    <t>Will teachers be given time and supports to implement this in a meaningful and effective way? If not, then there is no point.</t>
  </si>
  <si>
    <t>Increase in teacher workload, and lack of supports for teachers to evaluate and implement new frameworks that seem to appear on the whim of the ministry. New day, same sh*t.</t>
  </si>
  <si>
    <t xml:space="preserve">It’s a reasonable number of reports </t>
  </si>
  <si>
    <t>This whole “proficiency” movement seems like it was created by a small group of people who do not teach or have children in the classroom and are just looking for ways to validate their high paying taxpayer funded jobs.  Percents and letter grades, along with work habits and comments make more sense</t>
  </si>
  <si>
    <t>It’s the only logical part of the whole policy change.</t>
  </si>
  <si>
    <t>Parents do not care about the proficiency scale.  It’s meaningless even to those of us who are highly educated.</t>
  </si>
  <si>
    <t>Students should reflect on their own learning frequently.</t>
  </si>
  <si>
    <t>Goal setting is the key to success in all endeavours.</t>
  </si>
  <si>
    <t xml:space="preserve">The proficiency scale reporting is a meaningless waste of time and will be gone with a return to letter grades within 5 years.  </t>
  </si>
  <si>
    <t>monthly reporting would be great but 4 times a year is ok</t>
  </si>
  <si>
    <t>doesn't seem to have substance behind it. No grading seems more up to interpretation instead of facts and tests/quizzes/assignment marks.</t>
  </si>
  <si>
    <t>This gives students a much better understanding of where they fall and how they can expect to be graded in post secondary education.</t>
  </si>
  <si>
    <t>It's good to have the students do some self reflecting.</t>
  </si>
  <si>
    <t>same as above.</t>
  </si>
  <si>
    <t>very important to be inclusive.</t>
  </si>
  <si>
    <t>I very much dislike the proficiency scale and believe grades/percentages the better reporting.</t>
  </si>
  <si>
    <t>At the high school level, 3 reporting periods is fine. Having too many reporting periods makes the teacher focus more on paperwork and less on teaching. 
The current percentage system is well understood by parents, and A LOT of parents prefer it! I also agree that the percentage system is preferred</t>
  </si>
  <si>
    <t>Parents do not like this system. They do not find it helpful. They want to know the grade/percent. If they want more info they can talk to the teacher.
The task of writing comments for 210 students takes energy away from the teacher to focus on their classes, better lessons, have energy for the kids</t>
  </si>
  <si>
    <t>Easily understood by all: teachers, parents and students. It is efficient, comments can add details to better understand the mark.</t>
  </si>
  <si>
    <t>Too wordy. Can lose meaning through the educational lingo. It is not efficient to implement. It is not helpful to parents, in general. My conversations with parents, all of them strongly dislike it.</t>
  </si>
  <si>
    <t>This has become a hoop jumping activity. Students do it only because they have to. I do not believe that they are getting what they need out of it. Some subjects relate well to this model but others are more content driven. It doesn't really apply well in Math.</t>
  </si>
  <si>
    <t>If students take is seriously, then this is great. However, I do not believe that most students take it seriously and it is not doing what it is intended to do.</t>
  </si>
  <si>
    <t>Teachers have been doing this already. Not sure why it needs to be stated again. Teachers accommodate the student's learning if they have an IEP.</t>
  </si>
  <si>
    <t>We should stay with percentages, Work/Habit and Comments for grades 8-12, but if I had to restrict it, I would and say Grades 10-12.</t>
  </si>
  <si>
    <t xml:space="preserve">While this may be the same number of reports that are currently required, I am worried that the scope of these reports may be significantly more work intensive. While reporting is an important part of learning, there is only so much time and teachers are already overworked. </t>
  </si>
  <si>
    <t xml:space="preserve">There is a tension between a grade based on proficiency scales in the earlier grades and a grade based on percentages in the later grades. While I understand percentages may be necessary for university, it undermines some of the ideas of standards based grading to have to convert to a percent. </t>
  </si>
  <si>
    <t xml:space="preserve">I very much support proficiency scales, but as I said above, converting to a percent undermines them to some extent. </t>
  </si>
  <si>
    <t xml:space="preserve">While I think this is valuable, including the self-assessment in all reporting takes time away from other things. There are always trade offs. </t>
  </si>
  <si>
    <t xml:space="preserve">I have questions and concerns about where the administrative workload of this would fall. </t>
  </si>
  <si>
    <t xml:space="preserve">The new reporting seems much more time intensive. While I think much of this is valuable, I think they must be less frequent if they are to be this involved. Reporting takes a huge amount of time, and we must acknowledge that by requiring this level of reporting, we are sacrificing vital things. </t>
  </si>
  <si>
    <t>This significantly increases the workload for teachers.</t>
  </si>
  <si>
    <t>There is no need to change the Proficiency Scale from what it is currently.</t>
  </si>
  <si>
    <t>this does not apply to my grade level</t>
  </si>
  <si>
    <t>We do this anyway</t>
  </si>
  <si>
    <t>Teachers' time can be better spent on working with students and helping them.</t>
  </si>
  <si>
    <t xml:space="preserve">Letter grades and percentages are needed for post-secondary requirements. </t>
  </si>
  <si>
    <t>If students are already receiving the percentages, they should know which scale they are currently at. There is no need to add that as an option.</t>
  </si>
  <si>
    <t xml:space="preserve">Student self-assessment is good but is there the need to include that in reporting? </t>
  </si>
  <si>
    <t xml:space="preserve">Student goal setting is good but is that necessary to be included in reporting? </t>
  </si>
  <si>
    <t>Since  teachers matter the most in teaching the students, any policy created should be mindful of the amount of workload imposed on teachers.</t>
  </si>
  <si>
    <t>It places to much emphasis on formal reporting which does not improve student learning; when the focus should be on feedback by teachers to students to improve learning.</t>
  </si>
  <si>
    <t>The proficiency scale is excellent and places focus on learning instead of grades. It helps move away from the compliance and grade based model to individual learning and engagement.</t>
  </si>
  <si>
    <t xml:space="preserve">Letter grades are not totally necessary, even for post-secondary; however, we need to focus on how to get to the end and improve, not focus on what is at the end - letter grades. It does keep students focused on grades, not learning or improving learning,
</t>
  </si>
  <si>
    <t>It will be ignored and undervalued as long as letter grades are in place.</t>
  </si>
  <si>
    <t>It should be done, maybe twice per year. Ongoing feedback is better in the CC's.</t>
  </si>
  <si>
    <t>The focus should be in continuous learning feedback that is visible to parents, student and teachers with fewer formal reporting updates.</t>
  </si>
  <si>
    <t>If this is the same as current number, it is hoped that the QUALITY of the content reported will be improved.</t>
  </si>
  <si>
    <t>This is the system that I grew up with and understand.  If it is in line with post secondary education systems, this is better to use rather than the sliding scale of emerging, proficient. Letter grades should start in grade 9, so that students can understand the process.</t>
  </si>
  <si>
    <t>if it is in combination with letter grades, this will help with the assessment explanation and also help accountability for both teacher and students.</t>
  </si>
  <si>
    <t>This is fine for students of older ages as it helps them set goals, but younger ages aren't necessarily able to comprehend the tasks or purpose/explanations of setting a goal.  This should be done with guidance for younger or diverse learners to ensure that this task is reflective of their abilities</t>
  </si>
  <si>
    <t>Only if measurable and reflective of the student's ability to comprehend the task.</t>
  </si>
  <si>
    <t>Schools need to consider medical needs from medical professions. Parents should not have to fight this opinion. As we did for years for chronic health designation..now autism..but never gave supports..teachers said we just dont see the need..hence invisible disabilities..like autism..ocd..adhd..dcd</t>
  </si>
  <si>
    <t>Evergreen vs dogwood should not be..ontario has a diploma. Even disabled..you get it..via basic..general..advanced streams. What good is the evergreen..its a piece of papet tjat shows how a student could not get supported for a proper grad .</t>
  </si>
  <si>
    <t xml:space="preserve">Learning more about where a child is and the gaps of knowledge would be  nice to low. </t>
  </si>
  <si>
    <t xml:space="preserve">There is to much Grey area for this kind of reporting. </t>
  </si>
  <si>
    <t>Makes it easier to see where a child is i</t>
  </si>
  <si>
    <t xml:space="preserve">No one is left out. </t>
  </si>
  <si>
    <t xml:space="preserve">Students are then encouraged to meet their own goals. </t>
  </si>
  <si>
    <t xml:space="preserve">Everyone is included. </t>
  </si>
  <si>
    <t xml:space="preserve">Having the gaps brought forward and plan to move forward by an end date. Is welcomed. </t>
  </si>
  <si>
    <t xml:space="preserve">It’s absolutely ridiculous ! </t>
  </si>
  <si>
    <t>It’s ridiculous!</t>
  </si>
  <si>
    <t>Kids work harder when they have a percentage or alphabetical grade!</t>
  </si>
  <si>
    <t>It is totally unnecessary !</t>
  </si>
  <si>
    <t>They don’t have the maturity to self-evaluate!</t>
  </si>
  <si>
    <t xml:space="preserve">I really don’t think it will work in practise! </t>
  </si>
  <si>
    <t xml:space="preserve">It’s insane to constantly report achievement! </t>
  </si>
  <si>
    <t xml:space="preserve">There is a lack of clarity around semestered / full year courses. 5 is a difficult number for semestered schools and I think this needs to be addressed with more clarity. </t>
  </si>
  <si>
    <t xml:space="preserve">I think the proficiency scale honours students and educators in having the flexibility to work on a diverse set of student interests and needs. </t>
  </si>
  <si>
    <t>I am disappointed that letter grades and percentages remain at the 10-12 level in BC. This does not fit with the redesigned curriculum and we have been in grading purgatory for the past 5 years. To go from proficiency scale - percentages is ridiculous for both students and teachers.</t>
  </si>
  <si>
    <t xml:space="preserve">This is extra work for teachers on top of the requirement, when it makes more sense for this to be the primary reporting scale. </t>
  </si>
  <si>
    <t xml:space="preserve">There is again a lack of clarity here around what this looks like and who is managing the self-assessments. This needs to be addressed so there is consistency. </t>
  </si>
  <si>
    <t>Again, this is a lovely idea IF percentages and letter grades are removed for the 10-12 level.</t>
  </si>
  <si>
    <t xml:space="preserve">Again, there is a lack of clarity here around students with adapted and modified programs and reporting for students with IEPs. I cannot speak to this until I know more about it. </t>
  </si>
  <si>
    <t xml:space="preserve">This is not in the best interest of students or teachers based on the redesigned curriculum and the movement of education in BC. </t>
  </si>
  <si>
    <t xml:space="preserve">Summary of Learning portion is unclear. How would this work in a semestered school? </t>
  </si>
  <si>
    <t xml:space="preserve">It seems odd to have a 4-word scale for K-9 and then change it to a letter grade once they hit grade 10. If letter grades and percentages are necessary for admittance into post secondary, then have a conversation with the universities and see what they're willing to change. </t>
  </si>
  <si>
    <t xml:space="preserve">Asking teachers to do BOTH proficiency scale AND letter grade is asking far too much of teachers who are already burnt out from the last couple of years.  </t>
  </si>
  <si>
    <t xml:space="preserve">students and parents do not look at the self assessment made by students. It is not a valuable use of time. </t>
  </si>
  <si>
    <t xml:space="preserve">in what ways will the ministry support teachers in creating assessments for students disabilities and diverse needs. </t>
  </si>
  <si>
    <t xml:space="preserve">why can we only pick one? </t>
  </si>
  <si>
    <t>I am concerned that the workload will considerably increase.</t>
  </si>
  <si>
    <t xml:space="preserve">I think that ALL students in the high school should be assessed using the same language and report cards should be standardized for grades 9-12. </t>
  </si>
  <si>
    <t>When paired with quality teaching, letter grades and percentages provide clarity about a student's progress and proficiency.</t>
  </si>
  <si>
    <t>There is already so much paperwork and documentation in addition to teaching and prepping and marking and more; my daily tasks as a teacher and reporting-related tasks have already increased. I do not have the capacity to do more.</t>
  </si>
  <si>
    <t>Since the integration of the pedagogy around Core Competencies, student self assessment has already been included as a major focus in each and every curricular area.</t>
  </si>
  <si>
    <t>This area (goal setting) is covered through COL, CLE and CLC. It does not need to be reported on.</t>
  </si>
  <si>
    <t xml:space="preserve">Of course we want to prioritize equity and inclusion in every school for every student in BC; we already have systems for this. </t>
  </si>
  <si>
    <t>proficiency scale as requirement for grade 9</t>
  </si>
  <si>
    <t>The words mean nothing and are too vague to be helpful in understanding where a child is at. What does extending even mean?? Too vague and too arbitrary to be helpful.</t>
  </si>
  <si>
    <t>Letters and % are needed for university applications. General words 'developing', 'proficient' etc are extremely unhelpful at these grades for supporting a student in getting into higher education</t>
  </si>
  <si>
    <t>See above comments.</t>
  </si>
  <si>
    <t>What the heck is the point of self assessment? Kids are learning and they don't know what to write. I write this as a parent of a recent grad of high school who wrote what she thought the teacher and us wanted to read because she didn't understand the purpose.</t>
  </si>
  <si>
    <t>It's fine to have some goals but teach the curriculum and make understanding this the goal for students. Again, students are learners with limited capacity to think about goals in the context of their own education</t>
  </si>
  <si>
    <t>Vague wording is extremely unhelpful: too vague to be meaningful to support a student</t>
  </si>
  <si>
    <t xml:space="preserve">Reporting is not meaningful, does not provide useful or specific information and the feedback we have had has been repeatedly vague, useless or very inaccurate.  </t>
  </si>
  <si>
    <t>vague.  I have a child with IEP, always emerging in several areas. IEP was not being followed at all &amp; we just received vague, useless reporting that gave no detail as to what was happening to even know nothing was being done so no surprise it was always emerging.  It simply covers up everything.</t>
  </si>
  <si>
    <t>more useless reporting</t>
  </si>
  <si>
    <t>Absolute trash for little kids to be forced to do this constantly when they just write what adults suggest because they don't care, have little insight, are just exiting there rather than having connection to what things are happening or even agree with the goals they are informed to have</t>
  </si>
  <si>
    <t>Developmentally inappropriate, abstract &amp; diverts responsibility.  My son's IEP meeting focus was his goals but no one wanted to discuss concrete ways to achieve them, it became a way to shift responsibility on a child. My child deserves help now for what he needs now not goals he lacks insight in</t>
  </si>
  <si>
    <t>Inclusion only words, ableism is systemic.  Son with diagnosed motor issues, has scribe but apparently adults too daft to listen to him when he said he could not manage track pad on chromebook either. Asked for mouse, told no, NONE IN SCHOOL, just do it anyways! until emotional meltdown. Daily this.</t>
  </si>
  <si>
    <t>Ableism so systemic it is not even recognized (see today's example above), literally a visible physical disability so no hope on invisible.  No meaningful access to testing, no early intervention, no appropriate structured literacy for dyslexia remediation, rampant traumatizing ableism</t>
  </si>
  <si>
    <t>I've been apart of the pilot program since I started teaching in BC.</t>
  </si>
  <si>
    <t>The language is vague and very dependent on teacher interpretation. I would appreciate additional description for each of the above. For example, based on conversations had at my school very few students receive extending because extending is above and beyond at all times. Clarification would help.</t>
  </si>
  <si>
    <t>Difficult to switch from a 4 point scale (essentially) to a letter grade based system. Might lead to confusion.</t>
  </si>
  <si>
    <t>I like this, but as a member of the pilot my understanding is that this should be entirely student driven with very little teacher input. I'd like for some resources to be created  by the Ministry of Education to ensure all students have access to the same types of reflection.</t>
  </si>
  <si>
    <t>Ministry of Education input on the creation of these resources with major input from BIPOC, physical and neuro divergent communities and stakeholders to ensure that schools with different compositions have access to inclusive assessments and evaluations.</t>
  </si>
  <si>
    <t>Reporting is too frequent. Five times per year also doesn’t fit with a semester system at high school. We would end up doing more reporting (3x per semester). It feels like all we would do is report and it makes it feel much more rigid.</t>
  </si>
  <si>
    <t>I have been using the proficiency scale for my grade 8 and grade 9 classes and I have switched my teaching to competency based practice which fits intrinsically with this style of reporting.</t>
  </si>
  <si>
    <t>I have switched my practice to competency-based and do this with my grade tens and 11’s. I’m required to give them a percentage at the end of the course. I feel that as grade eights and grade nines already in high school have proficiency skills, that this should continue for senior grades</t>
  </si>
  <si>
    <t xml:space="preserve">I feel that continuing proficiency into senior grades would flow naturally. My high school goes from grade 8 to 12 and there is a weird split between Junior and senior grades (proficiency to percent) I always tell my students that competencies don’t end at grade 9!! </t>
  </si>
  <si>
    <t>Self assessment and reflection are important skills for students to practice. I would appreciate another method of parents getting this info though, instead of me having to gather and report each students reflections. Considering how much assessment is already done, this is a lot more work</t>
  </si>
  <si>
    <t xml:space="preserve"> I incorporate goalsetting into my classes and feel it is worthwhile </t>
  </si>
  <si>
    <t>I feel Competency-based practises and this form of reporting supports our diverse learners as it is strength based and individualized. It also lends itself to IEP’s that are more reflective of students individual abilities.</t>
  </si>
  <si>
    <t>I put a lot of time and effort into my assessments, and feel that the amount of times we need to report each year is asking a lot of teachers. Making strength-based, competency based comments about each student Takes a lot, especially for high school teachers who may have up to 120 students/semester</t>
  </si>
  <si>
    <t xml:space="preserve">Your "critical thinking" skills required are actually very ableist. Those with executive function and other neurodivergent ways of thinking will not necessarily meet your "thinking" abilities but they can and are highly capable people. </t>
  </si>
  <si>
    <t xml:space="preserve">Ableism runs your education system. </t>
  </si>
  <si>
    <t xml:space="preserve">Too many reports. I think 2 is fine. If I want to know more I'll ask to see an online gradebook. </t>
  </si>
  <si>
    <t xml:space="preserve">I don't really need both. One or the other is fine. </t>
  </si>
  <si>
    <t xml:space="preserve">I like the 4 point scale. </t>
  </si>
  <si>
    <t xml:space="preserve">My kids did this once. It was very superficial. I don't learn anything about my kid from this. </t>
  </si>
  <si>
    <t xml:space="preserve">I already know how well my kids want to do, I see them every day. I don't need to see them write out a goal for a report card. I think smaller goals for a lesson or topic would be more useful to my kids. </t>
  </si>
  <si>
    <t xml:space="preserve">I want high quality, low frequency reporting. </t>
  </si>
  <si>
    <t xml:space="preserve">I don't feel the scale is explains the students level of knowledge in each area well enough. It is too vague. </t>
  </si>
  <si>
    <t>we need more reporting to keep in touch with how our child is doing</t>
  </si>
  <si>
    <t>we never see that our child is encouraged to do this</t>
  </si>
  <si>
    <t xml:space="preserve">Students receive feedback periodically to improve habits before final marks are given. </t>
  </si>
  <si>
    <t>Students do not have a clear idea of where their learning currently is. A four-point scale is not sufficient and does not push students to perform at their best. A scale with more points may be more sufficient.</t>
  </si>
  <si>
    <t xml:space="preserve">Students have a clear idea of where they stand and with teacher comments, can know where they need to improve without confusion. </t>
  </si>
  <si>
    <t>Letter grades and percentages are overall less confusing for teachers and students compared to a four-point scale. Having both seems unnecessary, especially for academic classes.</t>
  </si>
  <si>
    <t>Some students may benefit from reflecting on where there learning is according to the core competencies, though it is not of importance to many.</t>
  </si>
  <si>
    <t xml:space="preserve">Some benefit from goal setting, some do not. Goal setting should be encouraged, but including them in records seems unnecessary. </t>
  </si>
  <si>
    <t xml:space="preserve">Every student is different, and expectations should be flexible for some students. Academic classes are more difficult to be flexible with assessing, but encouraging teachers to be empathetic is important for a student who is doing their best. </t>
  </si>
  <si>
    <t>Most students do not have a positive opinion of the proficiency scale. A four-point scale cannot represent learning better than a percentage and teacher comments. A proficiency scale could be better with more points or flexibility for marking.</t>
  </si>
  <si>
    <t xml:space="preserve">This way of reporting is not giving parents an early enough report in the school year.  Reports are so varied classroom to classroom.  It is confusing for parents and less helpful for teachers then a three term system. </t>
  </si>
  <si>
    <t xml:space="preserve">The scale is clear enough that parents seem to get it.  Past scales have been better </t>
  </si>
  <si>
    <t>I teach elementary and this doesn’t effect me</t>
  </si>
  <si>
    <t xml:space="preserve">I teach elementary and this doesn’t effect me </t>
  </si>
  <si>
    <t>It is so varied from classroom to classroom how teachers are doing this.  It makes things confusing for parents</t>
  </si>
  <si>
    <t xml:space="preserve">This is more work for teachers and I’m already overloaded with reporting, meetings, and teaching </t>
  </si>
  <si>
    <t xml:space="preserve">A three term system works well and gets information to parents in a timely manner. </t>
  </si>
  <si>
    <t>With IEP need more reporting data to ensure on track.</t>
  </si>
  <si>
    <t>Unless deficits are addressed and adjusted with clear details rating scale isn't helpful.</t>
  </si>
  <si>
    <t>Hard to get feedback from my child</t>
  </si>
  <si>
    <t>Not satisfied as it hasn't been dependent on teacher and not always inclusive.</t>
  </si>
  <si>
    <t>I feel it is too prescriptive and teachers should have greater autonomy to communicate with parents in the way that best suit the needs of their families and that isn’t to have 2 written reports plus a learning summary! Teachers should be able to decide the best way to communicate with parents.</t>
  </si>
  <si>
    <t>Vsb is not using the same language- I like the language we currently have. Beginning, developing, applying and extending. It makes way more sense.</t>
  </si>
  <si>
    <t>Letter grades and percentages are the exact opposite of what the intentions are for CSL!!! I’m shocked that after all the hard work teachers are spending in descriptive feedback that we would go backwards to letter grades and percentages- so disappointing!</t>
  </si>
  <si>
    <t xml:space="preserve">It should only be descriptive feedback no letter grades or percentages </t>
  </si>
  <si>
    <t>With the focus on skills and mental health and well-being it is crucial for students to be able to self reflect on the core competencies throughout the year.</t>
  </si>
  <si>
    <t xml:space="preserve">This is exactly what we should be doing as it is aligned with the bc curriculum. That’s why it is shocking that student in gr10-12 would get letter grades and percentages </t>
  </si>
  <si>
    <t>This would also require teachers get more support through workshops, collaborative planning time and devices or appropriate technology.</t>
  </si>
  <si>
    <t>The bc curriculum has a huge focus on student ownership of their learning and the teachers r providing descriptive feedback which focuses on strengths areas for growth and ways to support learning… if we start adding percentages and letter grades this is going backwards, not to mention confusing</t>
  </si>
  <si>
    <t>Confusing terms</t>
  </si>
  <si>
    <t>Follow up should be done with individual schools to make sure they are following this policy. I learned today that I should be being provided with 4 updates on my children's learning. Currently I get 2 written report cards and that's it. No fresh grade, no updates via email, no agenda, nothing</t>
  </si>
  <si>
    <t>The language used is vague and open to many interpretations; teachers already have a very full work load and it sounds like this reporting order will put even more work onto teachers; we are in the middle of a pandemic which is stressful and new reporting will add to that stress.</t>
  </si>
  <si>
    <t>We use a three point scale already.</t>
  </si>
  <si>
    <t xml:space="preserve">Younger students are often not able to assess themselves in a realistic way. The teacher often has to prompt those answers. To be able to do this with every student, for every subject, and for every reporting period seems like an impossible task. </t>
  </si>
  <si>
    <t>Same answer as above question.</t>
  </si>
  <si>
    <t>Not enough information given.</t>
  </si>
  <si>
    <t xml:space="preserve">The information given on frequency is unclear. Teachers in K-3 already use performance standards, use student self assessment and set goals with their students. What is the benefit of changing the reporting order at this time. Teachers are already maxed out and our focus should be student safety! </t>
  </si>
  <si>
    <t>This can be very time consuming in the early primary grades as 1 to 1 support is needed.</t>
  </si>
  <si>
    <t>Could be very teacher centred and a long process to make it meaningful.</t>
  </si>
  <si>
    <t>Goal setting and self assessment is an excellent thing but a streamline, simple way is needed for early primary students.</t>
  </si>
  <si>
    <t xml:space="preserve">Seems ok </t>
  </si>
  <si>
    <t>Better than using grades</t>
  </si>
  <si>
    <t>I'm ok with grades for this level due to University requirements.</t>
  </si>
  <si>
    <t>Prefer this feedback to grades, so I think it is more helpful</t>
  </si>
  <si>
    <t>Self assessment can be more helpful than external assessment if done well</t>
  </si>
  <si>
    <t>If the goals are truly set by the students then I think this is good</t>
  </si>
  <si>
    <t>Every student has unique needs</t>
  </si>
  <si>
    <t>I think it could be less.</t>
  </si>
  <si>
    <t xml:space="preserve">I think the current reporting intervals are reasonable, and provide good updates on student progress. </t>
  </si>
  <si>
    <t xml:space="preserve">I already get weekly reporting for my kids. </t>
  </si>
  <si>
    <t xml:space="preserve">The proficiency scale focuses on developing skills and reflects growth and competencies and is easier to figure out with alternatives ways of demonstrating learning. Percentages lend themselves to book work and exams which is limiting for learning through projects and experiences. </t>
  </si>
  <si>
    <t>If BC schools change to a proficiency scale, the BC universities can change their criteria. There can also be a conversion scale provided on transcripts for out of province universities. Letter grades are relative to what the course requires. Proficiency shows aptitude and suitability for a program.</t>
  </si>
  <si>
    <t>See previous question. Also, why is there a character limit on the answers? I had to keep editing my previous answer!</t>
  </si>
  <si>
    <t xml:space="preserve">Self-assessment is good, but needs to be flexible for the individual and not a factory checklist or worksheet. </t>
  </si>
  <si>
    <t xml:space="preserve">Goal setting can be challenging for some students. How do we teach them how to set goals and to measure useful goals that matter to them? Again, this needs to be flexible for the student and their level of ability and development. </t>
  </si>
  <si>
    <t xml:space="preserve">I like this in theory but I wonder what this will look like practically. </t>
  </si>
  <si>
    <t xml:space="preserve">This question is worded weird so I’m not sure how to answer. I’d be happy with four reporting periods. I’d like to proficiency scales used in 10-12. All systems need to be inclusive. </t>
  </si>
  <si>
    <t>not personalized enough--they either say "good job! keep up the great work" or they provide a description of what is being covered--but I never get a sense of how MY child is performing--how I can support them--what a teacher is actually seeing in class.  almost all comments are cut and paste.</t>
  </si>
  <si>
    <t>Better than ABCD -- but would be better if there were personalized and helpful/insightful comments along with the four point scale</t>
  </si>
  <si>
    <t>Want to apply to post-secondary--so match their needs</t>
  </si>
  <si>
    <t>Sure--sounds like we would get extra information along with grades</t>
  </si>
  <si>
    <t>I'd rather the students used the very little time they already have in a classroom for learning.  Happy to have the guide for use at home to have reflective discussions with children.</t>
  </si>
  <si>
    <t>I think you are making assumptions here about ownership of goals</t>
  </si>
  <si>
    <t>Brilliant in Theory--would be remarkably impressed if you could actually get teachers to do it.  Is there some kind of Quality assurance process in place??</t>
  </si>
  <si>
    <t>Useful feedback that can be used by students and parents to understand where they are at and then figure out a supportive path forward.  "Good job!" is useless for that--especially when accompanied by the wrong students name--has happened to us every year.</t>
  </si>
  <si>
    <t>see comments in other above</t>
  </si>
  <si>
    <t>No need to have so many reports.</t>
  </si>
  <si>
    <t xml:space="preserve">There is no software that supports with the recording of the proficiency levels.  Many of my colleagues including myself use Excel.  It is time consuming and tedious. Unless there is a new platform given to us, I do not find this new assessment sustainable for teachers in the long run.   </t>
  </si>
  <si>
    <t>To better help the students transition to post secondary as they use letter grades and percentages.</t>
  </si>
  <si>
    <t>No need.</t>
  </si>
  <si>
    <t>Each high school teacher teaches 200 students on average.  The requirements or reporting is getting out of hand.  I can see this happening in elementary school with 30 students, not high school</t>
  </si>
  <si>
    <t>See comment above.  Goal setting is also part of the Career Ed curriculum.  Why report the same thing so many times?</t>
  </si>
  <si>
    <t xml:space="preserve">Not enough support in the classroom. </t>
  </si>
  <si>
    <t>There are many that I would choose, not just one.  Should have let survey respondents to check whichever applies, not just limit to one response.</t>
  </si>
  <si>
    <t xml:space="preserve">I feel three full formal reports is taking a step back. The reasons we moved away from 3 formal reports in all subject areas was to give time for teachers to do projects that required more time or indepth study. By doing two formal a year, it gave time for a more fuller experience in each subject. </t>
  </si>
  <si>
    <t>I understand the scale but preferred previous scales  (5 point)</t>
  </si>
  <si>
    <t>Mandating reflections on core competencies seems like a hoop to jump. Teachers are already doing self-assessments ongoing in their classroom. I don't find parents have positive feedback on this assessment.</t>
  </si>
  <si>
    <t xml:space="preserve">It’s a sufficient and reasonable amount of reports </t>
  </si>
  <si>
    <t xml:space="preserve">Too many periods to report on
Would like more flexibility on when to report out 
</t>
  </si>
  <si>
    <t xml:space="preserve">Like being able to give feedback 
Parents are beginning to understand the scale 
Please don’t switch it again </t>
  </si>
  <si>
    <t xml:space="preserve">Post secondary requires it
Need to get ready for that step </t>
  </si>
  <si>
    <t xml:space="preserve">Sounds interesting
Nice transition </t>
  </si>
  <si>
    <t xml:space="preserve">Already doing this
Creates ownership in learning </t>
  </si>
  <si>
    <t xml:space="preserve">As a kindergarten teacher this is a daunting task
Kids are just learning about goals and setting goals with parents at the fall conference is enough 
Don’t need to report on that </t>
  </si>
  <si>
    <t>Too many reporting times
Need more time for growth and learning to take place.  Already too many assessments being done</t>
  </si>
  <si>
    <t>I think letter grades should be used after grade 5 or 6, or at least when starting high school, in grade 8. In our opinion the words proficient etc are pretty meaningless and in the end I either know less or the same as I did before this change was made.</t>
  </si>
  <si>
    <t>Percentage is a very good way to figure out how the child is doing. Our first child lives percentages and would've been devastated if he'd had to deal with vague words like proficient.</t>
  </si>
  <si>
    <t>Same answer as above. Give percentages, letter grades, and have teachers add a sentence or two to explain why the grade was given</t>
  </si>
  <si>
    <t>?? What does this mean?</t>
  </si>
  <si>
    <t xml:space="preserve">At this time, I do 3 written reports per year, which I find to be sufficient. I wonder what the other 2 reports might look like? If it is student reflections or p/t conference times, then I feel very satisfied. If it is in addition to that, I think it is too much. </t>
  </si>
  <si>
    <t xml:space="preserve">We have been using this scale for the last 2 years, and I have been involved in the proficiency benchmark project, which I feel is moving in a positive direction. </t>
  </si>
  <si>
    <t xml:space="preserve">Unless Universities were to change their assessment scale, this would make sense as their transcripts would be better interpreted. </t>
  </si>
  <si>
    <t xml:space="preserve">This makes for good sense but I wonder if emerging to extending is easily compared to letter grades. For example, proficiency is not a straight B or an A in my opinion. </t>
  </si>
  <si>
    <t>This is valuable to student learning.</t>
  </si>
  <si>
    <t xml:space="preserve">I agree but worry that this adds to a teacher's plate of what to accomplish in a year. </t>
  </si>
  <si>
    <t xml:space="preserve">I think this is extremely important. </t>
  </si>
  <si>
    <t xml:space="preserve">Reason is the same as above in this section. </t>
  </si>
  <si>
    <t xml:space="preserve">In practice these words are so often subjective to the point of meaningless. What happened to clear and unambiguous language? Show parents the work done and let us decide what our assessment is. </t>
  </si>
  <si>
    <t xml:space="preserve">Let’s see. As long as the measurements are clear and concrete. </t>
  </si>
  <si>
    <t>As we continue to see, diversity and inclusion initiatives, in practice, tend to be the exact opposite.</t>
  </si>
  <si>
    <t>A summary report does not make sense with the way the curriculum is designed. Three written reports is no different than previous status quo and ignores the many stellar ways of reporting out that pilot districts created and ran with high degrees of parent engagement and success.</t>
  </si>
  <si>
    <t xml:space="preserve">Letter grades were all but meaningless and not helpful as a way to express a student's learning journey. </t>
  </si>
  <si>
    <t xml:space="preserve">After 10 years in a proficiency scale system, the letter grades/percentages shift is going to be jarring to students, and doesn't align with how teachers are expected to teach. It is a recipe for dissatisfaction. </t>
  </si>
  <si>
    <t>There is no one-to-one correlation between proficiency scale and grades/percentages. You are asking teachers to make conversions that don't make sense. It makes a mockery of assessment.</t>
  </si>
  <si>
    <t>There is no way for students to enter their own information regarding this in myEd, leaving it all to data entry by teachers. For younger grade teachers, it is again all teacher based correlation and data entry. The intent is important; it is a mess to implement in a time-efficient manner.</t>
  </si>
  <si>
    <t>This is already covered in Health and Career Education. Reporting out on it twice makes no sense and makes it tied to a reporting cycle and not to the natural points in the school year when such reporting makes most sense.</t>
  </si>
  <si>
    <t>There is no clarity regarding how to report out regarding students on Student Learning Plans, Annual Instructional Plans, and Individual Education plans beyond "proficiency scale" which would presumably be at grade-level. This would put them generally at Emerging and not let them show progress.</t>
  </si>
  <si>
    <t>I would like to see two formal reports and three informal reports and the removal of the summative report. That feels like it most honours the assessment cycle within schools and provides for the relationship-based informal reporting like 3-ways and student-leds that parents have reported preferring</t>
  </si>
  <si>
    <t>It's much better to have the facts and numbers presented to you. The Proficiency Scale is too broad. I would rather have quantitative feedback so I know precisely where I need to improve.</t>
  </si>
  <si>
    <t>I really dislike self-assessments.</t>
  </si>
  <si>
    <t>As a student with an IEP, I fond it extremely helpful to have a network of parents and guardians assisting me. My Case Mangaer frequently acts as a career and guidance counsellor in my studies and academic goals. I believe each student should be able to experience this.</t>
  </si>
  <si>
    <t>Diversity and Inclusion is always good.</t>
  </si>
  <si>
    <t>As long as the core competencies that make up the definition of these terms are well promulgated to all stake holders especially parents, then the performance indicators will be worth while. It is imperative that the definitions used are easy to understand and apply.</t>
  </si>
  <si>
    <t>Obviously the Ministry of Education has finally realized the post secondary requirements for for entry include percentage/letter grades. My biggest fear was how post secondary schools would accommodate BC school’s transcripts to allow successful applications.</t>
  </si>
  <si>
    <t>I don’t have a serious interest in the proficiency scale.</t>
  </si>
  <si>
    <t>It is extremely valuable to an individual to be able to self asses and understand ones successes and short comings.</t>
  </si>
  <si>
    <t>Letter grades and percentages are important to certain children. These grades are what motivate and drive them to succeed. If you want to be inclusive allowances should be made for those students who want letter grades.</t>
  </si>
  <si>
    <t>Will be confusing for parents, teachers and students.</t>
  </si>
  <si>
    <t xml:space="preserve">The proficiency scales need to be updated to match the curriculum. There is no proficiency scale for many subjects. </t>
  </si>
  <si>
    <t xml:space="preserve">Student self-assessments can become less meaningful/honest when they are perceived as being for "a report card".  </t>
  </si>
  <si>
    <t xml:space="preserve">Goal setting is a part of many classrooms, and I don't know why it needs to be formally reported on. </t>
  </si>
  <si>
    <t xml:space="preserve">I don't see how this policy is inclusive? It's not clear to me. </t>
  </si>
  <si>
    <t xml:space="preserve">Goal setting will become meaningless if students are asked to do this "task" for reporting year after year. It seems like it will defeat the purpose of raising a generation of children who find goal setting to be an authentic and meaningful process. </t>
  </si>
  <si>
    <t>Fine as is</t>
  </si>
  <si>
    <t>Fine for K-7, but 8-12 should be letter grades</t>
  </si>
  <si>
    <t>Okay if I’m addition to letter grades</t>
  </si>
  <si>
    <t>Difficult for my kids with special needs</t>
  </si>
  <si>
    <t>Again, more appropriate for grades 8-12. Don’t like it for elementary</t>
  </si>
  <si>
    <t>This is a step in the right direction</t>
  </si>
  <si>
    <t>Seems the same as before</t>
  </si>
  <si>
    <t>Someone who doesn’t do much in class can easily have the same scale as someone who does very well
It is not motivating for my son</t>
  </si>
  <si>
    <t>Students need to know where their work stands</t>
  </si>
  <si>
    <t>I do not like the scale used in 8-9</t>
  </si>
  <si>
    <t>Not that important to me</t>
  </si>
  <si>
    <t xml:space="preserve">I think this is only useful in 10-12 </t>
  </si>
  <si>
    <t xml:space="preserve">Everyone should be included </t>
  </si>
  <si>
    <t>Letter grades and percentages matter</t>
  </si>
  <si>
    <t>In a semestered school, this means teachers will need to provide a written report within the first 3 or 4 weeks of classes.  And also must provide many more 'report cards' and two 'summary' (aka final) reports.  This is WAY too onerous and on the backs of teachers.  MyEd provides this information.</t>
  </si>
  <si>
    <t>Grade 9s need %/letter grades as we prepare them for high school/required, credit based courses, as well as post -secondary.  What do grade 9s do that will be studying outside of Canada?  They will be unable to apply abroad.  Letter grades/percentages are required at many post-secondary institutions</t>
  </si>
  <si>
    <t>This makes total sense.</t>
  </si>
  <si>
    <t>Not necessary to provide both.</t>
  </si>
  <si>
    <t>This is already done...just takes the job away from parents to ask students themselves!</t>
  </si>
  <si>
    <t>It will be difficult to use the proficiency scale or letter grades/percentages for some students.</t>
  </si>
  <si>
    <t>Proficiency Scale for grade 9 reporting.</t>
  </si>
  <si>
    <t>As stated above...this makes no sense for students' needs in preparing for graduation and beyond</t>
  </si>
  <si>
    <t xml:space="preserve">I find the number of current reports to be satisfactory but the removal of grading, and the way in which the current system of grading is set up is basically like giving your child a sticker for effort.  The teachers do their best.  </t>
  </si>
  <si>
    <t xml:space="preserve">These words need a lot of explaining.  It does not really give parents or students an accurate workable idea of how they are doing and what they can do to excel.  </t>
  </si>
  <si>
    <t xml:space="preserve">Letter grades and percentages give students a baseline for how they are doing, which then allows them to focus, improve, excel, get tutoring, learn to understand their strengths plan for their future.   </t>
  </si>
  <si>
    <t>I am not apposed to some form of self assessment, but I think it is more important that the standards for what is expected of students are set and clear so students are confident and secure in what they are doing and can adjust accordingly to ensure personal satisfaction and success.</t>
  </si>
  <si>
    <t xml:space="preserve">Personal responsibility is important but so is expectations set and encouraged by teachers and educators. </t>
  </si>
  <si>
    <t xml:space="preserve">I would like to know what this means exactly.  Are you doing this to empower and provide help to students who may have diverse abilities or disabilities or will this be used as a way to lower the standard of expectation for a student who faces challenges and so removing their ability to overcome. </t>
  </si>
  <si>
    <t>I need more specifics on what this would look like before I can make an informed answer.  Honestly, I thought the old system was fine.</t>
  </si>
  <si>
    <t>Why change a system that parents already understand?  The words you have mentioned above are very subjective and mean different things to different people.  I can see them for early grades, but up to grade 9?  This is ill-conceived.</t>
  </si>
  <si>
    <t>This is an understood and well-established system.  I feel for grade 9 parents and students who will be in for a real shock, however, when they experience it for the first time as late as grade 10.</t>
  </si>
  <si>
    <t>These "proficiencies" are merely buzzwords that have very little practical meaning.</t>
  </si>
  <si>
    <t>Students and parents are concerned more with performance in courses than in these "competencies."  Again, more buzzwords.</t>
  </si>
  <si>
    <t>This may sound good in principle, but it appears to be extremely vague in terms of execution.</t>
  </si>
  <si>
    <t>Inclusivity sounds good, but I am skeptical that this reporting accomplishes this goal.  I am suspect of a system that claims to be a "catch all."</t>
  </si>
  <si>
    <t>nearly everything</t>
  </si>
  <si>
    <t>Go back to the drawing board.  I have a feeling that this new system is a "done deal" with little communication about it to parents.  I know that if I did not know some teachers, I would be unaware of this survey.</t>
  </si>
  <si>
    <t>moves us away from a grading system that is meaningless. The PS is very good way to describe learning. With this parents will need lots of education to learn that the scale is not just a 4 point scale or that extending means an A. Parents need to learn that learning is continuous.</t>
  </si>
  <si>
    <t>percentages means averaging numbers - numbers do not give feedback and numbers do not improve learning. If a student fails a math test in math 11 then there is a good chance the entire semester they are trying to improve their average.</t>
  </si>
  <si>
    <t xml:space="preserve">please don't just put a number beside the PS - the PS can't be translated to a number - they are two totally different ways of looking at assessment. </t>
  </si>
  <si>
    <t xml:space="preserve">The doing and skills in Core Com. are key to our students doing well in a Global world. However teacher don't understand that the doing is more important than knowing. More support is needed to for teachers to learn about teaching skills and process rather than a focus on knowledge. </t>
  </si>
  <si>
    <t xml:space="preserve">It is so important for students to celebrate learning, recognize their stretches and be able to set goals and plans to turn stretches into strengths. The ability to sit in discomfort or be in the "pit" creates confident learners. Teachers need support to learn to teach this well and with meaning. </t>
  </si>
  <si>
    <t xml:space="preserve">Equity in assessment will mean understanding our current assessment practices are based on ideal white students. Teachers need to be give time to understand that meaningful learning looks different for every student and can communicated differently for every student. </t>
  </si>
  <si>
    <t>I think many high schools are 8 - 12, change needs to be all grades. High schools are slow to change while Elementary schools are moving forward our students then enter High schools whose assessment practices are not aligned with their neighbouring elementary schools. This confuses students/parents.</t>
  </si>
  <si>
    <t>What happened to portfolios and ‘Points of Progress’?!</t>
  </si>
  <si>
    <t xml:space="preserve">What is the difference between a 4 point scale and letter grades?! </t>
  </si>
  <si>
    <t xml:space="preserve">How will teachers be trained to administer these assessments? It is unfair to change this practice without supporting that development. </t>
  </si>
  <si>
    <t xml:space="preserve">How Will my neuro-diverse, non-verbal, son be supported to take ownership over his goals? </t>
  </si>
  <si>
    <t xml:space="preserve">‘Requiring’ it is not going to make it happen. </t>
  </si>
  <si>
    <t xml:space="preserve">Classroom teachers are not properly equipped with the time to support my neuro-diverse children. And their case-managers are out of touch with the reality of the classroom because they haven’t been in one themselves in over 29 years. </t>
  </si>
  <si>
    <t xml:space="preserve">Too often. </t>
  </si>
  <si>
    <t>It is still too much! 3 formal reports is overkill. The never get read by parents. Too much time needed to write 20+ report cards on personal time.</t>
  </si>
  <si>
    <t xml:space="preserve">Parenta do not understand the language and don't really understand where their child falls </t>
  </si>
  <si>
    <t>This is too challenging and takes a lot of time for early primary. Last term is doable</t>
  </si>
  <si>
    <t>Students cannot do this independently in early primary.... so the teacher led goals defeat the purpose of them taking ownership</t>
  </si>
  <si>
    <t xml:space="preserve">Too much personal time is used to write 20+ report cards. </t>
  </si>
  <si>
    <t>This is putting more pressure on teachers to report finalized learning. Teachers are not given hours within their day to create formal reports and already spend so much of their time prepping and preparing learning activities. It is time we do less formal reporting; 2 formal reports maximum.</t>
  </si>
  <si>
    <t xml:space="preserve">It is unclear for parents what these statements mean. </t>
  </si>
  <si>
    <t>Necessary to be able take part in our global education system.</t>
  </si>
  <si>
    <t>Not supporting our students in applying for scholoarships abroad or for post-highschool systems.</t>
  </si>
  <si>
    <t>Self-Assessment is a valuable tool for students but I'm not sure how much is gleaned from this specifc activity.</t>
  </si>
  <si>
    <t>Goal setting is a solid skills for the rest of their life.</t>
  </si>
  <si>
    <t xml:space="preserve">Teacher burnout is happening. It is becoming harder to find dedicated professionals who are willing to give so much of their own time to create the tools a classroom needs. Formal reporting is a job on top of a full time job. </t>
  </si>
  <si>
    <t>As a teacher in a semestered system, having a summary of learning at the end of the year doesn't make much sense.  Also, the timing of the reports - trying to coordinated with the timing of the various literacy and numeracy exams makes the first report in a semester is too early to be meaningful.</t>
  </si>
  <si>
    <t>There is a very large range in emerging and developing.  The 6 point scale does a much better job of accounting for this.  Avoiding the word failing, or another like unsuccessful, only more deeply entrenches the negitivity around failure instead of re-presenting it as opportunity and responsibilty.</t>
  </si>
  <si>
    <t>Too much weight is on percentages.  They merely split hairs without really showing students that there is room for growth.  I think letter grades (with + and -) offer enough levels of proficency without either being too vauge (4 levels) or too specifc (percentages).  Otherwise they're meaningless.</t>
  </si>
  <si>
    <t>With only 4 categories, there are such a wide range of percentages involved, that they become meaningless.  Students like to know where they are at.  Percentages merely split hairs, and 4 categories are too broad.  Having multiple letter grades fit in a proficency scale is okay at best.</t>
  </si>
  <si>
    <t>Especially with the climate of Covid, students are resisting being stretched by their learning.  There needs to be greater reason for them to self-assess.  While we would like them to do with because of intrinsic motivation, it isn't the case for most students.</t>
  </si>
  <si>
    <t>I like this idea a lot.  However, in a semestered system, anything that is to take place over the course of a year gets lost.  Whose responsibility is it to make sure that students are setting the goals and reflecting on them?  Most students will not take this task seriously without being required t</t>
  </si>
  <si>
    <t>Have you tried to do this for 120 students in one semester?  This is either going to lead to teacher burn out or be so poorly done that it's a joke.  There isn't time allocated for teachers to be able to write meaningful comments like this, let alone prepare for the next semester.</t>
  </si>
  <si>
    <t>If you want meaningful, descriptive comments on report cards done more frequently than once a year (at least twice in a semestered system remember!) then you MUST give teachers time to write them during the day without teaching or supervising students, or any other administrative task.</t>
  </si>
  <si>
    <t>First reporting period is WAY too early!!!!</t>
  </si>
  <si>
    <t>More reporting is not better. In the first few weeks of class, we are getting to know our students and they are getting settled into the course. Requiring reporting too soon forces teachers to assess when students are not ready to complete these assessments.</t>
  </si>
  <si>
    <t>The move away from percentages is welcome for K-9. Please unify the proficiency scale language across the province so that when students move from one district to another, it is not confusing for parents.</t>
  </si>
  <si>
    <t>Requiring letter grades, percentages AND proficiency scale is redundant. Choose one reporting method and stick with it so that teachers have more time to report in meaningful ways.</t>
  </si>
  <si>
    <t>If students are to self assess, the responsibility of monitoring should not be placed on classroom teachers who are already assessing curricular competencies. Additional teaching staff needs to be recruited to oversee this.</t>
  </si>
  <si>
    <t>Once again, if students are to self assess, the responsibility of monitoring should not be placed on classroom teachers who are already assessing curricular competencies. Additional teaching staff needs to be recruited to oversee this.</t>
  </si>
  <si>
    <t>Being inclusive and working with individual needs is not as simple as putting it into a policy. Resources (time, training, support staff) needs to be provided so that it is truly effective. Teachers cannot be expected to take on more and more.</t>
  </si>
  <si>
    <t>Increased frequency of reporting adds comparatively less to the overall student experience than the other proposed changes.</t>
  </si>
  <si>
    <t xml:space="preserve">It will be nice to have more updates throughout the school year </t>
  </si>
  <si>
    <t>It will be highly subjective and only give a general idea of my children are performing academically</t>
  </si>
  <si>
    <t xml:space="preserve">They need to know where they fall in grades for college </t>
  </si>
  <si>
    <t xml:space="preserve">Are they going to do proficiency scale in university too? 
If not how will they know where they fall. </t>
  </si>
  <si>
    <t xml:space="preserve">Creates extra redundant work and too much language
Struggle for ELL parents to understand </t>
  </si>
  <si>
    <t xml:space="preserve">Students and parents prefer letter grades transitioning to high school this language is too vague they do not understand where they fall making transition to letter grades in senior grades more shocking </t>
  </si>
  <si>
    <t xml:space="preserve">This only works in BC makes it very confusing and damaging if applying outside of BC to other universities not consistent </t>
  </si>
  <si>
    <t>Way too much work with COVID and all the health and safety protocol this is redundant and will take away time from real important teaching time such as basic literacy and math.  Kids are behind because of online learning this is creating extra stress for the educators and students who are struggling</t>
  </si>
  <si>
    <t xml:space="preserve">Learning goals are personally being forced to choose certain areas is not authentic or makes any sense </t>
  </si>
  <si>
    <t xml:space="preserve">Students are assessed daily in relation to their learning goals already </t>
  </si>
  <si>
    <t xml:space="preserve">We currently receive 5 reporting events? Doesn't seem like it. And the non-written learning updates via student-led "Celebration of Learning" does not provide added value. </t>
  </si>
  <si>
    <t>Scale is too vague. Child could be proficient, but it doesn't say where on that proficient bar graph the child sits. Are they just sufficient to not be developing? or are they actually close to extending? How does this translate to letter grades and %? Don't want to be surprised in grade 10.</t>
  </si>
  <si>
    <t>I agree that letter grades and percentages are needed, especially when applying to post-secondary institutions.</t>
  </si>
  <si>
    <t>Should be the other way around. Letter grades and % used in addition to proficiency scale in grades 4-9.</t>
  </si>
  <si>
    <t>Important that students are able to do self-assessments. They should be self-aware if they are doing well or not. If they are not self-aware, that needs to be identified.</t>
  </si>
  <si>
    <t xml:space="preserve">Agree with encouraging student ownership over learning. </t>
  </si>
  <si>
    <t xml:space="preserve">I do not think the proficiency scale for reporting in grades 4-9 should be used. Letter grades and percentages are a better indication of performance level, especially for continuity purposes into post-secondary. </t>
  </si>
  <si>
    <t>First of all, the wording here is vague.  What is the difference between a Learning Update and a Summary of Learning?  Is the Summary of Learning simply the final letter grades (PSR marks) or another report card?   I don't understand the expectations.</t>
  </si>
  <si>
    <t xml:space="preserve">If this is offered as a sliding scale where I can assess students on a continuum, I am satisfied.  If it is a set scale (students are either Emerging OR Proficient OR Extending - no in-betweens) then it makes no sense and is no different from letter grades. </t>
  </si>
  <si>
    <t>I think students need to be aware of the core competencies as well as their strengths and stretches</t>
  </si>
  <si>
    <t>I feel it needs to be made more clear before I can honestly answer this.  Is it still 2 written report cards?  Going back to 3?  What language is expected on it?  I am very happy with how my district is doing it now and feel it accurately represents our students</t>
  </si>
  <si>
    <t xml:space="preserve">I feel more direct and personal reporting would be beneficial to all involved. </t>
  </si>
  <si>
    <t>This is used in our school district already. While I understand the concept behind the usage it does not always give an adequate explanation of where the student actually is.</t>
  </si>
  <si>
    <t>When applying to secondary schools the use of letter grades and/or percentages is necessary.</t>
  </si>
  <si>
    <t>SO MUCH MORE WORK FOR TEACHERS! WE DO SO MUCH And yet more and more is piled on our plates! When does it end?</t>
  </si>
  <si>
    <t xml:space="preserve">Absolutely useless and pointless and does nothing more than add more work to teachers. </t>
  </si>
  <si>
    <t xml:space="preserve">It’s not about the amount of reporting but rather the timing of the reports. In order to properly assess students, teacher must have time to properly establish relationships. This takes time. Report must not happen within the first 25% of the school year. It’s not practical, nor an accurate. </t>
  </si>
  <si>
    <t xml:space="preserve">Have been using it for the past few years. I like the language and the scale. </t>
  </si>
  <si>
    <t xml:space="preserve">N/a to my teaching and assessment practices. </t>
  </si>
  <si>
    <t xml:space="preserve">This is not practical for middle school students. Has the Ministry ever read the year end reports from students? You would quickly understand that students don’t understand the language the ministry is wanting us to use. </t>
  </si>
  <si>
    <t xml:space="preserve">This is a joke. Spend one day in my middle school classroom and you will see this is not practical. </t>
  </si>
  <si>
    <t xml:space="preserve">This is best practice. </t>
  </si>
  <si>
    <t>I have read everything and am still not sure what this means! It is not clear how teachers will have time to learn/be trained on this new reporting processes. Also, there needs to be way smaller class sizes for this comprehensive reporting done this many times.</t>
  </si>
  <si>
    <t>The proficiency scale is a nightmare...the developing range is too big there is no intervention or supports to help move kids out of emerging...too many kids in a class. Teachers are still trying to figure this scale. There should also be more instruction from Ministry to parents on this scale.</t>
  </si>
  <si>
    <t>Why don't we all use letter grades then?!</t>
  </si>
  <si>
    <t>No need to use two scales</t>
  </si>
  <si>
    <t>Ministry better provide units on how to properly self assess that are ready to go for teachers to use. It  is hard to teach kids to do this and is an ongoing battle all year. One more thing to put on teachers plates and have them make up. It is about time the Ministry provided funding for new resour</t>
  </si>
  <si>
    <t>have you taught in a classroom???</t>
  </si>
  <si>
    <t>it seems to remain a good balance of reporting</t>
  </si>
  <si>
    <t>because it remains a requirement post secondary</t>
  </si>
  <si>
    <t>it makes more sense and what most employers are really looking for anyway</t>
  </si>
  <si>
    <t>any student needs to understand their own growth</t>
  </si>
  <si>
    <t>life skills</t>
  </si>
  <si>
    <t>this has always been great on paper, not so great in practical application</t>
  </si>
  <si>
    <t xml:space="preserve">there needs to be more than just policy on this, and it does require extensive funding and resources.  the province is already aware that the minimum number of kids that may fall into that category is at least double what the paperwork says for designations alone, and much much more </t>
  </si>
  <si>
    <t xml:space="preserve">5 times is a lot. </t>
  </si>
  <si>
    <t>Five reporting events would be high for a year, three would be effective and sufficient. It will not give enough learning period between two evaluations.</t>
  </si>
  <si>
    <t xml:space="preserve">I am not satisfied with the decision of no letter grades to students until grade 10. I believe students must be rated on both grades as well as descriptive proficiency scales. </t>
  </si>
  <si>
    <t>Exposing students to grading reporting at 10th grade will be late for them to understand and cope with the new grading system if the grading system is removed for the students of Grades K-9.</t>
  </si>
  <si>
    <t>The goal-setting may not effectively work for most of the students if they are not motivated or unaware of the purpose which is very common in the age of students of grades K-9. The teacher plays a very important role in identifying the gaps and filling those.</t>
  </si>
  <si>
    <t>Grading is important and it brings competitive behavior in the kids which is required in adult life.</t>
  </si>
  <si>
    <t>The reporting requirements are very time consuming, particularly on MyEd</t>
  </si>
  <si>
    <t xml:space="preserve">The establishment of these goals is incredibly time consuming and not always that meaningful in providing direction for learning </t>
  </si>
  <si>
    <t xml:space="preserve">In experience, the quality of reporting depends heavily on the teacher.  It is not helpful to get the bulk of information towards the end of the year when it is too late for course correction. </t>
  </si>
  <si>
    <t xml:space="preserve">This scale can give a relatively good measure of how your student is doing.  I am not sure it is appropriate or useful above elementary grades. </t>
  </si>
  <si>
    <t>Students should know HOW they are doing and where, specifically, they can improve.</t>
  </si>
  <si>
    <t xml:space="preserve">This could be useful as an early assessment tool, but does not always give an accurate picture. </t>
  </si>
  <si>
    <t xml:space="preserve">This is lovely as a social tool, but students and schools should be focused on academics rather than other areas. </t>
  </si>
  <si>
    <t xml:space="preserve">Goal setting is an important skill and as long as it is properly taught should be very valuable for all students </t>
  </si>
  <si>
    <t xml:space="preserve">As long as students who are able to excel are allowed to do so, and are not held back to an average or a lower standard then yes this is valuable. </t>
  </si>
  <si>
    <t>The more the school and parent interact and the more frequently a student and parent are updated on their progress or lack of, the greater their growth potential will be</t>
  </si>
  <si>
    <t xml:space="preserve">I like having clear measures of performance .  A line of check marks that state “meeting minimal requirements” Is not expressive and does not encourage striving for more. Children don’t like it . Parents don’t like it. This was forced on everyone. </t>
  </si>
  <si>
    <t xml:space="preserve">The grading system does not reflect how life actually works. Kids who strive to achieve excellence are left in the dark about their actual performance. Kids graduate not knowing what trying hard feels like. </t>
  </si>
  <si>
    <t xml:space="preserve">Yes, please more letter grades. 
This is needed in all grades.  </t>
  </si>
  <si>
    <t xml:space="preserve">I’m not sure what this is asking. In addition to letter grades, this meeting / exceeding thing is okay complement tradition marking structures. </t>
  </si>
  <si>
    <t xml:space="preserve">This stresses the kids out . Totally performative and not realistic. Why is this left up to the children? Such a big  pressure to make a child decide this. Student lead conferences feels like a lack of ownership and responsibly from the teachers. </t>
  </si>
  <si>
    <t xml:space="preserve">Depends on the support provided to help the child figure out what is best for them. </t>
  </si>
  <si>
    <t xml:space="preserve">The needs of the few must not outweigh the needs of the many. </t>
  </si>
  <si>
    <t xml:space="preserve">There is too much importance put on self assessment with no support to help the kid’s figure out what would be most useful to work on. </t>
  </si>
  <si>
    <t>Communication should be ongoing and family centred - not periodic reporting. Requirements should be weekly through teams or some other method or mark that is communicated home. In an electronic age let’s get creative and include families.</t>
  </si>
  <si>
    <t>Some teachers treat them as grades</t>
  </si>
  <si>
    <t>Fight the requirement. They won’t turn away all Bc students.</t>
  </si>
  <si>
    <t>Schools routinely exclude families and communication should be regular and constant and not just “reports.”</t>
  </si>
  <si>
    <t xml:space="preserve">Traditional report cards were better </t>
  </si>
  <si>
    <t xml:space="preserve">Scale is vague and subjective. Parents dislike it. </t>
  </si>
  <si>
    <t xml:space="preserve">This is better than the scale </t>
  </si>
  <si>
    <t xml:space="preserve">University and college doesn’t run like this. </t>
  </si>
  <si>
    <t xml:space="preserve">Core competencies are wishy washy. Just one more thing. We did this before anyways. </t>
  </si>
  <si>
    <t xml:space="preserve">Goals are great. Goal setting is valuable. But don’t like inquiry piece. </t>
  </si>
  <si>
    <t xml:space="preserve">Don’t we do this anyways. </t>
  </si>
  <si>
    <t xml:space="preserve">I like traditional streamlined reporting 3 terms done and done. This is overkill. </t>
  </si>
  <si>
    <t xml:space="preserve">The number of reporting events should align with the number of terms in my school year, but my school is different from the norm, as we have 3 terms in a year. 
I think the format of the written report at the end of the year should be the same as the two other written reports earlier in the year.
</t>
  </si>
  <si>
    <t>In our "bubble" as public educators it might make sense, but most people (including parents, employers) still understand letter grades much better. It is much easier to recognize &amp; understand---not just in our BC communities, but globally. I also feel that grade 8-9 should be treated as grade 10-12.</t>
  </si>
  <si>
    <t>My concern is that combining both would lead to a huge increase in teacher workload.</t>
  </si>
  <si>
    <t>Self-assessment is good provided students are taught how to do it. Unfortunately, my experience is that many students do not take it seriously and their self-assessment is not an accurate reflection of their true performance.</t>
  </si>
  <si>
    <t>I feel that grade 10-12 students can do this but younger students do not have the maturity to do this properly.</t>
  </si>
  <si>
    <t xml:space="preserve">It is too difficult to focus on every aspect of every individual student's needs. If you have 150+ students in a secondary setting this becomes untenable. </t>
  </si>
  <si>
    <t>Letter grades in grades 7-9</t>
  </si>
  <si>
    <t xml:space="preserve">Grade 7-9 students are treated as secondary students in many other jurisdictions; therefore, they should earn letter grades and percentages just like grade 10-12 students. </t>
  </si>
  <si>
    <t>Parents don't understand what it means. Teachers also interpret it subjectively. It just replaces grades.</t>
  </si>
  <si>
    <t xml:space="preserve">That just seems discongruent that in their final years students will be "graded" down to the percentage, but up until then it's a scale. </t>
  </si>
  <si>
    <t>Grades, scales and percentages. Really?</t>
  </si>
  <si>
    <t xml:space="preserve">I think this is important, but it does just become another thing for teachers to do. EVERYTHING is downloaded onto the teachers.  </t>
  </si>
  <si>
    <t xml:space="preserve">Goals are good. </t>
  </si>
  <si>
    <t>Well then you'll be saying kids are at the Emerging stage for a long time. Why do kids on an IEP have to be on the scale at all? Can't we use no mark? Or refer to IEP goals.</t>
  </si>
  <si>
    <t>It is not clear as to what exactly the changes are other than using a performance scale?</t>
  </si>
  <si>
    <t xml:space="preserve">Please spell it out for people. What exactly is different about the proposed reporting format??? Right now we conference twice a year and report three times a year. </t>
  </si>
  <si>
    <t xml:space="preserve">The feedback given on the reports is minimal. Telling a parent there child meets expectations doesn’t give much insight on what’s going on. </t>
  </si>
  <si>
    <t xml:space="preserve">Stated above, not enough feedback is being provided. </t>
  </si>
  <si>
    <t>Because it would be redundant.</t>
  </si>
  <si>
    <t xml:space="preserve">I would want to see what this looks like in practice.  </t>
  </si>
  <si>
    <t xml:space="preserve">Reporting should be more frequent if child struggles in any area </t>
  </si>
  <si>
    <t>Not measurable or comparable, to much room for teacher opinion</t>
  </si>
  <si>
    <t xml:space="preserve">Should be used in all grades </t>
  </si>
  <si>
    <t xml:space="preserve">Yes provincial assessment and comparison among age groups is needed </t>
  </si>
  <si>
    <t xml:space="preserve">This is not useful </t>
  </si>
  <si>
    <t xml:space="preserve">Yes, but these goals should be parent and child agreed upon </t>
  </si>
  <si>
    <t xml:space="preserve">I think a total of 2 written reports is sufficient, we do not need 2 written learning updates and a summarize report </t>
  </si>
  <si>
    <t>A maximum of 2 student self-assessments should be included witj reports sent home</t>
  </si>
  <si>
    <t xml:space="preserve">Goals are measured within the classroom and should not be reported on </t>
  </si>
  <si>
    <t xml:space="preserve">I think a maximum of 2 written reports should be required, other ways of communicating with parents are more useful beyond that </t>
  </si>
  <si>
    <t>Schools are already following this schedule</t>
  </si>
  <si>
    <t>Time to move away from grades. This should help with the focus on competencies. But it will open up a lot of questions from parents, especially if teachers are not trained in how to use competencies without comparing them to letter grades.</t>
  </si>
  <si>
    <t>I wish there was a better mechanism to communicate student learning. So much depends on the universities adapting their admissions requirements to be more holistic than simply using a percentage.</t>
  </si>
  <si>
    <t>I don't think need teachers need to double their work. The demands on them are high enough.</t>
  </si>
  <si>
    <t>Students should be reflective on their own growth</t>
  </si>
  <si>
    <t>good practice for students</t>
  </si>
  <si>
    <t>Written reports are so much work. I wish there was a better way than having teachers go through this stressful experience 3 times per year, I would prefer to see ongoing communication through on going assessments that parent scan access ie. open grade book that parents have access to electroncially</t>
  </si>
  <si>
    <t xml:space="preserve">Workload. Teachers are not given sufficient time to do what is being asked of them. </t>
  </si>
  <si>
    <t xml:space="preserve">Carries over to post secondary education. Easier for parents to understand </t>
  </si>
  <si>
    <t xml:space="preserve">I like not being overwhelmed with reports.  </t>
  </si>
  <si>
    <t>Too infrequent</t>
  </si>
  <si>
    <t>Too vague and broad range</t>
  </si>
  <si>
    <t xml:space="preserve">Workload - in primary grades, all reporting requires significant time out of instruction spent 1:1 with students to prepare. Is especially onerous in primary grades and does not fit w rhythm of learning in play-based approaches. </t>
  </si>
  <si>
    <t>It is difficult to summarize large portions of the curriculum under subject headings into one scale point &amp; have it be a meaningful communication. The scale perpetuates a vision of learning as a simple &amp; linear process resulting from teaching &amp;divorced from individual developmental progressions</t>
  </si>
  <si>
    <t xml:space="preserve">“Required by post secondary” is not enough of a reason to continue to conform to status quo approaches. Percentages and letter grades devalue growth and the process of learning in favour or ranking and deficits. </t>
  </si>
  <si>
    <t>A culture of “always mindful” is not always kind &amp; supportive to the messy &amp; individual process of learning. Hyper awareness can yield self judgement. Learning takes patience &amp; time not judgement. Have found Core competency reporting has been not clear to parents re purpose &amp; increases workload in K</t>
  </si>
  <si>
    <t xml:space="preserve">Not age appropriate or considerations for age appropriateness have not been taken into account. In play-based approaches, this can become external/imposed and not meaningful. Increases workload and takes time out of instruction for more 1:1 to make this happen in a meaningful way. </t>
  </si>
  <si>
    <t xml:space="preserve">Satisfied with this notion - We should not propose or implement practices that are not inclusive and respectful. Not satisfied that the practices (proficiency scale, continual requirements for self-judgement, never ending assessment/reporting) are inclusive or responsive. </t>
  </si>
  <si>
    <t xml:space="preserve">In pilot district this frequency and specifically the format of the required reporting has resulted in a never ending workload. It is also not at all
respectful of primary (kindergarten—3) learning environments &amp; approaches. The Early Learning Framework should inform assessment &amp; reporting. </t>
  </si>
  <si>
    <t>There is three terms, therefore three report cards and two sets of P/T interviews. More isn't always better.</t>
  </si>
  <si>
    <t>The current letter grade assignments do not make sense in K-9. If a student is not meeting curriculum outcomes, we are still forced to give a letter grade that doesn't match that (such as a C- as the lowest grade).</t>
  </si>
  <si>
    <t>Students need percentages as a prerequisite to get accepted into post-secondary institutions. This is worldwide and should not change.</t>
  </si>
  <si>
    <t>Percentages are sufficient enough. What will the proficiency scale satisfy in secondary school that percentages do not? Will universities and colleges recognize them if they are only in BC and not in other provinces?</t>
  </si>
  <si>
    <t>I am yet to see a student take these seriously at the elementary level. Most primary students do not even understand what the competencies are.</t>
  </si>
  <si>
    <t>Is there accountability if a student does not take any ownership?</t>
  </si>
  <si>
    <t>Assessments should reflect the student body. There should be different types of FSAs (as an example) for students who require support as opposed to those who do not. Different sets of data to reflect diversity in learners and outcomes.</t>
  </si>
  <si>
    <t>The letter grades are not accurate representations. A C- should be a D as a C- gives a false impression to students and parents. Replacing with a proficiency scale will allow teachers to give accurate representations of student progress on outcomes during reporting periods.</t>
  </si>
  <si>
    <t>I think teachers have enough work and the current system is adequate for my children in primary years. If the teacher has concerns prior to reporting period I would they take the initiative to reach out to parents. I think in high school percentages are needed for students to see progress.</t>
  </si>
  <si>
    <t>I think this scale is appropriate in elementary school but not helpful in secondary school where subject matters have clear answers and students need a better understanding of their progress in order to improve.</t>
  </si>
  <si>
    <t>I do think this is important in Gr. 10-12 for a student to monitor their own progress and for applications to post-secondary programs.</t>
  </si>
  <si>
    <t>I think self-assessment is important.</t>
  </si>
  <si>
    <t>I think letter grades are important in the senior years and eliminating it would create a more onerous process for students to apply to post-secondary institutions as there is no objective way for the institutions to distinguish between students.</t>
  </si>
  <si>
    <t>Currently the reports come home after Christmas break and on the last day of school, not allowing for corrective action and follow-up. A first report should be sent home at the end of November, a second at the end of Feb, and a third at the end of May, allowing for follow-up and remediation.</t>
  </si>
  <si>
    <t>Nobody is fooled by "Emerging, Developing, Proficient, and Extending". They are thinly veiled "D, C, B and A" which everyone translates, so please just use the old ABCDE scale, with +'s and -'s added to allow for subtle differences.</t>
  </si>
  <si>
    <t>Yes please, use real world requirements, but start in elementary school, not high school. Thank you.</t>
  </si>
  <si>
    <t>NB: The scale used in this survey is incorrect. "Slightly satisfied" and "Very satisfied" should be replaced with "Somewhat dissatisfied" and "Somewhat satisfied".</t>
  </si>
  <si>
    <t>Not sure, but it might be useful to hear how students see themselves and their progress.</t>
  </si>
  <si>
    <t>Students in elementary school have no idea what goals to set for themselves -- they're kids, with appropriately kid-sized brains, and need adults to set their goals for them please! This is a ridiculous exercise, and my daughter doesn't enjoy it or get anything useful from it.</t>
  </si>
  <si>
    <t xml:space="preserve">Ability to follow up on a student's progress to date, and to create a plan, with the teacher to monitor and provide feedback on improving a student's performance. Giving out report cards on the last day of school is irresponsible and cowardly. </t>
  </si>
  <si>
    <t xml:space="preserve">Prefer letter grades. </t>
  </si>
  <si>
    <t>Would prefer a midway report so we can action on concerns earlier in the terms</t>
  </si>
  <si>
    <t>Not clear indicator of knowledge and highly subjective</t>
  </si>
  <si>
    <t>Meaningless when already provided a grade and percentage</t>
  </si>
  <si>
    <t>No provincial proficiency scale for any grade</t>
  </si>
  <si>
    <t xml:space="preserve">There is not enough communication between the school and parents. Especially with the Covid restrictions in the past two years. </t>
  </si>
  <si>
    <t>Students are too critical of their selves and this could be too stressful and negative.</t>
  </si>
  <si>
    <t>I feel the reporting is frequent enough that I understand where my child is at and if there are any learning areas that need attention.</t>
  </si>
  <si>
    <t xml:space="preserve">I appreciate this scale system but I feel I cannot adequately understand where my child is at and this in combo with a letter grade would provide a more clear picture for me. </t>
  </si>
  <si>
    <t>Although my child is not at this level yet, I feel that letter grades should be, at minimum, grades 7-12.</t>
  </si>
  <si>
    <t>I think it is valuable for the student to reflect on their learning.</t>
  </si>
  <si>
    <t xml:space="preserve">Not every student learns the same and this should be reflected in assessments. </t>
  </si>
  <si>
    <t xml:space="preserve">I personally would appreciate letter grades, even in the younger ages. As a parent, I find value in these as they provide a complete picture in conjunction with proficiency assessments. </t>
  </si>
  <si>
    <t>Regular intervals throughout the year can address any areas that require more assistance.</t>
  </si>
  <si>
    <t>It’s too vague and doesn’t motivate kids.  Letter grades and percentages are more clear.</t>
  </si>
  <si>
    <t>Clearly shows how much content is being understood.  And yes, post secondary requires a more accurate measure of student performance.</t>
  </si>
  <si>
    <t>There needs to be a provincial measure for Grade 12 courses.</t>
  </si>
  <si>
    <t>It’s good for students to be aware of what and why their learning things.</t>
  </si>
  <si>
    <t>Students usually require help with this anyway.</t>
  </si>
  <si>
    <t>With I.E.P.s there is always exceptions to this rule anyway.</t>
  </si>
  <si>
    <t>Some students need percentages to motivate them, my kid is one of them.  Without percentages he doesn’t even try sometimes because he feels what’s the point if he is not being rewarded for the level of his effort.</t>
  </si>
  <si>
    <t xml:space="preserve">Lack of clarity surrounding reporting expectations; A disconnect between the draft reporting order and the needs of distributed, distance, and blended learning models; No consideration of the unique needs of adult education; Inclusion of colonial language and structures in the reporting order; Lack </t>
  </si>
  <si>
    <t xml:space="preserve">This is for the box above as there seems to be a text limit!!  Lack of guidance from the Ministry to ensure consistent approaches across the province in implementing the new reporting order; The potential for a significant increase in teacher workload to meet the new reporting requirements.  </t>
  </si>
  <si>
    <t>Letter grades are an inadequate form of feedback.
Academic pressure can cause anxiety and stress which inhibit learning</t>
  </si>
  <si>
    <t xml:space="preserve">These reports do not explain where my child is facing learning gaps or weakness, and so tge frequency of them are useless as no relevant infoation is provided </t>
  </si>
  <si>
    <t>again, no idea what these indicate. All through year ny kid given proficent onky to find out at end of year there were huge learning gaps.</t>
  </si>
  <si>
    <t>My neurodivergent child cannot assess this.. Iam not too sure how many 5-8 yr olds can 'self a ssess' when most adults cannot.  be realistic, kids need to be engaged in their learning but they still need structure and basics.</t>
  </si>
  <si>
    <t>See above...my kidS goal in ...when is learning done so I can go outside. . let them be kids at this stage, this is too an asult concept</t>
  </si>
  <si>
    <t>This  whole policy is opposite...focusing too much on goal setting and self assessment, how about just teach what kids need and help those who are identified. With challenges by providing teachers with more supports</t>
  </si>
  <si>
    <t>This is subject to the teacher opinion, not based off-  correct vs incorrect. Personal
views could sway the scale</t>
  </si>
  <si>
    <t xml:space="preserve">What difference would a self evaluation make? All it will show is whether or not the student views their learning comprehension correctly. A report card does the same </t>
  </si>
  <si>
    <t>Lack of supports for teachers to learn about implementing the new reporting order. 
Lack of guidance from the Ministry to ensure consistent approaches across the province in implementing the new reporting order.
The potential for a significant increase in teacher workload to meet the new reporting</t>
  </si>
  <si>
    <t xml:space="preserve">Although a great idea in theory. This method of reporting is vague and then we switch back to grades in grade 10-12. </t>
  </si>
  <si>
    <t xml:space="preserve">Difficult for parent to switch back into the old way of getting grades. </t>
  </si>
  <si>
    <t xml:space="preserve">Pick one or the other reporting method. This becomes much more work woth 2 systems </t>
  </si>
  <si>
    <t xml:space="preserve">This is similar to self assessment and there are many holes in this method of evaluating </t>
  </si>
  <si>
    <t>Who is supervising this? Where will the time be set aside to find practicum placements?</t>
  </si>
  <si>
    <t>Currently there are challenges to meet the needs with lack of SSW’s to help support teachers, wait time for testing, students in high schools still not designated and in main stream not meeting expectations. Sounds great but never pans out so to lack  of funding</t>
  </si>
  <si>
    <t xml:space="preserve">
There needs to be clarification regarding how many times reporting needs to occur in a non-linear system (e.g., semesters, quarters). Is it four learning updates per semester and the summative at the end of the year? Or is it four learning updates per year, which would mean only two per semester?</t>
  </si>
  <si>
    <t xml:space="preserve">I don't think you guys should change the way students are currently graded. I like the letter grade system. I think this will do a disservice to those students that Excell and want to do well. I think it will open the door for everyone to be less driven and nothing to strive for. </t>
  </si>
  <si>
    <t xml:space="preserve">See still required to apply for collage and universities so why not have the letter grading throughout K to 9. Keep students use to this program and striving to hit those percentages to get A's, B's and C's </t>
  </si>
  <si>
    <t xml:space="preserve">This should already be happening now with our current system in my opinion.  At parent teacher interviews, set intentions and talk about student growth and goals. </t>
  </si>
  <si>
    <t xml:space="preserve">Should be doing this already in conjunction with letter grades </t>
  </si>
  <si>
    <t>Don't change it</t>
  </si>
  <si>
    <t>with the online marks programs, reporting is not necessary</t>
  </si>
  <si>
    <t>There needs to be a category for those who are failing. Not everyone has the intellectual ability to pass.</t>
  </si>
  <si>
    <t>Empirical data are needed not impressions and vague statements</t>
  </si>
  <si>
    <t>Students are unskilled and unaware of their weaknesses, especially recent generations who received a ribbon just for showing up.</t>
  </si>
  <si>
    <t>Once again, should not be used to assess student progress.</t>
  </si>
  <si>
    <t>Students need to learn the material within a social context and learnt to deal with failure.</t>
  </si>
  <si>
    <t>Empirical data not vague descriptions of performance is needed and understandable for parents.</t>
  </si>
  <si>
    <t xml:space="preserve">It's currently a rather vague reporting system. </t>
  </si>
  <si>
    <t xml:space="preserve">This is a bit inappropriate for younger students who have yet to develope the ability to be introspective. </t>
  </si>
  <si>
    <t xml:space="preserve">It's very vague. I dont see how this would actually address those with disabilities. </t>
  </si>
  <si>
    <t xml:space="preserve">By Grade 10, students should be emotionally ready to see a percentage on a progress report. For students moving into post-sec, this is the form of reporting that they will face. </t>
  </si>
  <si>
    <t xml:space="preserve">The richness of self reporting is very contextual. When a teacher attaches meaning, it will be useful. If the teacher does not, it is simply a check the box activity. I’m ambivalent. </t>
  </si>
  <si>
    <t>This is remaining the same as it currently is.</t>
  </si>
  <si>
    <t xml:space="preserve">Again, this is remaining the same as it currently is. I do feel that parents need more information about this scale to gain a better understanding of what it really means when their child is emerging, developing, proficient or extending. </t>
  </si>
  <si>
    <t>Lower grade elementary school students will struggle to truly reflect on how they are doing- making this more of a teacher-assessment.  Perhaps this would be fine for intermediate elementary (3-5).</t>
  </si>
  <si>
    <t>Again, younger elementary students would be unable to truly set goals for themselves to be included in reporting without a great amount of teacher involvement. In that case it reflects a goal that the teacher has for them, rather than a goal they have for themselves. Better for grades 3-5</t>
  </si>
  <si>
    <t>What does this look like? How are we being supported in this as teachers?</t>
  </si>
  <si>
    <t xml:space="preserve">It is difficult for all students to truly engage in this each reporting period- more appropriate for upper elementary, middle school and high school. </t>
  </si>
  <si>
    <t>No change in what we have had in place for years?  In secondary schools, most teachers will be engaged with 120 to 200 students at any one time. Five reports per year need to be personalized, in-depth and quality feedback about learning. This is a challenge that must be addressed and supported.</t>
  </si>
  <si>
    <t>Proficiency scales have potential, but only if teachers structure ALL learning and assessment with ongoing and detailed descriptive feedback. As a parent, a "3" means very little.  High school used to give us a better idea, now we wait until Grade 10.</t>
  </si>
  <si>
    <t>Students need summative evaluations that work for applications to all post-secondary pathways. Hopefully the transition from Grades K to 9 and 1-2-3-4 reporting to percentages in Grade 10 will make sense to students and parents.  As the end result (Grade 12) drives all systems, will they be aligned?</t>
  </si>
  <si>
    <t>They only way to make proficiency scales work will be to have them in all grades. If they disappear in Grade 10, they undermine their value in Grades 8 and 9.  Ideally, all universities/colleges in B.C., Canada, North America (and other places in the world) recognize this evaluation system.</t>
  </si>
  <si>
    <t>Students need time to reflect and set goals and take more responsibility for their learning each year. However, requiring this a part of the 5 reporting periods seems forced and less authentic. It should be part of digital portfolio parents can access at any time.</t>
  </si>
  <si>
    <t>A "personal inquiry goal" is eduspeak.  Requiring updates on 3 versions of personal goals as part of the "reporting process" is forced and inauthentic. Student goal setting should be part of a province-wide, well-supported and transferrable student digital portfolio platform. DOES THIS EXIST?</t>
  </si>
  <si>
    <t>This is happening now?</t>
  </si>
  <si>
    <t>I would comment on several but text boxes restrict thoughtful and fulsome feedback. Why? Similarly, cutting off feedback on November 5 during an ongoing pandemic greatly prohibits thoughtful and collaborative responses from educators and parents. How were students involved in providing feedback?</t>
  </si>
  <si>
    <t>So does this mean that letter grades for intermediate students will be replaced by the proficiency scale? Will there be a province wide rubric/scale to rate students on core competencies to reduce differences from region to region, district to district, and school to school?</t>
  </si>
  <si>
    <t>I like the change from Incomplete to Insufficient evidence.</t>
  </si>
  <si>
    <t>means no change for my staff, especially during a pandemic when there is enough stress going on</t>
  </si>
  <si>
    <t>most of my staff and parents are still looking to having letter grades/percentages in high school;  I will have two different reporting systems running - one for 8/9 and another for 10-12.  I have some split 9/10 classes that will be using two different systems in one room</t>
  </si>
  <si>
    <t>I don't think PSI will ever be on-board with performance standards for 10-12, and students like to see where they're at in comparison to others</t>
  </si>
  <si>
    <t xml:space="preserve">not a real focus for high school students;  </t>
  </si>
  <si>
    <t>this can be covered in other areas (CE 8, 9, CLE10 and CLC 12) so why have it formalized elsewhere (and on report cards)</t>
  </si>
  <si>
    <t>Best practices, this should be happening already so thanks for formalizing it</t>
  </si>
  <si>
    <t>I think high school classes should all have % and LG</t>
  </si>
  <si>
    <t>This works when all is going well, but when concerns arise, additional reporting may be needed. If a teacher or school staff member have concerns about a student, there needs to be mechanisms and requirements to notify parents/guardians so issues can be addressed before causing longer term effects.</t>
  </si>
  <si>
    <t>As a parent, I want to know if my child needs support. This scales does that much more effectively than a letter grade or bell curve. Descriptive feedback always more informative.</t>
  </si>
  <si>
    <t>Although I understand that post secondary institutions need to be able to set admissions requirements etc, see my responses above. As a parent I want to know if my child needs additional support and descriptive feedback does that better than a letter grade.</t>
  </si>
  <si>
    <t>Self assessments provide a wealth of information to both the student and the teachers. If a teacher think a student is doing well, but the student doesn't, we can ask why or vice versa. Further, this is a skill that our students will need once they enter the work force. Being able to accurately eval</t>
  </si>
  <si>
    <t>This also fosters a love of lifelong learning, which as an adult, I can say should be the goal.</t>
  </si>
  <si>
    <t>I think society often places undeserved restrictions on those with diverse abilities. They have much to offer and we won't know if they can reach their potential if we limit those too early.</t>
  </si>
  <si>
    <t>Why is at only an option and not requirement?</t>
  </si>
  <si>
    <t xml:space="preserve">Too few written reports. 
Problems identified in written report #1 may not be communicated to parents until late fall/early winter.
If my student is having learning issues and I am attempting to support them at home, I will receive feedback on our attempts only once before report #3.
</t>
  </si>
  <si>
    <t xml:space="preserve">We are in the pilot program of this policy. 
My primary aged children do not understand the descriptors used, I go over the definitions of each point on the scale each time they receive a report. 
The 4-point scale does not intuitively show progress to them. </t>
  </si>
  <si>
    <t xml:space="preserve">Clearly communicates performance.
Each child understands the scale and knows when they have improved or declined.
Small improvements can be identified. </t>
  </si>
  <si>
    <t xml:space="preserve">Redundant.
More work for teachers. 
Doesn't add any useful information. </t>
  </si>
  <si>
    <t xml:space="preserve">Important practice to self reflect. 
Does not provide useful information to parents - students are not the most accurate judge of performance. 
Value teacher's opinion as they are supposed to be the expert - student opinion shouldn't count as a report to the parent. </t>
  </si>
  <si>
    <t xml:space="preserve">This has taken over the entire parent-teacher-student conference so they no longer provide useful information. 
My children set two goals for the year - is that really all we are meant to accomplish over 10 months of learning?
Primary children don't goal set very well in my experience. </t>
  </si>
  <si>
    <t xml:space="preserve">A 4 point scale does not allow communication of small improvements or deterioration. 
It does not adequately communicate progress or level of performance. 
It does not communicate what my student is expected to learn. </t>
  </si>
  <si>
    <t xml:space="preserve">Having a formal written report before 25% of the learning has taken place is unrealistic for those writing IEPs and reporting on progress. As learning resource teachers, we typically get the IEPs started later in the year and it is nearly impossible to report on progress at the same time as others. </t>
  </si>
  <si>
    <t xml:space="preserve">Again, there needs to be time to develop, write, implement IEPs. Having reports too quickly in the year is very challenging as the process for setting up IEPs takes longer than setting up learning in a classroom. </t>
  </si>
  <si>
    <t xml:space="preserve">I would complete an interim within the first 25% of learning and then a formal later to give time for teachers to write, implement and assess learning. 
</t>
  </si>
  <si>
    <t>I am happy to provide the former: 3 written reports which used to be a summary of 3 individual terms and 2 informal/ interim reports. Doing a "Summary of Learning" at the end of Grade 1 is pointless... it makes much more sense to report solely on Term 3 instead.</t>
  </si>
  <si>
    <t xml:space="preserve">A proficiency scale supports the idea that we all learn at different rates and that it is ongoing. It also reflects a growth mindset. As a classroom teacher, I would love to have access to a tool that communicates student learning in this manner as well (for example FreshGrade). </t>
  </si>
  <si>
    <t xml:space="preserve">I would love to see proficiency scales used all the way through to Grade 12. If anything, it's the post-secondary institutions that should change to reflect what we are doing at the K-12 level, not the other way. </t>
  </si>
  <si>
    <t>I believe the Core Competencies are vital and I do teach these things, but the way they are written is not "kid-friendly". I'm also not sure that the parents pay much attention to the assessments of them.</t>
  </si>
  <si>
    <t>This would take an extreme amount of work at the K-3 level. These children appreciate choice and having their own voice in their learning, but they have little knowledge of curriculum and goal setting.</t>
  </si>
  <si>
    <t>In our current method of assessing and reporting, there is very little to include diverse learners. Major changes need to occur in this area... more than what is proposed.</t>
  </si>
  <si>
    <t>Teacher autonomy in using a reporting tool that reflects learning as an ongoing process and not a single report at the end of the term (when the learning for those subjects is over).</t>
  </si>
  <si>
    <t xml:space="preserve">Using a tool such as MyEdBC to assess and report is a step backwards in education. We know that learning is an ongoing process and MyEdBC does not support this. We know that student voice and self-assessment is important and MyEdBC does not support this. </t>
  </si>
  <si>
    <t>I definitely like this and having it included in the reporting so that students have to be part of this conversation. We just need to be careful to make sure the language being used around self reflection is accessible to all.</t>
  </si>
  <si>
    <t>I don’t feel I can accurately speak to this area.</t>
  </si>
  <si>
    <t>I wouldn’t change it but caution staff to be sure this is well thought through with ages.  The younger kids have a much harder time with self reflection and will need more guidance and less emphasis placed on this for reporting</t>
  </si>
  <si>
    <t xml:space="preserve">I would like to see reporting on numeracy and literacy proficiency benchmarks included in the reporting order. Also, I would like the 10–12 reporting order to be the same as the K-9 order with only reporting on the proficieny scale for each area of learning in order to focus attention on learning. </t>
  </si>
  <si>
    <t xml:space="preserve">I think this is an important shift towards a focus on learning. However, there needs to be more clarity on what each level represents. </t>
  </si>
  <si>
    <t xml:space="preserve">We are catering to what we think universities expect rather than taking this opportunity to shift our focus to student learning. Sticking with grades is staying with the status quo instead of moving forward with the revised curriculum. </t>
  </si>
  <si>
    <t xml:space="preserve">This will raise teacher awareness of this scale, but we shouldn't be trying to compare the proficiency scale to a 100-point scale. The two things are different (criteria referenced versus norm referenced). We also need greater clarify about what each level represents. </t>
  </si>
  <si>
    <t xml:space="preserve">I think this is meanigful work but I see it as becoming a situation where students go through the motions in order to satisfy a criteria. There is not enough clarity–will students do this once per class or once per year. We may need to readjust the structures at the high school level. </t>
  </si>
  <si>
    <t xml:space="preserve">We have an opportunity to be bold and move forward with this policy. If we don't make this change now, when will we make it? There is much research that says grades are damaging to student learning so why are we sticking with an outdated mode of communicating student learning? </t>
  </si>
  <si>
    <t xml:space="preserve">There seems to be far too many reporting periods. Keep in mind teachers, especially high school teachers, teach multiple classes therefore making the reporting tasks a tedious one as these teachers have 100+ kids to report on in a very short time frame. </t>
  </si>
  <si>
    <t xml:space="preserve">The proficiency scale is absolutely useless to every memeber involved. Parents, students, and teachers are not in favor of the proficiency scale because it is far too broad and does not accurately assess skills and abilities, nor does it reflect true accomplishments. </t>
  </si>
  <si>
    <t xml:space="preserve">I am all for letter grades, but it should be from grades 8-10. Students used to the proficiency scale get a hard slap of reality in grade 10 when they see a letter grade/percentage. They are not used to this, making it even more stressful for students. </t>
  </si>
  <si>
    <t xml:space="preserve">GET RID OF THE STUPID PROFICIENCY SCALE! IT IS ABSOLUTELY USELESS AND MOST PARENTS, STUDENTS, AND TEACHERS ABSOLUTELY HATE IT. STUPIDEST IDEA FROM THE GOVERNMENT. I don't want a Dr. that's 'proficient.' Think about it, you meatheads. </t>
  </si>
  <si>
    <t xml:space="preserve">(Most) teachers have students self-assess quite frequently throughout the school year. I don't think it's necessary for the government to have more involvement in what we already do in our daily practice. </t>
  </si>
  <si>
    <t xml:space="preserve">This can be done by teachers in their own classrooms. Once again, the ideas the gov't are coming up with are absolutely ridiculous. Students don't need to be hounded by the gov't to set goals. </t>
  </si>
  <si>
    <t>Once again, teachers do this in their practice. Gov't should be focused on supporting teachers more.</t>
  </si>
  <si>
    <t xml:space="preserve">If you take away letter grades/percentages for senior grades, any legit learning will no longer happen. THE STUDENTS HATE THE PROFICIENCY SCALE! GET RID OF IT! </t>
  </si>
  <si>
    <t xml:space="preserve">Its too much. 
Keep it simple and consistent between districts and schools within the same town! </t>
  </si>
  <si>
    <t xml:space="preserve">the language changes every few years, its a lot of jargon to read. it still boils down to failing or exceeding. </t>
  </si>
  <si>
    <t>I think they need to get used to letter grades starting in 8th grade so they have time to adjust and step-up to the expectations of university prep</t>
  </si>
  <si>
    <t>some kids, school isn't their thing. thats fine</t>
  </si>
  <si>
    <t xml:space="preserve">this is a lifelong process that even most adults cannot do well. 
Teachers spending time on this in class means they are not spending time on teaching core skills. it is very very time-consuming to do this authentically. Teachers need specialists to come in and help with this if it is expected. </t>
  </si>
  <si>
    <t xml:space="preserve">for Grades 6-12 sure. not early years ... they don't have the life experience to do this authentically. Don't dump this on teachers as another thing to do during class time. They are barely able to cover the basic skills as it is. Put more support and funding in place for learning how to read. </t>
  </si>
  <si>
    <t xml:space="preserve">Again, this is too much to expect ... more support is needed. Don't dump this on teachers too. It is not possible for one human to meet the individual needs of 20-30 students. Its too draining. Hire more specialists who have training in dealing with diverse abilities. </t>
  </si>
  <si>
    <t xml:space="preserve">its not authentic or or well done. Its adding a burden to classroom teachers that takes away from classroom instruction in core skills. </t>
  </si>
  <si>
    <t>It is more relevant to their learning, it focuses on where they are and how to improve.  It challenges "A" students to keep progressing and challenging themselves.</t>
  </si>
  <si>
    <t>Not involved at the secondary level.  I would like to see it become proficiency language over time.</t>
  </si>
  <si>
    <t xml:space="preserve">I think it provides important feedback to students.  </t>
  </si>
  <si>
    <t>Many children today need direct instruction and reflection on how to effectively communicate, be respectful and think.  It allows them to identify their strengths and struggles and set goals.</t>
  </si>
  <si>
    <t>It makes them reflect on their learning.</t>
  </si>
  <si>
    <t>Students with special needs, need different goals and their assessment and evaluation should be based on their diverse needs.</t>
  </si>
  <si>
    <t>I like the changes that are proposed and I also feel like what has been kept in place is reasonable.</t>
  </si>
  <si>
    <t xml:space="preserve">This is not a meaningful format for feedback.  Limiting the space provided for feedback ensures that the respondent is unable to offer nuanced and specific feedback.  At the very least, there should be a (large) space provided for "other" feedback, not just feedback for predetermined categories. </t>
  </si>
  <si>
    <t>I think a letter grade system would provide a more accurate representation of how well the kids are doing in the respective subjects.</t>
  </si>
  <si>
    <t>It would help to identify areas where the student may need help or needs less help.</t>
  </si>
  <si>
    <t xml:space="preserve">Providing descriptive feedback for a hundred or more students at the secondary level is onerous.  If this is the expectation, more time must be provided in the day for teachers to do this.  </t>
  </si>
  <si>
    <t xml:space="preserve">On top of providing proficiency scales, teachers are being expected to provide letter grades and percentages?  This is too much work.  Some teachers will have upward of 200 students to do this with.  </t>
  </si>
  <si>
    <t xml:space="preserve">Students have difficulty doing this. </t>
  </si>
  <si>
    <t xml:space="preserve">Time needs to be provided to teachers to work with this.  No in-service has been provided for teachers. </t>
  </si>
  <si>
    <t>More reporting is not necessary. I think we do enough.</t>
  </si>
  <si>
    <t xml:space="preserve">It will take time for students and parents to see this as not "gradeless". If there was a letter grade that could be equaled to the proficiency scale it would be a better transition at least at the start. </t>
  </si>
  <si>
    <t xml:space="preserve">I believe that students should be more involved in commenting on their progress. </t>
  </si>
  <si>
    <t>Formative Assessment should be ongoing and fluid. More up to date methods of reporting should be used, and summative reports should be simple - a summary of what is already known. Teachers should be spending more time with their students and planning, then in copious amounts of time creating reports</t>
  </si>
  <si>
    <t>The words (emerging, etc) are useless to most parents. They really do not indicate where a student fits on the "scale".  Also, a four point scale is too small. Five points allows for an average to be given.</t>
  </si>
  <si>
    <t xml:space="preserve">Letter grades are simpler, and understandable. However, in a truly educational context, they are still rather meaningless. An "A" student may still not cope well, and a "C+" may succeed greatly, due to greater character and work habits. Reducing students to numbers isn't educational. </t>
  </si>
  <si>
    <t>Portfolios are a better measure of student success. One of the greatest experiences I've ever had was meeting with grads and going over their grad portfolios together.</t>
  </si>
  <si>
    <t xml:space="preserve">Important, but in the end becomes just another hoop to jump through. </t>
  </si>
  <si>
    <t>Provides for significant student engagement.</t>
  </si>
  <si>
    <t xml:space="preserve">Would this include those students who deem that their medical condition remain a matter between them and their doctor, as we have historically done in our province? </t>
  </si>
  <si>
    <t>Individualized, oral interview, goal setting.</t>
  </si>
  <si>
    <t>Students are people. We have, over the last 150 years since the Prussian system of education infiltrated Western education, reduced students to numbers and grades. Any method, in mass compulsory education, that strives to "streamline" the assessment process, will fail, or at the very least, be less.</t>
  </si>
  <si>
    <t>it is exactly same as before ...no change</t>
  </si>
  <si>
    <t>good for younger grades not good for older grades...plus descriptive feedback makes 20 page long report cards that NO ONE reads</t>
  </si>
  <si>
    <t>too much variability on how the sliding scale is interpreted.  My kid has a 95% average in a subject and yet only is getting a proficient!  HUH?  What does it take to get an extending...completely inaccurate reflection</t>
  </si>
  <si>
    <t>How do they get into universities..those requirements have not changed</t>
  </si>
  <si>
    <t>tedious and too long...early learning children do not understand and it is onerous on the teacher...ok for older grades I guess bit does it really help them understand themselves better?  nope</t>
  </si>
  <si>
    <t>needs developmental context...blanket reporting structures from K-12 doesn't make sense.  Developmentally a 4 year old beginning kindergarten with zero school experience cannot understand this abstract concept.</t>
  </si>
  <si>
    <t>stated above</t>
  </si>
  <si>
    <t>Currently, we provide four reporting events per year at the secondary level, not five.  We are in a semester system, and therefore students receive a report card midway through their courses and then at the end.  Five reporting events does, in fact, increase the number of reporting events.</t>
  </si>
  <si>
    <t>We have received no concrete examples of what exactly constitutes each proficiency level for specific skills, or even more generally for specific courses.  Teachers are still left with having to determine what constitutes each level on their own.  How are we supposed to be consistent?</t>
  </si>
  <si>
    <t>I believe that letter grades and percentages are a legitimate form of reporting, primarily because it allows students to see (and teachers to report) on progress more incrementally.  This is not about ranking students, but rather about having smaller, more manageable and tangible "levels".</t>
  </si>
  <si>
    <t xml:space="preserve">I think teachers are OVER reporting. Each reporting period takes teachers roughly three weeks of their personal time (evenings and weekends spent writing). This takes away from their time and ability to plan for quality learning in the classroom. It depletes them of the energy needed to succeed. </t>
  </si>
  <si>
    <t>I don’t believe all subjects need to be reported on at the same frequency. There are so many subjects being taught and now we have the additional ADST and core competencies. It’s just too much!</t>
  </si>
  <si>
    <t xml:space="preserve">Core competencies should be included at the end only, to be taught throughout the year, but assessed at the end. </t>
  </si>
  <si>
    <t xml:space="preserve">Teachers do this with students already. To police this would remove our autonomy. </t>
  </si>
  <si>
    <t xml:space="preserve">Teachers do this already. </t>
  </si>
  <si>
    <t xml:space="preserve">Teachers are spending too much time assessing and reporting which takes away from time spent actually learning and engaging in meaningful ways. </t>
  </si>
  <si>
    <t>The number of learning updates will require time set aside to prepare for them. Therefore, taking away time dedicated to learning in the classroom.</t>
  </si>
  <si>
    <t xml:space="preserve">At the secondary level, there is no ability in the report card document to indicate that the student is in between levels of proficiency. </t>
  </si>
  <si>
    <t>There is no consistency with reporting when a student has been assessed using the proficiency scale and for the last 3 years of secondary they are switching to letter grades. This takes away from focusing on the development of skills that students will have gotten used to for the first 10 years.</t>
  </si>
  <si>
    <t xml:space="preserve">Confusion among the school assessment systems if both are displayed. </t>
  </si>
  <si>
    <t xml:space="preserve">Who is responsible for teaching students how to self-assessment. Self-assessment is a skill that needs to be developed. </t>
  </si>
  <si>
    <t>Many students don't understand what goal setting is. Yes, this is a meaningful exercise, but it should be not be part of the reporting document.</t>
  </si>
  <si>
    <t>Where are the resources and training. from the province to help teachers with diversity &amp; inclusion in their classes.</t>
  </si>
  <si>
    <t xml:space="preserve">There is a lot of focus on the number of reports given, which takes away from the skill building. As learning has shifted to an inquiry model, this requires time for understanding and having frequent reports doesn't necessarily reflect that learning has taken place. </t>
  </si>
  <si>
    <t xml:space="preserve">I appreciate these updates very much and may encourage more of them however I can also appreciate that there needs to be a manageable number of reports for teachers to still maintain their willingness to write thoughtful reports so therefore this might already be the maximum. </t>
  </si>
  <si>
    <t xml:space="preserve">I like the “highlighted” areas on the reports to be able to see exactly where my kids are at: where they may have started and where they may be going as well! </t>
  </si>
  <si>
    <t xml:space="preserve">My kids are a long way from 10-12. </t>
  </si>
  <si>
    <t xml:space="preserve">Accountability is so important! </t>
  </si>
  <si>
    <t xml:space="preserve">Finally we’re getting kids ready for the real world not just jobs. </t>
  </si>
  <si>
    <t>It sounds like changes to our current system are being proposed.  What are they?  How much more work do they involve?</t>
  </si>
  <si>
    <t xml:space="preserve">Comments are very important to communicate where along the developing scale the student lies.  If changes are being made I need to know how much extra work is involved. </t>
  </si>
  <si>
    <t xml:space="preserve">Clear grades at the correct level.  However I don't teach this grade level so don't have an informed opinion. </t>
  </si>
  <si>
    <t>Overly complicated and layered.</t>
  </si>
  <si>
    <t>Self reflection is valuable.  How would teachers deliver this?</t>
  </si>
  <si>
    <t>The paragraph does not elaborate on how this will be delivered.  This information is critical for under-supported teachers.</t>
  </si>
  <si>
    <t xml:space="preserve">I would like to know what new reporting is being proposed as it pertains to paperwork. </t>
  </si>
  <si>
    <t>see sample reports</t>
  </si>
  <si>
    <t>Before I give my opinion in a survey I need more information.  This all sounds sensible and common sense, but what does the paperwork look like?   Show the new record keeping system.</t>
  </si>
  <si>
    <t>As a parent, I felt that when there were 3 written reporting periods, I had better insight into how my children were progressing in their learning and could then provide them with support if they needed it in a more timely fashion.</t>
  </si>
  <si>
    <t>I am not in favour of having 3 written reports in the year. Especially with the focus on Social and Emotional Learning, I believe that the personal contacts with parents is much more important than an additional written report.</t>
  </si>
  <si>
    <t>I think that personal goal setting and formative assessment is a valuable part of learning. I much prefer this over additional written reports.</t>
  </si>
  <si>
    <t xml:space="preserve">I think that written reports should only be in January and June, with conferencing with parents and students happening throughout the year. This seems more in line with ongoing formative assessment, which is way more meaningful than more formal written reports. </t>
  </si>
  <si>
    <t xml:space="preserve">I feel that 5 reporting periods are enough.....3 for written reports and 2 parent teacher meetings are a valuable use of time. Teachers and parents speak regularly regarding concerns and progress, so the current number seems supportive enough. </t>
  </si>
  <si>
    <t xml:space="preserve">This seems a more pro-active method of reporting concerns/struggles to parents without hindering success. Parents may feel this is easier to understand as well. </t>
  </si>
  <si>
    <t xml:space="preserve">I am sure that 10-12 reporting periods already use this method? I am confused on the suggested change, as this insinuates no change at all to the current reporting system. </t>
  </si>
  <si>
    <t xml:space="preserve">Teachers already have "scaled" information regarding reporting the skills from the current curriculum. This insinuates a change to documents that are already being used to express the valid comments teachers use to report on progress. There are already assessment and reporting documents available. </t>
  </si>
  <si>
    <t xml:space="preserve">Students already fill these out and teachers use them at their discretion to analyze skills/deficits to positively impact teaching and learning. </t>
  </si>
  <si>
    <t xml:space="preserve">Students already set goals. They could do this on their own, adding more work to an already heavy teaching system seems redundant. AND students may not fully understand goal setting or have the capacity to do so, adding more pressure may hinder school attendance. </t>
  </si>
  <si>
    <t>Most schools already assess and evaluate to include individual needs........why insinuate change to something that already works and happens?</t>
  </si>
  <si>
    <t xml:space="preserve">Student goal setting is personal and should be outside curriculum expectations. Their goals are their business! If there was more counselor or Learning resource time to meet with students, perhaps that would make this more realistic, but is irrelevant and inappropriate to ask more of our students! </t>
  </si>
  <si>
    <t>My children are not in high school yet, but I would support this, in addition to letter grades, if they were.</t>
  </si>
  <si>
    <t xml:space="preserve">Because </t>
  </si>
  <si>
    <t xml:space="preserve">Because it’s stupid </t>
  </si>
  <si>
    <t xml:space="preserve">Because it’s better and it’s used at universities it’s more realistic </t>
  </si>
  <si>
    <t>Because the proficiency scale is stupid</t>
  </si>
  <si>
    <t xml:space="preserve">Waste of time </t>
  </si>
  <si>
    <t>Because yazz</t>
  </si>
  <si>
    <t xml:space="preserve">Because the proficiency scale sucks </t>
  </si>
  <si>
    <t>It's dumb get wrekt</t>
  </si>
  <si>
    <t xml:space="preserve">It's not very useful </t>
  </si>
  <si>
    <t xml:space="preserve">I don't like inclusivity </t>
  </si>
  <si>
    <t>Bc 💯</t>
  </si>
  <si>
    <t>It’s not good the percentage/A-F scale</t>
  </si>
  <si>
    <t>Because it's similar to now, it's not too problematic, except for the year end summary. It does not provide enough information for next years teachers.</t>
  </si>
  <si>
    <t>Proficient is a wide category and i
to put a student as developing you have to contact home, this is a lot of work for teachers. At the beginning of the year all students SHOULD be developing their skills, they shouldn't be proficient at grade level, yet. Parents and students want letter grades.</t>
  </si>
  <si>
    <t>They need grades in order to attend university.</t>
  </si>
  <si>
    <t xml:space="preserve">I like this idea, but it also adds another step for teachers who are already overloaded. </t>
  </si>
  <si>
    <t>I think it's important for students to think about their learning and of themselves as learners. It needs to be imbedded in overt instruction from very early years.</t>
  </si>
  <si>
    <t>As long as teachers are provided with training about how to establish learning goals and what these goals look like then I think this is also beneficial. It requires a lot of work on the teachers part though.</t>
  </si>
  <si>
    <t xml:space="preserve">For the most part, I agree with this, however there are some instances where it's impossible for one person to "FULLY" respond to all individual needs. There needs to be additional funding to put this in place. </t>
  </si>
  <si>
    <t xml:space="preserve">The proficiency scale does not offer enough information to the next year teacher. There isn't enough data to see how students are actually doing and what level they are at. </t>
  </si>
  <si>
    <t>First, your survey has "Slightly satisfied" where it should have "Slightly unsatisfied," which is what I'd probably have chosen. Sloppy  survey design isn't very encouraging.
Second, 4 or 5 reports per year doesn't take into account the semester system that secondary schools use; it'd be silly.</t>
  </si>
  <si>
    <t>It's not clear how much info the teachers are supposed to provide. If it takes them hours and hours, how can they fit that into their schedules? If you expect them to give extra time, will you pay them fairly for that?</t>
  </si>
  <si>
    <t>Again, I wonder whether a secondary school semester assessment would be accurate or just waste the students' time.</t>
  </si>
  <si>
    <t>Offering both assessment options seems like asking for trouble. Do you want teachers to use both? That'd be wasting teachers' time. And would it lead to some confusion?</t>
  </si>
  <si>
    <t>Again, how does this affect the teachers' time? Please don't overload their already heavy schedules.</t>
  </si>
  <si>
    <t>Same as above: it sounds like a good idea, but not if it over-extends the time available for teachers.</t>
  </si>
  <si>
    <t>I'm glad the ministry is thinking along these lines. But most teachers already struggle with their workloads, so the very notion of adding this to their work seems uninformed.</t>
  </si>
  <si>
    <t xml:space="preserve">This policy must do a better job of helping teachers avoid overload. </t>
  </si>
  <si>
    <t>I've heard, as a grandparent of high school students and from the teachers I know, that teachers already have more than enough work. The ministry hasn't done a great job helping teachers with that, so either hire more teachers, pay them extra, or cut class sizes.</t>
  </si>
  <si>
    <t>For high schools on the semester system, I think four reports are enough.  One mid-semester and one at the end of the semester x 2.</t>
  </si>
  <si>
    <t xml:space="preserve">Grade 9 is a transition year in our district - the first year of high school.  I feel that if their future is letter grades, they may as well become accustomed to that early on in their high school career.  I still, however, like the four-point scale as well.  </t>
  </si>
  <si>
    <t xml:space="preserve">I am thinking that the letter grades could start in grade 9.  Although I often wish I didn't have to give grades at all, I find many students come to grade 9 believing from their experience in middle school that they can't fail anything.  </t>
  </si>
  <si>
    <t>I think a proficiency scale speaks volumes.</t>
  </si>
  <si>
    <t>I think student self-assessment is a quite powerful.  It can encourage motivation for learning.</t>
  </si>
  <si>
    <t xml:space="preserve">I hope that teachers will be given plenty of instruction on how to implement all these changes.  It makes sense to move this way, but teachers need support when making big changes like this.   </t>
  </si>
  <si>
    <t>As a teacher, I prefer to spend my time and energy preparing compelling classes for my students.  I think that student self-evaluations/assessments enhance learning, but having to prepare five reports for parents in one year seems excessive.</t>
  </si>
  <si>
    <t xml:space="preserve">There is not enough time in the day to do all the reporting that would be required. Not to mention there has never been any meaningful instruction on how SBG reporting should look. This will cause a lot of burnout for teachers. </t>
  </si>
  <si>
    <t>Students and parents still wanted percentages in 8th/9th grades.</t>
  </si>
  <si>
    <t xml:space="preserve">International standard. </t>
  </si>
  <si>
    <t>No one else uses this.</t>
  </si>
  <si>
    <t>Student and teachers do not take it seriously.</t>
  </si>
  <si>
    <t xml:space="preserve">Students rarely reflect on these and see them as another assignment. </t>
  </si>
  <si>
    <t xml:space="preserve">Teacher burn out will be a real problem. </t>
  </si>
  <si>
    <t>Teachers have been reporting using 2 informal and 3 written reports.  While this is a lot of work and takes time away from teachers lesson planning and prep, I do not see this as a major change.</t>
  </si>
  <si>
    <t xml:space="preserve">My experience is that parents tend to look at scales as good or bad.  In early primary particularly, it is important to give students time to adapt to school.  Having to use the proficiency scale in kindergarten does not reflect the various ranges of development that young children have.  </t>
  </si>
  <si>
    <t xml:space="preserve">The draft says that the reporting policy will apply all students including students with IEPs.  Does this mean they will either have IE or letter grade or percentage?  If students have an IEP will the teacher be expected to use the IEP to come up with a letter grade/percentage?  </t>
  </si>
  <si>
    <t xml:space="preserve">I did not understand how the student's IEP and the student's report would be used together.  The draft was not clear how this would be accomplished.  If teachers and Inclusive Educators need to collaborate on the report, they will need time to do this.  </t>
  </si>
  <si>
    <t>I think there needs to be a lot more information on what is expected for students with disabilities and diverse learning needs.  Inclusive Educators want all students to have access to learning and to reporting.  The document needs to make clear what the expectations for this will be.</t>
  </si>
  <si>
    <t>Too many changes too frequently to allow for robust reflection on changes.  25% of the year is way to early for Kindergarten to have any meaningful impact.  the start of the year is just adjusting to routines cannot cover all subject areas to comment in so little time with K kids.</t>
  </si>
  <si>
    <t>A layering of extra work for teachers without lightning the workload.  Especially if all subject areas will require commenting each reporting period.</t>
  </si>
  <si>
    <t>goal setting confrences are more meaningful in creating goals to work on throughout the year than a teacher report.</t>
  </si>
  <si>
    <t>I like the amount of written reports, it would be nice to have more opportunities to connect face to face for quick chats about my children's learning.</t>
  </si>
  <si>
    <t>I feel that for the younger grades this could be a difficult concept, even for some in grade 3 and 4.</t>
  </si>
  <si>
    <t>Reporting needs to me more diverse for learnings with individual needs.  They do not apply to many students.</t>
  </si>
  <si>
    <t>The self assessment is very broad and the concepts of communication, thinking, personal and social are too difficult for most students to understand. Save this for the highschool students.</t>
  </si>
  <si>
    <t xml:space="preserve">This is much better than letter grades and focuses on growth and improvement.  </t>
  </si>
  <si>
    <t xml:space="preserve">Two measures (grades and proficiency scale) is confusing and not clear. </t>
  </si>
  <si>
    <t xml:space="preserve">I believe students need to be aware of their own growth and learn to take responsibility for their own learning.  This help students do that. </t>
  </si>
  <si>
    <t xml:space="preserve">This is an important life skill. </t>
  </si>
  <si>
    <t>Ongoing achievement updates in various subjects, on a digital platform, is more efficient, timely, thorough, and easier for parents to stay informed as the school year progresses.  Reporting on all subjects at three times a year keeps information on student  achievement from parents for too long</t>
  </si>
  <si>
    <t>More work and no release time to do it.</t>
  </si>
  <si>
    <t xml:space="preserve">Parents have complained that it doesn’t tell anything about how their child is doing like a letter grade can. </t>
  </si>
  <si>
    <t xml:space="preserve">Stay with tradition since colleges and universities expect letter grades and percentages. </t>
  </si>
  <si>
    <t xml:space="preserve">If this is the same as what we are doing now that is fine. More frequent reporting is not ok. </t>
  </si>
  <si>
    <t xml:space="preserve">The performance scale of not yet approaching meeting exceeding is much more clear. This one is too vague </t>
  </si>
  <si>
    <t xml:space="preserve">At the early years in grades k to 3 particularly grades k to 1 the students don’t really understand and it becomes  very time consuming time is better spent on key areas of the curriculum such as reading and writing </t>
  </si>
  <si>
    <t xml:space="preserve">Only support this if there are ministry vetted resources available that clearly support teaching grade appropriate goal setting again for earlier grades it is very challenging and time consuming </t>
  </si>
  <si>
    <t xml:space="preserve">Keep the current reporting where all learners receive the same report card and iep students receive an additional one written by the learning services teacher otherwise separate reports is too time consuming </t>
  </si>
  <si>
    <t>The self assessment in the core competencies for early years is very time consuming taking away from valuable numeracy and literacy.  If the ministry makes this a requirement for all reporting periods then they need to provide ministry vetted and readily available teaching resources to steam line it</t>
  </si>
  <si>
    <t>Writing report cards are incredibly time-consuming and onerous. Written reports are necessary, but they significantly add to a teacher's workload.</t>
  </si>
  <si>
    <t>This scale would replace the current letter-grade system. If it changes to the scale, I hope inservice will be provided to teachers.</t>
  </si>
  <si>
    <t>As mentioned, I know that post-secondary institutions require percentages for admission, scholarships, etc.</t>
  </si>
  <si>
    <t>This will add to a teacher's workload.</t>
  </si>
  <si>
    <t>It's more appropriate for students to self-assess the core competencies than be assesses by the teacher.</t>
  </si>
  <si>
    <t>This should be fine, especially if the Ministry and/or School Distict is willing to offer some guidance to schools.</t>
  </si>
  <si>
    <t>Yes, as long as support teachers (LAT, ELL, Resource) can assist. Again, teacher workload must be considered.</t>
  </si>
  <si>
    <t>I appreciated having the choise: option A and B.  Some of my colleagues would like a clear direction from the Ministry.</t>
  </si>
  <si>
    <t>The scales are so vague and large they have no meaning</t>
  </si>
  <si>
    <t>simple to use and everybody understands percentages</t>
  </si>
  <si>
    <t>I feel reporting is currently adequate.</t>
  </si>
  <si>
    <t>Percentages and grades can be used in collaboration to give students and parents good feedback on their learning.</t>
  </si>
  <si>
    <t>The current system is great.</t>
  </si>
  <si>
    <t>The proficiency scale is not required. Proficiency can be concluded from percentages, letter grades, and comments (the existing model)</t>
  </si>
  <si>
    <t>Isn't this already the case?</t>
  </si>
  <si>
    <t xml:space="preserve">Letter grades, percentages and comments are sufficient for reporting. </t>
  </si>
  <si>
    <t xml:space="preserve">Agree with the idea of agency built into the reporting process. </t>
  </si>
  <si>
    <t xml:space="preserve">Not a K-9 teacher. </t>
  </si>
  <si>
    <t xml:space="preserve">Par for the course. </t>
  </si>
  <si>
    <t xml:space="preserve">Will need to be a lot of scaffolding for students to learn how to set appropriate, reachable goals for themselves in a meaningful way. </t>
  </si>
  <si>
    <t xml:space="preserve">I believe this plan allows for regular updates on the student's progress. </t>
  </si>
  <si>
    <t>My child has learning challenges and an IEP, so I am pleased that she will be included in this policy.</t>
  </si>
  <si>
    <t xml:space="preserve">How does this benefit the kids? It is just adding more work onto the teachers who are already so pressed for time. This is not something that will directly help students, in fact it'll take time AWAY from them as we have to focus on an unnecessary step. </t>
  </si>
  <si>
    <t xml:space="preserve">How does this help students? Why do we need to provide a performance scale in each subject area? It's unnecessary, extra work for teachers, and won't actually help the students. </t>
  </si>
  <si>
    <t xml:space="preserve">This is also already done at the digression of the teacher. </t>
  </si>
  <si>
    <t>It's so unnecessary. Extra work without helping the kids. Why take more time from the students for something that won't benefit them?</t>
  </si>
  <si>
    <t xml:space="preserve">This becomes confusing for parents. Simplify the language and reporting. Ongoing communication of learning can be separate from 3 written reports and two meetings. I think we should have a numeracy and lieracy update in December. A report card in March and a summary in June. </t>
  </si>
  <si>
    <t xml:space="preserve">Focus on improvement. Maybe remove extending as a separate scale on one so people don’t think it is an A. </t>
  </si>
  <si>
    <t xml:space="preserve">Reflections should be part of ongoing assessment. </t>
  </si>
  <si>
    <t xml:space="preserve">We do goal setting but this sets up teachers to be less than successful as teachers will be trying to accomplish too many official actions that take away from deep learning in the classroom. </t>
  </si>
  <si>
    <t xml:space="preserve">This has always been the case. </t>
  </si>
  <si>
    <t xml:space="preserve">Give reporting flexibility to report formally when deep learning has happened. </t>
  </si>
  <si>
    <t>I don’t find the information teachers report very accurate and when I question the information there is no response. Would be nice to have communication .</t>
  </si>
  <si>
    <t>What does it show we don’t receive any information when they do these tests.</t>
  </si>
  <si>
    <t xml:space="preserve">Students are not interested in goal setting. </t>
  </si>
  <si>
    <t>Seems like something mor for students to do and less for the teachers</t>
  </si>
  <si>
    <t xml:space="preserve">My student has a learning plan and a letter from his Pediatric doctor and nothing is ever followed or provided to my child. </t>
  </si>
  <si>
    <t>I feel our kids are not being engaged at school. Teachers seem to only be concerned with the top acheivers and seem to push others towards lower education. They can’t seem to teach to a students learning needs. Try putting that in one of your policy’s.</t>
  </si>
  <si>
    <t>Three reporting periods is more than enough.</t>
  </si>
  <si>
    <t>Secondary school teachers can have up to 210 students and asking teachers to make a minimum of 5 reporting events per year is INEFFECTIVE and a waste of time. It's better to do more formative assessments and give timely feedback to students.</t>
  </si>
  <si>
    <t xml:space="preserve">Being able to communicate student progress using the proficiency scale is great, but there is no clear guidance on what these proficiency scales mean and should look like. Every teacher has a different understanding of these proficiency scales, resulting in discrepancies in student progress. </t>
  </si>
  <si>
    <t>If post-secondary schools require letter grades and percentages, it makes sense to continue with these grading policy for the gr.10-12s.</t>
  </si>
  <si>
    <t>If post-secondary schools require letter grades and percentages, it makes sense to continue with letter/percentage grading policy for the gr.10-12s. Teachers who wish to use the proficiency scale should be encouraged to do so, but it should not be required for all.</t>
  </si>
  <si>
    <t xml:space="preserve">Most often, students don't pay much attention, time, and effort into completing these self-assessments. </t>
  </si>
  <si>
    <t>It's great to build a sense of student ownership by setting goas for learning and personal inquiry. However, to make it part of their reporting, students will be less inclined and lose motivation to explore their personal goals and inquiry. Student choice is important instead of making it mandatory.</t>
  </si>
  <si>
    <t xml:space="preserve">Increased frequency of reporting is ineffective! It's more effective to focus on maximum 2-3 reports that are descriptive and provide clear feedback for student strengths and areas of improvement/needs. </t>
  </si>
  <si>
    <t>It’s a confusing way to state where the student is at. Not clear at all</t>
  </si>
  <si>
    <t>Some students don't mature at the pace that the curriculum would like to. Some students have ADHD or other problems. Thus, those students are automatically behind. Why do we have standards when we know students don't fit the standards? I have to write emergent or developing because they can't.</t>
  </si>
  <si>
    <t>We need training. There is a revolution at work in the teaching field, I want to be part of it. But nothing is done to make teachers successful. We implement a curriculum that we don't understand with no guidance. I buy books, try to understand but we don't have the time at school to share and talk.</t>
  </si>
  <si>
    <t>Same as before, we need training!!</t>
  </si>
  <si>
    <t>The same, we have challenging students, and we don't know how to handle them. We have human support with aids, but it doesn't help us to know what to do. I buy books, try to figure it out alone. Most of my colleagues don't do that. We don't have the time to think together.</t>
  </si>
  <si>
    <t>Give us time and money to get training and think as a collective.</t>
  </si>
  <si>
    <t>It's not possible to give a curriculum with no explanation and set a rigid frame for evaluation without giving the chance to every teacher to meet expectations. Teaching has become a complex profession. We need training + time for collective talk. Depression comes when we think we're doing a bad job</t>
  </si>
  <si>
    <t>Too many admins. Not enough focus on the children.</t>
  </si>
  <si>
    <t>Give back letter grades.</t>
  </si>
  <si>
    <t>Should be in place before grade 10. Kids will know what to expect of themselves.</t>
  </si>
  <si>
    <t>Sure. As long as letter grades remain an addition of the scale should be fine.</t>
  </si>
  <si>
    <t>If the student wishes to, yes but if they don’t want to provide an assessment they shouldn’t be made to.</t>
  </si>
  <si>
    <t>Students should do this on their own. Sometimes they are too young to understand what they want from life. Short term goals on a small scale would be better.</t>
  </si>
  <si>
    <t xml:space="preserve">Should always have been this way. Was it ever not? </t>
  </si>
  <si>
    <t>I don’t like seeing bony fully meeting/meeting/exceeding. I grew up with letter grades and think it shows a better standing of where the student is. In addition of course to the teachers comments which should be included always. More communication to parents by teachers if students are at risk.</t>
  </si>
  <si>
    <t xml:space="preserve">It's not more work per se, but learning to use a new format and new technology is more. With adequate training provided, it shouldn't be a problem. </t>
  </si>
  <si>
    <t xml:space="preserve">I would have preferred to see a 3 point or a 5 point scale. If the point is to get away from letter grades, but then it is just replaced with words instead, parents naturally transfer their understanding to be extending = A, proficient = B etc when that isn't necessarily the case. </t>
  </si>
  <si>
    <t xml:space="preserve">Self assessments can be a great tool, but many students lack self awareness and are unable to accurately assess themselves. You have the children who give themselves perfect yet have many deficiencies and areas to grow, and then there are students who are doing great but are overly self critical. </t>
  </si>
  <si>
    <t xml:space="preserve">Depends on the group. Many students need teacher led. This independent inquiry is not a successful model for every classroom. Some students need 100% supervision on technology. Students need assistance choosing a topic, how to research etc. Even at the Grade 7 level too often this is not realistic. </t>
  </si>
  <si>
    <t xml:space="preserve">If the support in class matches the expectations for reporting it makes sense. If chronically short EAs and appropriate support, this just adds to the burnout of teachers. </t>
  </si>
  <si>
    <t xml:space="preserve">It feels challenging enough as it is to have adequate time to cover everything. Adding an inquiry project can be a very daunting ask without showing teachers how this can be implemented in their classrooms. I'd like to see training to show how to manage a class with 25 different topics. </t>
  </si>
  <si>
    <t xml:space="preserve">They should be percentage </t>
  </si>
  <si>
    <t>Time restrictions.</t>
  </si>
  <si>
    <t>For science and social studies it is preferred to do an in depth exploration of one or the other per term.  Changes to reporting would not permit students to fully explore interests and engagement in a given unit, as we would be toggling multiple units each term. I prefer quality over quantity</t>
  </si>
  <si>
    <t xml:space="preserve">It prepares students for their future.  </t>
  </si>
  <si>
    <t>It provides a more inclusive assessment of students.</t>
  </si>
  <si>
    <t>Having Kdg. students report on each area of the core competencies (thinking, communication &amp; Personal/social) per term would be extremely time consuming.  Time would be taken away from instruction or support to scribe students responses for each comp. per term. Not devel. appropriate.</t>
  </si>
  <si>
    <t>With 5 year olds it is wonderful to introduce goal setting, however, they may need their teachers guidance to highlight areas of improvement.</t>
  </si>
  <si>
    <t xml:space="preserve">Everyone should be equally assessed based on their needs and abilities. </t>
  </si>
  <si>
    <t xml:space="preserve">I am fearful the joy of teaching little ones is going to change my focus from teaching the curriculum to meeting the multiple expectations of the frequent report cards and increased expectations.  There are only so many hours in a busy Kdg. day. </t>
  </si>
  <si>
    <t>l wld like the kids to evaluated by percentage earlier. i.e. by grade 8</t>
  </si>
  <si>
    <t>earlier percentage evaluation i.e. Grade 8</t>
  </si>
  <si>
    <t>The proposed policy appears directed toward a linear system, not a semestered school year. Teachers in a semester system would have to report ten times per school year, not five times. Reporting is already an incredible stress and burden on teachers, and to double it would be unachievable.</t>
  </si>
  <si>
    <t>If the four-point scale is set up appropriately according to subject, descriptive feedback is  unnecessary.</t>
  </si>
  <si>
    <t>Changing from a four-point scale through grade 9 to a percentage for grades 10-12 is a huge flip of student and parental understanding of achivement. What is the purpose of K-12 public education? It should not be to serve for-profit post-secondary institutions.</t>
  </si>
  <si>
    <t>Combining a proficiency scale with a percentage further muddies outcomes and expectations.</t>
  </si>
  <si>
    <t>Who would admister and create the self-assessment? If teachers are expected to prepare and administer these to students, it takes away from teaching and adds to teachers' administrative burdens.</t>
  </si>
  <si>
    <t>Who would admister and create the goal-setting? If teachers are expected to prepare and administer these to students, it takes away from teaching and adds to teachers' administrative burdens.</t>
  </si>
  <si>
    <t>I'm a teacher with almost 200 students. Many DO have diverse needs and learning should be inclusive but with a heavy workload and few learning assistants, it is impossible to find the time/resources to "respond fully to individual needs." I need more time and aid (or fewer students per class.)</t>
  </si>
  <si>
    <t>Teachers are already stressed and overworked from constant change to assessment, the pandemic, and ever-increasing workloads and expectations. This reporting policy will result in teacher burn-out, an inability to properly serve students, and experienced teachers leaving the profession.</t>
  </si>
  <si>
    <t xml:space="preserve">More communication is always better. It's challenging to know what is going on in classes. There isn't always clear communication throughout the year (too many variables on approach) </t>
  </si>
  <si>
    <t>Makes sense. Good word choice</t>
  </si>
  <si>
    <t>Letter grades and percentages are not always the best approach to fully assess the contributions and efforts of the student, as well as the progress made throughout the year</t>
  </si>
  <si>
    <t xml:space="preserve">Consistent approach is easier to follow and understand </t>
  </si>
  <si>
    <t>I. The moment (asking during a conference that is only 10-15 mins is always rushed and I am not sure gets the desired effect. Having goals discussed and captured ahead of time would make more more thought and insight into goal setting activity</t>
  </si>
  <si>
    <t>There needs to be specialized programs for kids who need additional support, while still finding ways to source strength areas to integrate with others (ie not a danger/significant distraction n) to themselves or others</t>
  </si>
  <si>
    <t xml:space="preserve"> It isn't much different than meeting, not yet meeting, exceeding etc... just a language change </t>
  </si>
  <si>
    <t xml:space="preserve">Students will see letter grades in post secondary and should be familiar with them </t>
  </si>
  <si>
    <t>Challenging for primary students to do on their own. It takes a lot of teaching time to teach the students to do this properly, which is fine if time is allotted.
Maybe better for intermediate and secondary students</t>
  </si>
  <si>
    <t xml:space="preserve">Less paragraph writing. A provincial wide report writing program that is user (parent, student and teacher) friendly. Boxes to tick off to show if a student is proficient etc in each subject area and an area for one short, concise written remark. 2 pages max. </t>
  </si>
  <si>
    <t>The current system of writing comments for each subject is time consuming and isn't a good use of teacher time. Many parents are ELL and find the paragraphs confusing. Other parents voice frustration with having to read through many pages full of paragraphs and admit to not reading the reports at al</t>
  </si>
  <si>
    <t>We need time to implement this new order.</t>
  </si>
  <si>
    <t>We need extra time to develop descriptive feedback that is both specific, and also simple for parents to understand.</t>
  </si>
  <si>
    <t>Teachers must be provided with extra time, especially in the secondary schools, to provide descriptive feedback that is simple to understand by parents.</t>
  </si>
  <si>
    <t>Teachers will need time to create Learning Maps for student self-assessment, as the core competencies do not specifically translate into outcomes for a particular classroom, studio, lab... etc.</t>
  </si>
  <si>
    <t xml:space="preserve">Time is required for individual departments to implement this properly; we had many professional development days to understand and implement the new curriculum, and  should have the same for this new policy. </t>
  </si>
  <si>
    <t xml:space="preserve">Fully written reports, particularly the end of the year reports for Grades 10-12 are typically not read by parents and/or students. Also, as with previous reports, written comments are not on the transcript or in MyEdBC for reference for teachers following up on previous semester/year courses. </t>
  </si>
  <si>
    <t xml:space="preserve">The use of the proficiency scale for reporting aligns with skill based assessment practices in the classroom. A linear progression of skill growth is necessary during formative educational years. I would like to see Grade 8/9 courses have proficiency reported for 2-3 categories within the course. </t>
  </si>
  <si>
    <t xml:space="preserve">I find the use of percentages to be counter-intuitive when skill-based proficiency assessment is used in the classroom. </t>
  </si>
  <si>
    <t xml:space="preserve">I am concerned about the huge variation in proficiency level and the connection to reporting out using percentages/letter grades. Across the province, the concern about continuity of the definition of proficient is a real concern. </t>
  </si>
  <si>
    <t xml:space="preserve">I think this is a valuable skill for all students to do. </t>
  </si>
  <si>
    <t xml:space="preserve">Again, a wonderful connection to student-directed goals and reflection. </t>
  </si>
  <si>
    <t xml:space="preserve">In grade 10-12 courses, where post-secondary institutes are looking at percentages/grades on a transcript, students with intense supports should be identified on report cards/transcripts. </t>
  </si>
  <si>
    <t xml:space="preserve">Format for comments way too heavy: how student is doing (core competency language - vague for parents), what to work on and next steps, PLUS "evidence" for each subject! Summary rprt  with these individualized comments for all 9 subjects is way too much of a tchr workload increase.                 </t>
  </si>
  <si>
    <t xml:space="preserve">Why would you need a proficiency scale when there are letter grades? One more thing added to an already unreasonable teacher workload, adding no useful information for parents or students! I read this question numerous times and it seems outrageous. </t>
  </si>
  <si>
    <t xml:space="preserve">In primary, goal setting is a nice concept to introduce but difficult for the kids to embrace and understand fully. </t>
  </si>
  <si>
    <t>format/criteria for "points of progress"</t>
  </si>
  <si>
    <t>Not having 3 distinct reporting periods (at least in my district) means teachers are constantly in a treadmill of churning out reporting info. There is little time anymore to settle into learning without racing to pump out "points of progress"</t>
  </si>
  <si>
    <t>we need more report cards because i can't see my grades until like january which can be nerveracking</t>
  </si>
  <si>
    <t>it's ok</t>
  </si>
  <si>
    <t>boring dont know the purpose of it tbh</t>
  </si>
  <si>
    <t>get rid of the social responsiblity communication stuff it makes no sense</t>
  </si>
  <si>
    <t>Goal setting conferences and report cards written like novels are not useful.
We support goal setting, but would prefer having the traditional student led conferences where we can meet the teacher, see student work and have organic conversations with the teacher about our child's needs, not goals .</t>
  </si>
  <si>
    <t xml:space="preserve">Different terminology,  but very similar to previous approaches </t>
  </si>
  <si>
    <t>Most of the world uses letter grades !</t>
  </si>
  <si>
    <t>This is more useful in upper intermediate &amp; secondary.
I don't think teachers should report on this, just the students</t>
  </si>
  <si>
    <t>The concept is great, but I don't think it needs to be formally reported by the teacher. 
This seems more appropriate for secondary and maybe upper intermediate students</t>
  </si>
  <si>
    <t>How is this possible if students who are labeled with learning challenges aren't receiving the extra support they qualify for? I have volunteered in my kids classes and am disheartened by the number of special needs kids in  class who are not getting extra help because behavior kids get the helpers.</t>
  </si>
  <si>
    <t>We hate reading all the paragraphs. Short, concise and reader friendly. No more 6 page report cards. One page please (maybe 2).</t>
  </si>
  <si>
    <t>Its a lot of reading for something that could be communicated with checked boxes or something like that. We do like a personal comment about our child, but it only needs to be 1 or 2 sentences. 
Also, we have to help our neighbours (English second language) read/understand the reports for their kids</t>
  </si>
  <si>
    <t>The learning reports my daughter received during her last year of school were a joke. They were generic, copy and paste responses which did not detail nothing specific to my child. One section was not even for her but included a different students name. We did not receive any portal updates, nor fee</t>
  </si>
  <si>
    <t>I feel it is extremely important students have an opportunity for self reflection</t>
  </si>
  <si>
    <t xml:space="preserve">The reports from teachers have been copies (I have twins) with one single line changed at the end of each section (or the bottom of the report).   IF we are only going to get 2 written reports, they should have context and be personalized to each child.  </t>
  </si>
  <si>
    <t xml:space="preserve">Emerging and Developing need context as to why, and what or how to provide improvement.   The student goals and/or other communication do not always link to the growth required and as parents we do not all have extensive knowledge of the circulum requrirements to suggest goals.  </t>
  </si>
  <si>
    <t>Have not yet experienced Grade 10-12</t>
  </si>
  <si>
    <t xml:space="preserve">Exellent development of student self awareness and personal motivation.   However, I haven't seen any motivation or requirement for the students to be motivated in improvement for the circulum requirements.  Personal goals may not reflect areas of Emerging or Developing.  </t>
  </si>
  <si>
    <t xml:space="preserve">More education is required for parents to know if the goals are meeting ciriculum goals.  </t>
  </si>
  <si>
    <t xml:space="preserve">Have not yet seen it in practice for all student skill and diverse needs.    Gifted children who are extending are just extending at the grade ciriculum, reports that are copy/paste from all other students, with a scale that does not illustrate their full potential.    </t>
  </si>
  <si>
    <t xml:space="preserve">The proficiency scale should be flexible for students within or beyond their grade level to be individualized programs.   Cut/copy and paste reports are not personalized to each child.   Parents should be educated on the circulum and what Emerging or Developing means to support their child.  </t>
  </si>
  <si>
    <t>I am ok with this of each priority curricular competency was reported on using the proficiency levels as reflected in the principles of standards based grading. I am seeing the proficiency scale being used like letter grades. Example ELA is Proficient. A continuation of this practice is unacceptable</t>
  </si>
  <si>
    <t xml:space="preserve">Assessment literature shows how inaccurate, confounded and inequitable the 100 percent scale is. Knowing the research, very disappointed that percent are not eliminated. Time to adopt standards based grading principles fully. It is unethical to have teachers convert to percentages. </t>
  </si>
  <si>
    <t xml:space="preserve">This should be applied K to 12. Research shows that decreasing levels is easier to clarify and provide clear descriptors for success which promotes learning. Make decisions that are in the best interest for students and the integrity of the profession. Promote research based practices period. </t>
  </si>
  <si>
    <t xml:space="preserve">From my observations, this has been an add on and it should be formative not summative. Reports are summative evaluations. Embed them DURING the learning, not at the end. Purpose of self-assessment is formative not summative. </t>
  </si>
  <si>
    <t xml:space="preserve">It’s only productive of students act on their goal setting. Great idea but what’s the follow up? From the position I’m in, teacher barely know how to write their own learning targets. If they can’t do this, how will they guide kids to write goals if they don’t know how to write them the sleeves?! </t>
  </si>
  <si>
    <t xml:space="preserve">Percentages communicate to stakeholders that education is set up to fail students. Flip the script and be bold in what you believe in for teaching and learning. Percentages must go! </t>
  </si>
  <si>
    <t>I would prefer more reporting. 7events. As a parent I would like the most oprtunity to ensure our children are on track and not falling behind and proven positive behavior and attitude.</t>
  </si>
  <si>
    <t>I prefer that My child and I can see if he is passing or failing. the A, B ,C+, C, C-, D, E reporting seems more affective. More rewarding to a child that is doing well and awake up call for the child not doing well. We need to see grade point averages. K to Grade 12. The Honor role system.</t>
  </si>
  <si>
    <t>Important to have a letter grade system in all grades in my opinion.</t>
  </si>
  <si>
    <t>All grades should have this option. Use both systems on a report card. That would be a great option.</t>
  </si>
  <si>
    <t>letter grade and percentages as a requirment in all grades at least 1-12.</t>
  </si>
  <si>
    <t>Grade 9 may want to transition into grade 10 scoring, so they have a year to exist in that scoring system before the grades count towards post secondary credits</t>
  </si>
  <si>
    <t>Curious about how it would work.  Would it align with %, like A is extending?  If so, is redundant.  If it’s a separate scale though measuring the students effort and participation, I think would be a positive change.  Some students don’t test as well as others but can participate in class</t>
  </si>
  <si>
    <t>I like this as I hope it would give some context and future focus to kids that may be feeling stuck in the moment</t>
  </si>
  <si>
    <t>Yes PLEASE - if there can be accommodations for kids that may have difficulty with test taking even if they no longer formally qualify for an IEP, that would be huge.</t>
  </si>
  <si>
    <t>Note: your 5 point scale has “very” and “extremely” as the two above neutral responses.  You should have”satisfied” as an option instead of very.  Now I’m either neutral or “very satisfied”, neither of which are accurate.  Feels like a marketing/PR angle instead of a true reflection of opinion.</t>
  </si>
  <si>
    <t>Written feedback is labour intensive. Four blocks of classes means 100-120 x written feedback. Too much. But it should not be a percentage EVER. Assess curricular competencies using 4-point scale ONLY.</t>
  </si>
  <si>
    <t>The purpose of using the scale is to assess competencies. If % are attached, all the feedback for individual competencies will be lost. Students &amp; parents will chase points &amp; %. Teach teachers how to Standards based grade properly &amp; the final grade will be justified!</t>
  </si>
  <si>
    <t>Proficiency scale ONLY. No percentages. And please no overall proficiency level.</t>
  </si>
  <si>
    <t>Assess core competencies and include goal setting as part of that process, nit separate. Too much work for teachers.</t>
  </si>
  <si>
    <t>Reporting is not the same as developing in class inclusive practices. Teachers need to learn how to generate replacement goals for students w/ intellectual disabilities &amp; how to standards based grade properly to build inclusivity!</t>
  </si>
  <si>
    <t>K-12 should be: report on a selection (not all) curricular competencies as determined by individual schools using the scale. Report out at key times the proficiency scale indicator for those cc's, NO % until end of course...all grades! Then at end of course, give a letter grade 4-9, % 10-12.</t>
  </si>
  <si>
    <t xml:space="preserve">In the past I thought K-7 only had 3 report cards, 5 seems excessive and doesn’t allow for a stretch of time for growth opportunities before report cards again. </t>
  </si>
  <si>
    <t xml:space="preserve">I find as long as the report card clearly indicates the proficiency skill for each subject area, this focuses on student growth. I also want language on areas the student needs improvement and/or is behind grade level expectations for literacy and numeracy. </t>
  </si>
  <si>
    <t xml:space="preserve">How will this translate moving from grade 9 proficiency to grades in grade 10? Will children all be pushed through in K-9 and then potentially have their first failure by grade 10? </t>
  </si>
  <si>
    <t xml:space="preserve">How can there be both? </t>
  </si>
  <si>
    <t xml:space="preserve">I like allowing the option my my child to reflect on their growth and needs for improvement in these core areas. </t>
  </si>
  <si>
    <t>I think this gives my children the opportunity to invest in their own education and goals.</t>
  </si>
  <si>
    <t xml:space="preserve">My children need time between one report card to the next to participate in risk free learning to practice and grow their skills. If teachers are focussed on reporting out, they will need to formally assess students more frequently in order to report updated progress so frequently. </t>
  </si>
  <si>
    <t>I agree with the number of reports, but notice that many parents are too busy or too involved in their own lives to read all three written copies.  They may prefer to have another "in face" meeting instead of more written reports.</t>
  </si>
  <si>
    <t>I like the terminology.  I hope that the reports would include a description of what the criteria is for each label.</t>
  </si>
  <si>
    <t>I think the letter grades should start earlier (grade 9) in order to help the students better prepare and understand the significance of letter grades.  The students need to submit these grades for entry into university, so need to work at understanding the level of effort needed to gain good grades</t>
  </si>
  <si>
    <t>The use of proficiency scale in upper grades may help ease the transition and understanding of letter grades.</t>
  </si>
  <si>
    <t>The self assessment component of reporting is too onerous for both students and teachers. In reality, the students are writing what they think their parents want to hear, and then only  1/3 of the parents at best actually open and look at the reports - more interested to hear the teachers' opinion.</t>
  </si>
  <si>
    <t xml:space="preserve">More valuable than the C.C. assessment, in that together students and teachers can work on future learning goals, both personal and academic.  At the early learning stage, I do not believe it would be useful to talk about career related ideas. </t>
  </si>
  <si>
    <t>All learners should be informed or help  assess where possible in order to set goals and learn more about abilities and needs.</t>
  </si>
  <si>
    <t>I believe that this component is too onerous for the value it will give to students or parents.  Much work and language must be learned in order to self assess at an early age, and it detracts and takes time away from other learning opportunities.</t>
  </si>
  <si>
    <t xml:space="preserve">The four-point scale is too general and does not encourage children to push themselves.
The four-point scale may be suitable for younger students but middle school students are not prepared for high school on this grading system. </t>
  </si>
  <si>
    <t xml:space="preserve">Math is a universal language and everyone understands what 100% is regardless of where a student chooses to go to school.  Post secondary still require grades.  </t>
  </si>
  <si>
    <t xml:space="preserve">We need to teach kids how to work hard and what success and failure feel like.  We need to be consistent with other countries.   Math is a universal language and people understand and everyone understands what 75% means vs. proficient etc. </t>
  </si>
  <si>
    <t>Letter Grades &amp; percentages from grade 7-12</t>
  </si>
  <si>
    <t xml:space="preserve">Middle school kids are not being pushed and are not prepared for high school under this new reporting and letter grades and percentages motive in a much better way and help to actually demonstrate a student's level of understanding of the material. </t>
  </si>
  <si>
    <t>Tis draft does not outline the requirements of the 2 reports that do not have to be written. What are the expectations? Can they be informal parent-teacher interviews and/or student-led conferences? The words FORMAL for the 3 written and INFORMAL for the 2 'other' reports put into the new policy.</t>
  </si>
  <si>
    <t>Many Universities and other post-secondary institutions require Grades and percentages. It is important that British Columbian students stay current in the world.</t>
  </si>
  <si>
    <t>One method of reporting is sufficient. If percentages are already given, the Provincial Proficiency Scale is redundant, and because it is optional it can become unfair to some students and not others throughout British Columbia.</t>
  </si>
  <si>
    <t>This takes too much instructional time to complete. Either more time needs to be added to the day, or something needs to be taken away. We cannot put another requirement on top of everything else. Once a year is enough.</t>
  </si>
  <si>
    <t>This is part of the Career Education curriculum already. Having this new requirement is redundant to what is already laid out in the curriculum for many Grades.</t>
  </si>
  <si>
    <t>I need some more training and professional development on how to implement these new requirements for my students with disabilities.</t>
  </si>
  <si>
    <t>Only a small percentage of students actually gain from this. It is a lot of work put on the teacher to make sure the student has jumped through the hoops to meet the ministry requirements. Doing this now THREE times a year is a waste of time.</t>
  </si>
  <si>
    <t>Teachers have a significant amount of work on their plates. How formal will those reports be, are we adding too much to a teachers day to day work. How accurate is a report only 25% into the year. Formative feedback is important throughout the year and should be encouraged.</t>
  </si>
  <si>
    <t>Huge increase to teacher workload and expectations with little to no training and time.</t>
  </si>
  <si>
    <t xml:space="preserve">I much prefer the proficiency scale over letter grades, especially for the grades I teach.  It is a more authentic representation of learning.  </t>
  </si>
  <si>
    <t>We can't change this until post-secondary makes entrance and reporting changes.</t>
  </si>
  <si>
    <t>I think using the proficiency scale would be beneficial at all grade levels, but we can't make this change until post-secondary changes too.</t>
  </si>
  <si>
    <t>I'm very concerned about teacher workload.  This reporting model feels like it is the same old reporting model with new terminology.  It feels the old three term report cards, but more of everything:  conferences, strength based comments, evidence of learning, goal setting and review, etc..</t>
  </si>
  <si>
    <t xml:space="preserve">As a high school teacher who teaches up to 120 students at a time, the requirement for individual student written summative reports requiring the level of detail suggested in this draft seems like a huge task - not happy about this!  </t>
  </si>
  <si>
    <t>We have had so many changes to reporting and curriculum over  the years.  I don't see this change as adding any more meaningful information for parents.  Most teachers already do a good job of communicating with parents.  It is exhausting to deal with so much change!</t>
  </si>
  <si>
    <t>More work for teachers!</t>
  </si>
  <si>
    <t>How do these self-assessments get included in student reporting?  Is this another task that teachers must facilitate?</t>
  </si>
  <si>
    <t>How does this work in high school?  Do students do this for every subject?  Does one subject teacher take responsibility for facilitating this?  Who provides meaningful feedback on this, or do we just accept any responses that students give?  These ideas sound good in theory but are difficult to imp</t>
  </si>
  <si>
    <t>Already being done I believe, but if the process is made more formal, my concern is how much extra time it will take.</t>
  </si>
  <si>
    <t xml:space="preserve">From a high school teacher's perspective (reporting on 90-120 students at a time), I think these proposed changes will place a huge burden on teachers and will not result in significant improvements in communicating student learning. </t>
  </si>
  <si>
    <t>I have a number of issues I would like to bring to your awareness all of which point to the fact that the demands on teachers (particularly time spent reporting) are significantly greater under these proposals, while no additional time and support has been given to address the significant increase.</t>
  </si>
  <si>
    <t xml:space="preserve">The scale is fine (although still little understood by students and parents) but the time required to provide descriptive feedback is significant, while teachers, already asked to do more and more have not been given any additional time to do so. </t>
  </si>
  <si>
    <t>I can only suppose my secondary colleagues will not receive the additional time this requires. To put it bluntly: STOP asking teachers to do more without recognising the statistical evidence suggesting we are burning out and START giving teacher's time to do this if the opportunity outweighs the ben</t>
  </si>
  <si>
    <t xml:space="preserve">This is NOT Student Voice. If it is being imposed upon students who didn't ask for it and many of whom will not be able to express their voice through forms and terms created by adults, maybe some can give it lip service.
</t>
  </si>
  <si>
    <t>While goal setting is great. The format and time given this is insufficient.</t>
  </si>
  <si>
    <t>How specifically is this to be worked out? What addiitonal time will be given to support this? By whom? What goes?</t>
  </si>
  <si>
    <t>Many reasons</t>
  </si>
  <si>
    <t>These short response forms are insufficient for me to explain fully. I sound completely negative and frustrated, which I am but I am also a supporter of the proficiency scale and points of progress IF teachers are given the time and resources and training to make them usefull to parents, students an</t>
  </si>
  <si>
    <t>I think this will encourage frequent communication of student learning.</t>
  </si>
  <si>
    <t>This is focused on evidence of learning - proficiency is strength based, additive, competency based!</t>
  </si>
  <si>
    <t>I think post secondary should find ways to meet the need of our system - that is focused on learning! not tallying grades.</t>
  </si>
  <si>
    <t xml:space="preserve">I wonder how many teachers will use the scale.  </t>
  </si>
  <si>
    <t>Student self assessment is an important practice.</t>
  </si>
  <si>
    <t xml:space="preserve">goal setting is also an important practice </t>
  </si>
  <si>
    <t>Inclusion need to be reflected in our reporting practices.</t>
  </si>
  <si>
    <t xml:space="preserve">Do not like the proficiency scale descriptors. They are too vague, and not student or parent friendly. Seems like an unnecessary scheme to replace letter grades with something that in the end functions the same way.They do not transition well into grade 10-12 percentage and letter grade reporting. </t>
  </si>
  <si>
    <t xml:space="preserve">Fine to encourage this for continuity from K-9, but seems to kind of bog down reporting. </t>
  </si>
  <si>
    <t xml:space="preserve">Unless this is and can be done from a school-wide organization scheme, this seems like extra work for classroom teachers that could make reporting more cumbersome than it already can be. </t>
  </si>
  <si>
    <t xml:space="preserve">Sounds like a good idea in theory, but I am skeptical about efficacy when it becomes a formalized thing that students have to do for school. </t>
  </si>
  <si>
    <t>"respond fully to individual needs" is too vague and difficult for teachers to do--would require more NIT for teachers to better differentiate and create tiered work or universally designed classroom assessments. Currently, full teaching load is too much for teachers to do this well without burnout.</t>
  </si>
  <si>
    <t xml:space="preserve">I support diversity and inclusion, but codifying it in language is just too vague, and leaves too much grey area for subjectiveness. Requires a lot more of teachers without adding enough supports for teachers to do this well. </t>
  </si>
  <si>
    <t>School grades must be more than meat classifications.</t>
  </si>
  <si>
    <t>Proficiency scales are great as long as they don't compel teachers to fight some students' ability to game the scales to avoid authentic engagement in learning.</t>
  </si>
  <si>
    <t>If 4-scale is good enough for k-9 then why is it insufficient for 10-12?</t>
  </si>
  <si>
    <t>see prev answer</t>
  </si>
  <si>
    <t>self-assessment oughta be part of evaluation and not segregated</t>
  </si>
  <si>
    <t>Not gonna work for semestered schools.
Might be helpful to build engagement in learning.</t>
  </si>
  <si>
    <t>Hopefully all students know how they are best assessed for learning and accept that some methods are more effective than others.</t>
  </si>
  <si>
    <t>Grades are a fraud we need to ditch</t>
  </si>
  <si>
    <t xml:space="preserve">The teachers still say they aren’t familiar with how to grade In this manner. They still refer to letter grades in comparison and it’s all rather confusing to a parent  </t>
  </si>
  <si>
    <t xml:space="preserve">I think letter grades are important and not just for grades 10-12. High school should have some form of this </t>
  </si>
  <si>
    <t xml:space="preserve">My child who is in elementary am has found no value in these exercises. I think it’s good for them to reflect on strengths and areas of weakness but so far the for competency evaluations they have done don’t have value or impact on my younger learner </t>
  </si>
  <si>
    <t>Foresee excessive workload</t>
  </si>
  <si>
    <t xml:space="preserve">An add-on for reporting which adds to a teacher’s workload. </t>
  </si>
  <si>
    <t xml:space="preserve">I like the student/parent involvement with setting learning goals.  </t>
  </si>
  <si>
    <t xml:space="preserve">Parents need more updates and communication from teachers about their kids. Especially if the child has an IEP - 2 report cards aren’t enough. My daughter WAS not prepared for highschool at all and would have appreciated more updates and more IEP meetings to refine goals. </t>
  </si>
  <si>
    <t>What do these 4 categories mean? Is emerging mean they don’t know anything? Are they sugar coating? How are tangible goals? I want an outline of learning outcomes I want to know what they aren’t understanding. The schools need more accountability if kids aren’t learning. Figure out theirlearningstyl</t>
  </si>
  <si>
    <t xml:space="preserve">This doesn’t give parents enough information. I want to why my kid has the grade they do and why? Why aren’t they understanding curriculum? I expect the system to deliver services that meet my kids needs! Figure out learning preferences </t>
  </si>
  <si>
    <t>The province and school system need to do better! This is out dated! My kid is smart and she can learn. But if you put her with 30 kids and lecture a lesson she couldn’t retain it. How about instead of letter grades saying how good KIDS are doing how about it’s a reflection on how good the schoolis</t>
  </si>
  <si>
    <t>This isn’t inspiring or promotes understanding or froth my complete information a survey! Who ever has developed this survey has missed the mark. Help kids grow! Provide more councillors or life coaches! Try fun ways to learn competencies instead of sitting in a chair and writing on a piece of paper</t>
  </si>
  <si>
    <t>My kid has an IEP and would be difficult for her to do, let alone a ‘neurotypical kid’. If you want kids to make goals they need more support and strong relationship with teachers to help them and inspire them. My kid is at oak bay high a huge school and she is simply a number</t>
  </si>
  <si>
    <t>This is strait up garbage. Schools are full of red tape and politics. My kid brings in funding but recieves minimal support. My kid needs more one on one support! My kid needs are not inclusive. Having to go through a case manager constantly bc teachers don’t know how to be inclusive. Pethetic</t>
  </si>
  <si>
    <t>The entire system needs to be torn apart and rebuilt. Everything is outdated</t>
  </si>
  <si>
    <t xml:space="preserve">Three formal written reports is more than enough for the year. Adding to this a few other timely reporting mechanisms makes for a very communicative school. </t>
  </si>
  <si>
    <t>This is neither necessary or appropriate in the K-5 setting. For 6-9, a checklist of proficiencies/learning outcomes would be just fine.</t>
  </si>
  <si>
    <t>There doesn't seem to be a need for both. Teachers typically seem to manipulate percentage points to arrive at a letter grade anyway. Few if any of the teachers I know actually follow the Provincial Letter Grades Order in assigning a letter grade as a qualitative score.</t>
  </si>
  <si>
    <t xml:space="preserve">This seems redundant and will likely beg more questions than it answers when the results are seemingly inconsistent or not parallel. There's no need to designate a student with 90% and an A as Exceeding Expectations; it's obvious they are. </t>
  </si>
  <si>
    <t>This is a sound idea.</t>
  </si>
  <si>
    <t>This could be good if it is meaningful. Unfortunately, I predict both the process and results of this will be inconsistent across districts, depending on who is leading the effort in each context. This is likely to end up as busy work that lacks earnest reflection in many places.</t>
  </si>
  <si>
    <t>This shouldn't be anything new.</t>
  </si>
  <si>
    <t xml:space="preserve">There is never a one-size-fits-all for K-9. At there very least, there should be a K-5 and a 6-9 strategy. </t>
  </si>
  <si>
    <t>The scale works, but how often comments need to be communicated and reported are too much.</t>
  </si>
  <si>
    <t>It’s not realistic to expect secondary teachers to report on 250 students 10 times a year and spend so much time documenting and providing feedback; we hardly have time as it is.</t>
  </si>
  <si>
    <t>There needs to be more thought put into how this would impact students in Online Education / Distance Learning.  In a self-paced model, students might finish the course in 1 year or they might finish in 2 months.  It is impossible to space out the reporting periods as suggested above.</t>
  </si>
  <si>
    <t>More direction from the Ministry needs to take place with this use of this scale.  In our district we are being told by Sr. Management that the "Extending" category should be used very rarely.  This now limits us to a 3 pt scale which doesn't give enough information to families..</t>
  </si>
  <si>
    <t xml:space="preserve">As a secondary teacher, I'm passionate about preparing my students for transition.   For some this is into the workforce but for many this is into post secondary.  We need to ensure that our programs bridge for the benefit of the students.  </t>
  </si>
  <si>
    <t>I'm very satisfied that this was not mandated.</t>
  </si>
  <si>
    <t>This is extremely challenging in an online school / distance learning school where the students are on a self-paced model.  It also becomes redundant for the child to do this 8 times in 8 different courses which will happen for students who are cross enrolled in more than one school.</t>
  </si>
  <si>
    <t xml:space="preserve">This should not be part of the reporting process.  </t>
  </si>
  <si>
    <t>This is a great theory.  We need to be mindful though that when we say diverse learners we are also talking about adults.  Some of the self-assessment and assessment of goals seems to be more geared for a school-aged student and doesn't take into account adults very well.</t>
  </si>
  <si>
    <t>different options for Distance Learning/Online learning</t>
  </si>
  <si>
    <t xml:space="preserve">There is currently a group at the Ministry level that is being tasked with revamping Online/Distance learning and streamlining some of the ways this is delivered.  They need to be tasked with looking at this as well and developing processes that would actually work in a DL/OL setting.  </t>
  </si>
  <si>
    <t>I have still not received my child’s report card from last year! The print outs don’t make it home for interval marks. Our email, address and phone # have not changed on 21 years. I am not sure why during a pandemic when communication is critical that there has been newsletter from our school</t>
  </si>
  <si>
    <t xml:space="preserve">My youngest is in grade 12 , this will not affect my family </t>
  </si>
  <si>
    <t xml:space="preserve">In a semestered high school that adds an extra written report in an already condensed time frame.  I would spend more time writing and creating this reports than I would working on improving my course.  </t>
  </si>
  <si>
    <t>I don't believe that those levels tell parents the whole story at a high school level.  A percent does the same as the levels, with a more precise scale.</t>
  </si>
  <si>
    <t xml:space="preserve">This is how it is now, and it seems to be working.  </t>
  </si>
  <si>
    <t xml:space="preserve">As long as it's a chose by the teacher, they can do it if they want.  </t>
  </si>
  <si>
    <t>There needs to be a different way of reporting this.  There are multiple teachers at the  8 &amp; 9 levels (sometimes 7), and not every teacher should be including this aspect.</t>
  </si>
  <si>
    <t xml:space="preserve">I don't believe that it's my business about student's goals other than what it for my class.  I am happy to discuss it with them if they initiate, but other than that, I don't want to know.  </t>
  </si>
  <si>
    <t xml:space="preserve">I agree it should be inclusive for everyone.  However, it needs to be clear that the individual student may not have completed the same course as someone else in the class.  The assessments of skills is not equivalent.   </t>
  </si>
  <si>
    <t xml:space="preserve">It does not give the information that you think it does to parents.  More and more communication is available to parents, and this method just adds to the workload of teachers.    </t>
  </si>
  <si>
    <t>I don't feel as though 5 reporting periods is necessary. If there are issues with a child's learning, the teacher is already in regular contact with the teacher. For children that are proficient in their learning, there isn't a need for so many reporting periods. More concise written reports, too.</t>
  </si>
  <si>
    <t xml:space="preserve">I find that the communication between the school and parents has gotten worse over the past few years,  I seldom know how my kids are doing at school until the formal report cards are sent home, then I find out my child isn't doing well when some of these things could have been corrected earlier.  </t>
  </si>
  <si>
    <t xml:space="preserve">The 4 point scale doesn't really give an accurate picture of how they are doing.  It tells me very little and in french immersion when you are considering moving your child to english it doesn't give you detailed enough data to decide whether or not to keep you child in french immersion or not.  </t>
  </si>
  <si>
    <t xml:space="preserve">I think this is a good idea..  We need to know grades and percentages to help kids prepare for post secondary school. </t>
  </si>
  <si>
    <t xml:space="preserve">percentages are important I don't think the proficiency scale will add much at this point .. by grade 10 kids and parents know where they are at.  </t>
  </si>
  <si>
    <t xml:space="preserve">The concept of this is good. In actual practice there is little support in helping kids reach their goals.  </t>
  </si>
  <si>
    <t xml:space="preserve">I think that inclusion of all learners is important.  However, I feel that the schools often focus on those who need the most support leaving those who need the some ( but not a lot  of support ) with little or no support.  </t>
  </si>
  <si>
    <t xml:space="preserve">I fell more frequent reporting would help parents to support their children's learning.  The communication that comes home about my children's progress every year seems to be less and less.  I am very frustrated by this.  </t>
  </si>
  <si>
    <t>I have 210 students per year (120 this semester). The first reporting is NOT informative (not enough evidence). Workload is huge</t>
  </si>
  <si>
    <t>Idea is good, but again, the workload is disastrous! It takes me about 1.5 hours to record one rubric of an assignment, one class (30 students) for my Science 9 class. There are teachers who only teach grade 8, 9, so if they do one lab with each class, they have to record 7 classes worth of work.</t>
  </si>
  <si>
    <t>Necessary for post-secondary!</t>
  </si>
  <si>
    <t>We already provide comments in reporting, which are worded to suggest specific proficiency. This should be sufficient.</t>
  </si>
  <si>
    <t>Parents/guardians should have access to MyBluePrint  to achieve this purpose. Again, more workload for high school teachers. Please remember that this means I'm going through 210 students' self-assessments and typing something they wrote into reporting, and this is JUST ONE part of ONE reporting.</t>
  </si>
  <si>
    <t xml:space="preserve">Again, parents/guardians can see those progress in MyBluePrint. Can we give them access for that? When you put that much information in the reporting, the key message often gets lost. In grade 10-12, I found that ~less than 50% of parents actually look at the report card I made! </t>
  </si>
  <si>
    <t>The workload is insane. Please talk to someone, anyone who teaches 210 students in a year.</t>
  </si>
  <si>
    <t>It's reasonable, but the amount of information being required to input is unreasonable</t>
  </si>
  <si>
    <t>If we're wanting to follow the Ontario system, they use grades (letter or percentage) throughout the K-9 system</t>
  </si>
  <si>
    <t>This should be a requirement even before grade 10</t>
  </si>
  <si>
    <t>No one cares about a proficiency scale because no other institution uses this sort of rating scale...student, parents, and staff want tangible results, not a vague response of where possibly the student is situated</t>
  </si>
  <si>
    <t xml:space="preserve">Unless this is being introduced in kindergarten then students will not understand why this is suddenly being sprung onto them. If this is introduced early and carried forward that will make more sense because it will be given continuous value. </t>
  </si>
  <si>
    <t>Students need to be explicitly taught how to set reasonable goals and how to follow through...how is this going to be incorporated into classes and how will we avoid redundancy particularly in secondary classes</t>
  </si>
  <si>
    <t>The proficiency scale, while well meaning is not realistic because if students are preparing for a percentage/letter grading system later they should understand it early on</t>
  </si>
  <si>
    <t xml:space="preserve">The time and work load to attend to all of these proposed reporting events does not reflect on a practical teaching load.  There is an imbalance of time placed on assessing and reporting rather than planning and delivering education lessons.  </t>
  </si>
  <si>
    <t>Most students should be Proficient, which tells the parent that they are working at the correct level.  It doesn't identify how well they are working at the level and a comment is needed to accompany the four-point scale.  Perhaps a comment is all that is needed or a clearing scale?</t>
  </si>
  <si>
    <t>I do not regularly work in Grades 10-12</t>
  </si>
  <si>
    <t xml:space="preserve">Not my regular work area.
</t>
  </si>
  <si>
    <t>It is great that students monitor their own learning but the information does not need to be included in the reporting.  Perhaps it is more useful in parent conferences or attached to an activity.</t>
  </si>
  <si>
    <t>Many in the younger years struggle with the concepts.  Not realistic for them to identify it in a formal way.</t>
  </si>
  <si>
    <t xml:space="preserve">Including all is important.  Logistically difficult to adapt for some learners.  More support needed to differentiate. </t>
  </si>
  <si>
    <t>There is too much required in each report.  Collating the 'evidence' takes away from the on-the-ground learning.  Teaching becomes about assessing each moment.</t>
  </si>
  <si>
    <t xml:space="preserve">It feels like it shows a flow if movement. The language is encouraging </t>
  </si>
  <si>
    <t xml:space="preserve">Students need letter grades for entrance into post secondary </t>
  </si>
  <si>
    <t xml:space="preserve">We do not need both. </t>
  </si>
  <si>
    <t xml:space="preserve">I think this is a skill that needs to be taught and would hope that grade level will be considered </t>
  </si>
  <si>
    <t xml:space="preserve">I believe in inclusion as long as inclusion is best for the student.  </t>
  </si>
  <si>
    <t xml:space="preserve">The current 5 reports with 2 written (1 summative) with three in person reporting periods is much more aligned with new curriculum. 3 written reports is old way of thinking and repetitive </t>
  </si>
  <si>
    <t xml:space="preserve">Should be no grades k-7. Just feedback. Take pressure off teachers AND learners </t>
  </si>
  <si>
    <t xml:space="preserve">Love the focus on self assessment and giving the students the freedom to express their own learning </t>
  </si>
  <si>
    <t>It is about learning not teaching</t>
  </si>
  <si>
    <t>Good</t>
  </si>
  <si>
    <t xml:space="preserve">Again 2 written 3 conferences is more aligned to the new BC curriculum. Let’s move forward.  Not backwards. </t>
  </si>
  <si>
    <t>This proposed reporting policy is completely ridiculous! Currently, we have 3 reporting requirements.  Adding 2 more is unrealistic.  I already spend 5-6 weeks of my own weekend time writing report cards, 3 times per year.  2 more reporting periods is completely unacceptable!</t>
  </si>
  <si>
    <t>We already use a four point scale. This scale hasn't changed, besides the language.</t>
  </si>
  <si>
    <t xml:space="preserve">I believe that grades are important. </t>
  </si>
  <si>
    <t xml:space="preserve">Student self-assessments are often inaccurate, invalid and take more time than what they are worth. </t>
  </si>
  <si>
    <t>This adds more work for the teacher than the student. Goal setting is a skill that is taught and discussed throughout all grades, but including this for reporting is more work and not useful.</t>
  </si>
  <si>
    <t>We aren't receiving the proper support for special needs and inclusion. Reporting or changing the way we report to "include" everyone does not make sense. We already do that.</t>
  </si>
  <si>
    <t>Stop trying to make our jobs more demanding than they already are!!  The people making these proposals clearly have no classroom experience.</t>
  </si>
  <si>
    <t>The number of reports is not so much my concern as the format.  Requiring a formal report with student input in every reporting period will take significant additional time if it is to be meaningful. How is this going to be reported?  Not enuf space! Already do student self-assessment and reporting!</t>
  </si>
  <si>
    <t>Don't like the term "EXT"; DEV is very broad and so is PRF. I like that it is simple and will hopefully shift student thinking away from nitpicky % points, but senior sts. are worried about their %, and if we have to assign one at the end anyway, what's the point of the scale?</t>
  </si>
  <si>
    <t xml:space="preserve">Universities need to change their acceptance procedures - too much mark grubbing and doing things "for a mark" rather than for its intrinsic value.  </t>
  </si>
  <si>
    <t>Need to move away from mark grubbing!  Do it for the sake of learning, not to jump through the hoops.  But having to give a % at the end defeats the purpose.</t>
  </si>
  <si>
    <t xml:space="preserve">Already do curricular self assessments; have no time to do more; no accountability as to which class they are to do this in; no extra time or compensation for teachers to manage, supervise, report formally on these. Don't even have time to teach curric. itself cuz some colleagues don't &amp; have gaps  </t>
  </si>
  <si>
    <t>Good to have goals but when (and who) is going to do this when we are already so pressed for learning time? How to formally report these? Meaningful reports take time; we get a half day to do up to 200 students - do the math! Less than 1 min/student. Takes min. 1hr/class x 7 classes... not enuf room</t>
  </si>
  <si>
    <t>it's 2021.  Should be obvious but needs to be enforced.  Too many teachers are still using ancient and ineffective methods of teaching, testing, and assessment. Address that 1st. BTW these response spaces are extremely limited so not that effective in actually getting adequate feedback, IMHO.</t>
  </si>
  <si>
    <t>almost all of them, but not enough room to adequately respond to any of these survey Qs</t>
  </si>
  <si>
    <t xml:space="preserve">Don't have the time to implement this kind of reporting. If you want us to spend more time on this, you need to give us time to do it - and that takes away from instructional time. Absolute lack of info on HOW/WHEN this will be done practically, WHY it's necessary (target current poor assessments!) </t>
  </si>
  <si>
    <t>Too many meetings &amp; reports at elementary level, not enough at high school level. Very inconsistent depending on admin &amp; teachers!</t>
  </si>
  <si>
    <t>It’s ridiculous and wishy washy language - everyone passes! Go back to grades that parents understand or get rid of grade levels and students work at where they’re at - Montessori / Reggio/ Waldorf approach.</t>
  </si>
  <si>
    <t>Consistency!</t>
  </si>
  <si>
    <t>Seriously!! More ridiculousness!! That’s why there are comments given with the letter grades!</t>
  </si>
  <si>
    <t>Kindergarten to grade 4 students are not mature enough to understand this process and the time span between October and April is way too long.</t>
  </si>
  <si>
    <t>This should naturally be happening! If students could actually fail they might realize they need to actually go to school and study and work harder.</t>
  </si>
  <si>
    <t>Teachers naturally do this. Parents should be realistic if their child’s abilities. Not enough special programming in elementary school for the diversity of students - start trades programs etc much sooner - gr 6/7!</t>
  </si>
  <si>
    <t>All of the above! Stop changing things and let the teachers teach &amp; fail students accordingly!</t>
  </si>
  <si>
    <t xml:space="preserve">In The real world there are winners and people that succeed because of hard work! This everybody passes is ridiculous and teaches kids “why bother” everyone is going to pass even if they don’t show up to school! It’s also impossible to achieve extending on a daily basis - especially for teenagers! </t>
  </si>
  <si>
    <t>While there are a lot of reporting periods, and I'm thankful for that, I'm also concerned about the huge workload for the teachers.  As well, I'm not convinced that my daughter is going to changing that quickly between all the reporting periods.  It might be more stressful for her and us.</t>
  </si>
  <si>
    <t>Numbers are preferable for the older grades.  The four categories seem arbitrary and unclear.  It is fine for K-4, where summaries are clearer.</t>
  </si>
  <si>
    <t>Need marks.  This is a global expectation.</t>
  </si>
  <si>
    <t>Students applying outside of BC will need numbers.  Why not give it to the students right away?</t>
  </si>
  <si>
    <t>It's great that students get a voice, but how much are they truly aware of if they don't really understand the expectations.  If my child is already at BEG, chances are, they don't understand enough of the compentancies to give an accurate response in a self-reflection.</t>
  </si>
  <si>
    <t>way too frequent. we are basically reporting every month.</t>
  </si>
  <si>
    <t>Time. Where do we get all this time to do all this work?</t>
  </si>
  <si>
    <t>Students want grades. Parents want grades.</t>
  </si>
  <si>
    <t>Who is going to guide students in this? Every classroom teacher? Where is the front-end loading for programming such as this?</t>
  </si>
  <si>
    <t>Same as above - who is responsible for the implementation of this?</t>
  </si>
  <si>
    <t>Who has time for this? They are taking funding away from student supports and then more of this falls on the regular classroom teacher.</t>
  </si>
  <si>
    <t>Grades and student progress are constantly available to students and parents via myEd. Is it necessary to have as many reports as before?</t>
  </si>
  <si>
    <t>This will massively increase workload for secondary teachers.  Summarizing a student's achievement to a single performance indicator does not provide enough information to distinguish between the high performance students and the average student.  No incentive for push above and beyond.</t>
  </si>
  <si>
    <t>Difficult for a large number of students to understand what this means.</t>
  </si>
  <si>
    <t xml:space="preserve">The change to letter and percentages should happens before it matters for post-secondary applications. </t>
  </si>
  <si>
    <t xml:space="preserve">This new reporting system is STUPID and would make kids think the only grades that matter are 10-12. Also what counts as emerging and what counts as extending? How are we suppose to provide performance indicators, without an associated percentage, and not have them be subjective?? </t>
  </si>
  <si>
    <t>In a high school context this only makes sense for learning services classes. For other courses it would make students think grade 8-9 are not as important. Without a concrete percentage we are opening up marks to be subjective and contain teacher bias. Does emerging mean the kid fails?</t>
  </si>
  <si>
    <t>Who conducts these? Who will follow through with students? This is just going to be unnecessary paperwork for students to complete for the sake of completing. What happens if a student doesn't meet their own goal? Who is going to sit with students and explain to them the language of the competencies</t>
  </si>
  <si>
    <t>more work for teachers. students only going through the motions. responsibility should fall on parents. what happens if a student doesn't meet the goal they set? who is accountable? if there is no accountability then what is even the point other than to waste all of our time on meaningless paperwork</t>
  </si>
  <si>
    <t>I would like more opportunity to receive reports directly from teacher.  School districts do parent-teacher interviews very early in the school year (October) and the reports that come home are often not as easy to decipher as an in-person conversation.</t>
  </si>
  <si>
    <t>It is very hard to tell with this scale what letter grades your child is going to end up with once you reach higher grades with this system.</t>
  </si>
  <si>
    <t>This is how students are assessed in post secondary education and this needs to be used in Grades 9-12 in my opinion.  Leaving it until Grade 10 is too late.</t>
  </si>
  <si>
    <t>I have found that student self assessment is just done because they have to, but students do not enjoy doing it, nor do teachers really make them critically assess themselves</t>
  </si>
  <si>
    <t>To do this a student really needs a teacher that can guide them through this process, especially in the lower grades.  This can be hard in large high schools where both teachers and counsellors have limited time to help guide students through this process.</t>
  </si>
  <si>
    <t>I will be very satisfied with this, if there will be additional staff resources to help learners through the assessment and evaluation process.  If there are no additional resources to help students then this will not work.</t>
  </si>
  <si>
    <t>I would like to see letter grades and percentages start sooner than Grade 10, move it to Grade 9</t>
  </si>
  <si>
    <t>It sounds like 3 report cards and 1 update. We currently do 2 updates, 1 goal conference and 2 written report cards.</t>
  </si>
  <si>
    <t>We already use this scale</t>
  </si>
  <si>
    <t>I teach grade 1/2</t>
  </si>
  <si>
    <t xml:space="preserve">We do this at the end of the year but could add it to the reports. I would like flexibility on how I report the core competencies </t>
  </si>
  <si>
    <t xml:space="preserve">One of our written reports is a goal setting conference. We report out on reading writing and math but not the other subjects. Making goals and keeping track of them on top of all the many things we do each day in the classroom is a lot. </t>
  </si>
  <si>
    <t>Take out one written report and make it a goal setting conference or session</t>
  </si>
  <si>
    <t xml:space="preserve">3 written reports plus goal setting is a lot to manage for a teacher </t>
  </si>
  <si>
    <t>There needs to be clarification for semester schools, regarding required amount. 5 in a semester is too many. Please provide specifics regarding frequency and requirements especially for 2 formal written reports. How detailed do the written reports have to be for secondary level? Examples?</t>
  </si>
  <si>
    <t xml:space="preserve">Please provide clarification and specifics for each subject. What would an emerging look like in Science compared to Math? Is emerging level considered passing? There needs to be universally defined criteria for the proficient scale for each level for each subject. </t>
  </si>
  <si>
    <t xml:space="preserve">Preference would be for LETTER GRADE ONLY – no percentage, with a letter grade system revamp to include A+/A/A- etc. Qualitative feedback by teacher to justify letter grade. </t>
  </si>
  <si>
    <t xml:space="preserve">A proficiency scale at grade 10-12 to be only used for curricular competencies, since percentages AND letter grades are still required. </t>
  </si>
  <si>
    <t>Is this self-assessment requirement for every class at secondary level? If so, then it would be too redundant and adds no value for students. Should be completed independently by students, or specific class. Please provide examples for what this may look like at secondary level.</t>
  </si>
  <si>
    <t xml:space="preserve">This is already embedded and goal setting in certain situations is occurring naturally in a math classroom. Is it something that needs to be formal and recorded? Teachers can provide feedback to align personal goals with learning outcomes, but informally it's hard to put on paper. </t>
  </si>
  <si>
    <t xml:space="preserve">Seems like there is no change for secondary academic subjects. Designated students are still provided a letter grade/percentage.
</t>
  </si>
  <si>
    <t xml:space="preserve">Soft start for implementation – teachers already familiar with proficiency scales can start initial run, those unfamiliar will have a model that already has been worked out thoroughly 
2022/2023 - soft start 
2023/2024 - full implementation
</t>
  </si>
  <si>
    <t xml:space="preserve">On top of everything I am supporting in my class (social, emotional, physical needs mostly), reporting is the most inconsequential part of my job. Having to do it 5 times a year is a big waste of my time and the time I can be giving to my students actual needs. </t>
  </si>
  <si>
    <t xml:space="preserve">I don't believe in comparing children's "performance" and I think it is damaging to their psychology </t>
  </si>
  <si>
    <t>Self reflection is helpful, but it depends on what kind of language is used. I think this is better than letter grades and scales.</t>
  </si>
  <si>
    <t>I feel like this is obvious but also impossible to do well with most teachers current workload</t>
  </si>
  <si>
    <t xml:space="preserve">I know reporting won't be abolished, so might as well vote for less of it. </t>
  </si>
  <si>
    <t xml:space="preserve">We need to have less reports.
2 informal in person meetings
2 report cards, one being a summar of learning. </t>
  </si>
  <si>
    <t>I think parents and students are used to this frequency and find it adequate.</t>
  </si>
  <si>
    <t>It is too general. Parents and students want a more specific, professional assessment on where the student stands in terms of curricular competency.</t>
  </si>
  <si>
    <t>If teachers are trained properly/use their experience, they are very good at assessing quantitatively - it is part of the professional duties of teachers, and if they are doing their job adequately, we should have trust in their professional training an abilities to give an accurate reflection.</t>
  </si>
  <si>
    <t>Students WANT MORE than this. My six year old asked me the other day when he will start to get REAL grades. They want more detail, and quantitative information is less nebulous to people. Quantitative backed with qualitative comments is the most complete way to assess.</t>
  </si>
  <si>
    <t>While this has its place, it is the job of a teacher to ULTIMATELY assess a student. Student self-reflection is valuable for the student, but obviously hugely subjective. Students can't quite see where they are on a curricular scale or compared to others as they don't have full view of the situation</t>
  </si>
  <si>
    <t>This is much too variable, and if very difficult to incorporate. It is valuable for students to undergo this process, but it's for their own self-reflection. It doesn't need to be, and shouldn't be reflected in the assessment by the teacher, the PROFESSIONAL.</t>
  </si>
  <si>
    <t>I can't see this being any different than current assessment practices, which are inclusive.</t>
  </si>
  <si>
    <t xml:space="preserve">Why only one choice? I would also include Proficiency Scale for K-9 reporting, student goal setting, and student self-assessment. It is appalling that these decisions have already been made without secondary teacher input. Why? Where is the empirical evidence supporting this style of assessment? </t>
  </si>
  <si>
    <t>High school teachers have 150+ students the workload is ridiculous.</t>
  </si>
  <si>
    <t xml:space="preserve">Students graded at grade 10 - when it counts for university - don't know how they are doing prior.  Students who are 'failing' have no idea until grade 10.  </t>
  </si>
  <si>
    <t>Percentages in grade 10+ will not give students incentive to improve work habits and grades prior to grade 10 and it will be hard for students who have not been successful in their learning up to that point to get 'caught up' - they will get left behind and this will affect their futures.</t>
  </si>
  <si>
    <t>Proficiency scales are vague.  Most students meet meet Developing or Proficient.  It doesn't tell us much.</t>
  </si>
  <si>
    <t xml:space="preserve">The vagueness of core competencies means student self- assessment and self-reflection is not particularly useful in academics.  It's more useful in electives but still limited. </t>
  </si>
  <si>
    <t xml:space="preserve">It could work and I understand the necessity of students engaging in self-regulation, but realistically students will not have the knowledge to engage in career-related contexts as their knowledge of potential careers is extraordinarily limited until they take Careers in grade 10. </t>
  </si>
  <si>
    <t>Inclusion is important.  Students should all have a sense of their abilities and limitations, but they also should be encouraged to be as successful as possible.  More learning support is required for this to work.  Also adding grades in 10 would be harsh for some.</t>
  </si>
  <si>
    <t>written reports on all students at secondary level</t>
  </si>
  <si>
    <t xml:space="preserve">High school teachers, unlike Elementary, have 150-200 students on average, the workload of creating written reports for each of these students at this frequency is ridiculous.  </t>
  </si>
  <si>
    <t xml:space="preserve">Too subjective </t>
  </si>
  <si>
    <t>We haven't received 5 reports per year. We got one at the end of first term and another one at the end of second term. Unless you count the Teacher/Parent Conference which so far happened once a year, and that report was not written.</t>
  </si>
  <si>
    <t>I especially like the descriptive feedback in terms of areas of significant growth and opportunities for further development. That being said, secondary teachers will need a lot of support on how to make this manageable, and that will take time. Clarity needed for semester systems.</t>
  </si>
  <si>
    <t>I have been an advocate for this for many years, and have been supporting teachers doing this K-12. Please do not call it a four-point scale as that makes it sound easily convertible to a mark. Much support will be needed to understand what each learning goal looks like at each level of proficiency.</t>
  </si>
  <si>
    <t>They may currently be a requirement, but they'll adapt to change. It does not make sense to maintain a system that is fundamentally misaligned (and counter to) with the vision for classroom assessment in the revisioned curriculum.</t>
  </si>
  <si>
    <t>I'm glad to see it as an option, but ultimately its meaning will get overlooked by having a percentage, and I fear that some districts will come up with a conversion chart, which runs completely counter to what assessing proficiency is fundamentally about.</t>
  </si>
  <si>
    <t>When implemented well, this is very powerful for students and helps them to grow.</t>
  </si>
  <si>
    <t>Much support will be needed for what this looks like in the early years.</t>
  </si>
  <si>
    <t>All of the components contribute well to a strong vision of what assessment should look like, except for letter grades and percentages which counter-act the positives of what happens K-9.</t>
  </si>
  <si>
    <t xml:space="preserve">If a child is falling behind in one area the parents should not have to wait until a reporting time to learn of this.  Parents should know right away where their child needs help.  </t>
  </si>
  <si>
    <t>Students and parents all see this as another way to say A, B, C of Fail.
Now some teaches are adding a + or side notes and making it very complicated.
If a child needs help, help them - it's pretty simple.
Why not give letter grades and percentages throughout and make it consistent?</t>
  </si>
  <si>
    <t>I believe this should happen for all - K-12</t>
  </si>
  <si>
    <t>Sure - if this will help some to know more about their child's development and education. But if a student requires extra help or is struggling in some way, it is up to the teacher to connect with the parent or maybe try different methods of teaching so all children learn that particular subject.</t>
  </si>
  <si>
    <t>Good idea to know what the student feels about their progress compared to their actual progress.</t>
  </si>
  <si>
    <t xml:space="preserve">Good to keep the students involved in their education with goal-setting.  Teachers should also learn not to dismiss a student's goals if it is not in line with what the teacher sees as realistic.  The goal of the teacher is to encourage and teach, not dismiss or discourage.
</t>
  </si>
  <si>
    <t>Help can only be given if parents know it is needed.</t>
  </si>
  <si>
    <t xml:space="preserve">I am concerned with the potential increased workload associated with the new style of reporting, regardless of the number of events being the same. </t>
  </si>
  <si>
    <t xml:space="preserve">I think that the concept of a lettered grade or percentage is outdated, and it is important to continue to develop towards a proficiency based model. </t>
  </si>
  <si>
    <t xml:space="preserve">I think that their needs to be a transition towards more proficiency based grading model, even at the post secondary level, and the disconnect between grade 8-9 and 10-12 is concerning. </t>
  </si>
  <si>
    <t xml:space="preserve">I think that the concept of 'recommending' something is troubling and will create inconsistencies between teachers. </t>
  </si>
  <si>
    <t xml:space="preserve">I think this is valuable, as long as the burden is not put on classroom teachers to complete this inclusion of reporting. </t>
  </si>
  <si>
    <t xml:space="preserve">I think that teachers are consistently asked to do too much outside of the scope of the work day, this reporting policy seems to only increase that load and will put an increased burden on classroom teachers. A proficiency scaled grading system is incredibly valuable, but in a different format. </t>
  </si>
  <si>
    <t xml:space="preserve">Are parent-teacher interviews considered a report?  </t>
  </si>
  <si>
    <t xml:space="preserve">Are we not already doing this? Is the question whether we should KEEP doing this?  If that is the question, the answer is no.  Parents and students can't wait to get into Grade 10 where they will receive REAL marks that actually mean something to them. </t>
  </si>
  <si>
    <t>Are universities using a proficiency scale? No. They will have to use their own entrance exams because the proficiency scale is ridiculous.</t>
  </si>
  <si>
    <t xml:space="preserve">Get rid of it across the board. K-12. </t>
  </si>
  <si>
    <t xml:space="preserve">There is nothing wrong with students understanding their growth in relationship to the core competencies.  This does not have to be linked to a proficiency scale. </t>
  </si>
  <si>
    <t xml:space="preserve">Students can set goals with their parents at home.  </t>
  </si>
  <si>
    <t xml:space="preserve">Of course. In theory, that sounds great. In practice, I have over a hundred students per semester.  How do you treat each individual as though they are all on their own learning plan.  Are teachers given more time in the day to make this happen? </t>
  </si>
  <si>
    <t>Get rid of all of it.  The proficiency scale has to go. Parents, teachers, and STUDENTS hate it.</t>
  </si>
  <si>
    <t xml:space="preserve">As above.  No one likes the proficiency scale. Just had interviews-- parents think it's ridiculous. </t>
  </si>
  <si>
    <t>Needs to be clarification for semester schools, regarding required amount. 5 in a semester, too many. Please provide specifics regarding frequency and requirements especially for 2 formal written reports. How detailed do the written reports have to be for secondary level. For each and every subject</t>
  </si>
  <si>
    <t>There needs to be universally defined criteria for the proficient scale for each level for each subject. More detailed than what is currently provided. Please provide exemplars for what this may look like at secondary level. What is the difference between proficient and extending in Math?</t>
  </si>
  <si>
    <t xml:space="preserve">Preference would be for LETTER GRADE ONLY – no percentage, with a letter grade system revamp to include A+/A/A- etc. Disconnect from grade K-9 assessment practices. Is it solely for the purpose of post-secondary? How will it be recorded? Gradebook? - new software provided? </t>
  </si>
  <si>
    <t xml:space="preserve">Foresee proficiency scale at grade 10-12 to be only used for curricular competencies. Since percentages AND letter grades are still required.  </t>
  </si>
  <si>
    <t xml:space="preserve">Is this self-assessment requirement for every class at secondary level? If so, then it would be too redundant and adds no value for students. Should be completed independently by students, or specific class. Please provide exemplars for what this may look like at secondary level. </t>
  </si>
  <si>
    <t xml:space="preserve">This is already embedded and goal setting in certain situations is occurring naturally in a math classroom. Is it something that needs to put formally and recorded?  How will it be documented. Please provide exemplars for what this may look like at secondary level.  </t>
  </si>
  <si>
    <t xml:space="preserve">Seems like there is no change for secondary academic subjects, designated students are still provided a letter grade/percentage. </t>
  </si>
  <si>
    <t xml:space="preserve">Soft start for implementation – teachers already familiar with proficiency scales can start initial run, those unfamiliar will have a model that already has been worked out thoroughly  
2022/2023 - soft start  
2023/2024 - full implementation 
</t>
  </si>
  <si>
    <t xml:space="preserve">The nature of the reports coupled with the number of reports (200 students) is not feasible, will result in teacher burnout, and will prioritize reporting over teaching in terms of teacher time allotment </t>
  </si>
  <si>
    <t>Four point scale too limiting</t>
  </si>
  <si>
    <t>Broader range of categorical descriptors than the four point scale</t>
  </si>
  <si>
    <t xml:space="preserve">The rationale for letter grades and proficiency scales are diametrically opposed. </t>
  </si>
  <si>
    <t>As long as it's meaningful</t>
  </si>
  <si>
    <t xml:space="preserve">Students will need a lot of one to one. Will class sizes be smaller to facilitate this? </t>
  </si>
  <si>
    <t xml:space="preserve">I'm not even sure what this means. My hunch is that standards aren't as meaningful to the Ministry? </t>
  </si>
  <si>
    <t xml:space="preserve">To be honest I don't think the ministry understands the time demands that descriptive assessment practices create for educators. It is sound assessment practice but when secondary teachers have over 200 students, there are real pragmatic challenges for teachers in implementation.  </t>
  </si>
  <si>
    <t>While the number of reports may be the same, currently districts have 2 options for reporting and flexibility on when those reports are delivered to students/parents.  In a semester model, this means monthly reporting reducing formative assessment opportunities</t>
  </si>
  <si>
    <t>While the proficiency scale is positive, having all students at Emerging even if they don't participate/understand the competencies leaves too wide of a span for students to identify student learning achievement. No letter grades should be in the PSR as it undermines the proficiency scale</t>
  </si>
  <si>
    <t>Students will find this adjustment challenging if they have always been Emerging and now suddenly fail a class.</t>
  </si>
  <si>
    <t>There needs to be alignment of percentages and the proficiency scale.</t>
  </si>
  <si>
    <t>While this self assessment is positive, there needs to be clarity as to how this is assessed and reported.  It also becomes a checklist to be done if not done well.</t>
  </si>
  <si>
    <t>Teachers set goals with students in their classes as part of their learning. This might make it a meaningless step or a checklist if too frequent.</t>
  </si>
  <si>
    <t>This is already done in classes and makes this process artificial</t>
  </si>
  <si>
    <t>Tagalog</t>
  </si>
  <si>
    <t xml:space="preserve">Not enough detailed information has been provided to truly understand your proposal and  give an opinion. </t>
  </si>
  <si>
    <t>more details and examples so that we understand more clearly what you are proposing</t>
  </si>
  <si>
    <t>Provides clear feedback that is authentic rather than forcing additional feedback that is completely unnecessary.</t>
  </si>
  <si>
    <t xml:space="preserve">Unnecessary </t>
  </si>
  <si>
    <t xml:space="preserve">Not specific enough-just using broad categories </t>
  </si>
  <si>
    <t>5 reporting periods does not make sense in a semestered high school. There needs to be different and specific orders for semestered grade 8 and 9.</t>
  </si>
  <si>
    <t>Parents do not understand this language. Stick with A B C+, etc</t>
  </si>
  <si>
    <t>These self assessments are wordy, the students don't take them seriously. I am in support of self-assessment but it needs to be different than the current core competencies</t>
  </si>
  <si>
    <t>Separate K-9 into different group - Grade 8 and 9 are in high school, they need to be using letter grades. Also 5 reporting periods/year doesn't work with semestered highschool</t>
  </si>
  <si>
    <t>There is such a huge difference in the expectations, type of instruction, quality of work, and content between Kindergarden and grade 9, and lumping them in the same category does a disservice to all. Middle years students need their own reporting order</t>
  </si>
  <si>
    <t>I believe 5 reports per year is sufficient, this takes teachers a lot of time to prepare and I would prefer to keep this as is instead of having less teaching time so that they can write up more reports.</t>
  </si>
  <si>
    <t>Perhaps I'm being a little old school here but I think that these words (emerging, developing, proficient and extending) are too kind.  If a child is struggling they should be made aware and I think words like emerging and developing don't convey enough urgency.</t>
  </si>
  <si>
    <t>I think that come grade 10 -12 students should be prepped for real life and that includes being judged based on your performance</t>
  </si>
  <si>
    <t>This seems like more work then necessary, pick one system and stick with it</t>
  </si>
  <si>
    <t>I think it's a great idea to have kids self-assess</t>
  </si>
  <si>
    <t>I like the idea of having students set goals but I don't think it should be reflected in their grades, this reminds me of what was called CAPP (career and personal planning) when I was in high school</t>
  </si>
  <si>
    <t>seems logical that everyone be included individually</t>
  </si>
  <si>
    <t xml:space="preserve">I think we are raising kids who aren't going to be able to handle any negativity when we can't tell them that their work isn't meeting standards.  </t>
  </si>
  <si>
    <t>It depends on what system you are in, semester, quarter, linear if the reporting periods are adequate.  Some courses are mosaic shortened courses that don't need all this reporting. This seems biased to Elementary systems.</t>
  </si>
  <si>
    <t>The four-point scale is too limiting and doesn't allow for any grey areas.  There is no way to assess those who are below the minimum standard which does exist.  There has been very little training and exemplars given and it is very fragmented and inconsistent.</t>
  </si>
  <si>
    <t>Students need to be prepared for university.  They are not changing their academic standards so we should align with them.</t>
  </si>
  <si>
    <t>Some courses lend themselves nicely to the proficiency scale such as art or drama, but subjects like Math and Social Studies may not.</t>
  </si>
  <si>
    <t>Some core competencies are not as present in some subjects, for example, hard to be creative in PE. Core competencies should be a by subject approach and a school wide model should be adopted.</t>
  </si>
  <si>
    <t>again, works great for the Elementary model not so great for high school model when you teach hundreds of students.</t>
  </si>
  <si>
    <t>It may be easier and helpful to assess diverse learners, but it is hard to create standardization when a teacher uses professional judgement.  More training is needed.</t>
  </si>
  <si>
    <t>The proficiency scale itself is a good idea, but it needs to be at least 5 point scale, and use better language.  There are many students who have no understanding, how do we mark them?  Also, there needs to be a point between developing and proficient as students are seeing developing as a failure.</t>
  </si>
  <si>
    <t>So long as interims in the fall and spring are still counted and able to focus on behaviour to address issues that are impacting learning. If all 5 reports require "grades" then I think it's far too much.</t>
  </si>
  <si>
    <t>Letter grades are antiquated and not developmentally appropriate for this age range. Proficiencies suggest movement along a continuum.</t>
  </si>
  <si>
    <t xml:space="preserve">Age appropriate to have letter grades and necessary for higher education institutions currently. </t>
  </si>
  <si>
    <t>My school was part of a letter-grade-free pilot last year and I found that it pushed my consideration and inclusion of student reflection in more meaningful ways than I have included it in the past.</t>
  </si>
  <si>
    <t>I believe that the wording of this goal and how it is expected to be supported, implemented and reported on are too vague and open to interpretation which could create significant stress and increase in workload for teachers in an already inadequately supported system</t>
  </si>
  <si>
    <t>This should be a given. We meet students where they are at.</t>
  </si>
  <si>
    <t>Vague</t>
  </si>
  <si>
    <t>Vague wording, depending on interpretation by individual administrators and boards, could lead to an expectation of a significantly higher workload for teachers and students, without established resources to support implementation, inservice time to support teachers with changes etc.</t>
  </si>
  <si>
    <t xml:space="preserve">I think the teachers spend a lot of time communicating with parents about the Children in their classes. The reporting is an added bonus </t>
  </si>
  <si>
    <t xml:space="preserve">I don’t think we need to use both. It seems like it will leave it open to ambiguity and parents will have a lot of questions </t>
  </si>
  <si>
    <t>If this is a report card for each term, I'm satisfied with current status.</t>
  </si>
  <si>
    <t xml:space="preserve">My kids are in grade 3 &amp; 5 this year. I want to see letter grades! The words: Emerging, Developing, Proficient and Extending don't tell me exactly how they are progressing in each subject area. A etter grade is representative of a percentage. I will know if they are closer to an A or mid B. </t>
  </si>
  <si>
    <t>Student progress needs letter grades and percentages, period! How do students know if they are a B student or potentially A student if they don't know where they are at in each subject?</t>
  </si>
  <si>
    <t>I don't want words to describe the child's progress...I want letter grades and percentages mandatory for all grades from Grade 4 to 12.</t>
  </si>
  <si>
    <t>Okay, it's good to see what the students thinks of their progress.</t>
  </si>
  <si>
    <t>Good for students to set goals, but how are you going to monitor and set those achievements for 20 kids?</t>
  </si>
  <si>
    <t>Good idea to include everyone as all children should be assessed, I think. I don't know how they are being assesses now.</t>
  </si>
  <si>
    <t>Letter Grades &amp; Percentages as a requirement for all Grades 4 to 12</t>
  </si>
  <si>
    <t>I want letter grades and percentages. How do I know if my child is on the cusp of an A when it says Proficient? Proficient doesn't say the child has the potential to be more if they just checked their work before submitting it or studied a little more.</t>
  </si>
  <si>
    <t>I feel that different needs require different evaluation.</t>
  </si>
  <si>
    <t>yes would give some idea of where child is compared to provincial standard</t>
  </si>
  <si>
    <t xml:space="preserve">It's very important that students develop a habit of self-evaluation. How they think they are doing is often a better indication of where they are compared to the teacher's assessment. Self-assessment promotes more discussion at home - </t>
  </si>
  <si>
    <t>this is an important aspect of taking responsibility for learning and for self-reflection - and students will take the exercise more seriously if they know it is included in their report card.</t>
  </si>
  <si>
    <t>As a parent, it would be nice to have more indepth reporting from the teacher, but I know that writing lengthy report cards takes alot of time for teachers, and perhaps this is time better spend planning for learning activities. I like the inclusion of self reporting and goal setting.</t>
  </si>
  <si>
    <t>I find our school  has gone over and above to try and make school like as normal as possible for our students in these hard times, and they have done a great job of it.
Our teachers work hard teaching my kids and they feel they are getting a lot out of what they are learning.</t>
  </si>
  <si>
    <t>I would definitely want to know what letter grade my children get with percentage they have, a long with a teachers message describing how my children are doing in class and in their subjects. This only makes sense to me without this.</t>
  </si>
  <si>
    <t>I can see wanting parents involved in their children’s education BUT having them involved in their grades is reaching too far, as you have some parents who think their children are perfect and do no wrong so they get A, then the ones who are tough on their on their kids are want more from them get C</t>
  </si>
  <si>
    <t>More reporting would be good.  Students have no homework, it is very difficult to see how students are doing, what they are doing etc</t>
  </si>
  <si>
    <t>This is fine to grade 6 but upper years should have number or letter grades.  The proficiency scale does a disservice to students who are trying to achieve academic success and have no real gauge of how they are doing</t>
  </si>
  <si>
    <t xml:space="preserve">this is necessary.  </t>
  </si>
  <si>
    <t>not really a useful addition to letter grades</t>
  </si>
  <si>
    <t>the definition of inclusion used by the school system seems to be in place to primarily to serve students with disabilities.  Too many students with diverse needs are in classrooms with inadequate support.  Students who require regular support or support for higher achievement are not served.</t>
  </si>
  <si>
    <t xml:space="preserve">Putting everyone in the same room without enough teacher and EA support for ALL learners is not a good "inclusion" policy.  There are limited opportunities for higher achieving students and minimal support for average students.  </t>
  </si>
  <si>
    <t xml:space="preserve">There is no support or paid time given to teachers to write these extensive reports. </t>
  </si>
  <si>
    <t xml:space="preserve">There is no support or paid time given to teachers to come up with their own learning maps. Sample learning maps should be provided by the district. </t>
  </si>
  <si>
    <t>Doing both makes no sense because the provincial scale and percentages are two completely different ways of assessment.</t>
  </si>
  <si>
    <t xml:space="preserve">There is not enough support given to teachers to create lesson plans that are inclusive of all learners. It is really difficult and time consuming to create lesson plans and assessments that are inclusive for all learners and there is no support for this. </t>
  </si>
  <si>
    <t xml:space="preserve">Letter Grades should be an option as well. Teachers should have the autonomy to decide. </t>
  </si>
  <si>
    <t>The current frequency works as we receive updates the child's progress or delay far in advance before the end of the school year.</t>
  </si>
  <si>
    <t>This scale does not allow room for a child barely meeting expectations to stand out from those that completely meet them or from the ones that are above average, but not next level. It lumps everyone into 4 categories instead of personalizing their merits. The write up is limited.</t>
  </si>
  <si>
    <t xml:space="preserve">Students need to know where they stand, and it prepares them for what is coming in post-secondary or further education. </t>
  </si>
  <si>
    <t xml:space="preserve">This proficiency scale offers a lack of continuity with university and real life assessments. </t>
  </si>
  <si>
    <t>Self-assessment is always important,  not necessary to include in reporting, but a great tool to use every reporting period.</t>
  </si>
  <si>
    <t>If a child is not aware of where they stand, how can they develop these goals and then set them up for failure if they're  not met.</t>
  </si>
  <si>
    <t>Aren't they supposed to be that already? Individual grades and work given according to each child's current level.</t>
  </si>
  <si>
    <t>We need to prepare these children for what is out there, not continue to treat them like primary children.</t>
  </si>
  <si>
    <t>What we are receiving today means very little to me. A lot of work that tells me very little. 
I do not understand where they started and need to be. And the little feedback we are getting does not align with what is being sent home.</t>
  </si>
  <si>
    <t xml:space="preserve">Feedback provided this far tell me  little in regards to strengths and weaknesses. If  behind I would hope that as a parent we already have a good understanding of those reasons and possibly supporting it or working towards getting better or not. What are we doing to continue to providing growth? </t>
  </si>
  <si>
    <t>The child should also be aware of the education growth as well.</t>
  </si>
  <si>
    <t>Personal goals should be aligned with the home. When goals are set at the school that contradict  what the parents are trying to do it become difficult for the child to be successful.</t>
  </si>
  <si>
    <t>Goals  along with the rewards or consequence do not align  with what is being taught in the home or the expectation within the home. This puts the child in a difficult navigational position.</t>
  </si>
  <si>
    <t>The provincial proficiency scale is inaccurate and makes it unclear for students' progress.</t>
  </si>
  <si>
    <t xml:space="preserve">Seems very vague. I think it’s suitable for the primary grades but I think grades 4 and up should be graded letter grades. </t>
  </si>
  <si>
    <t xml:space="preserve">More elaboration on why they get the grades they do </t>
  </si>
  <si>
    <t xml:space="preserve">It would be helpful if the reporting was more personable to the child. I find it very vague, and we are constantly left wondering how our children are actually doing. </t>
  </si>
  <si>
    <t>Would prefer going back to letter grades. Letter grades provide a clear Indic where the student is or should be</t>
  </si>
  <si>
    <t>We need letter grades and percentage grades!</t>
  </si>
  <si>
    <t>What does diversity and inclusion have to do with giving a student a grade?</t>
  </si>
  <si>
    <t>We have constant contact with the teachers thru email, planner and seesaw. with that and the report cards etc, we have a good understanding of what is going on at school.</t>
  </si>
  <si>
    <t xml:space="preserve">This works well for elementary, not sure about middle and high school. </t>
  </si>
  <si>
    <t>My kids are not at that age yet, however when I was in high school, I liked letter grades.</t>
  </si>
  <si>
    <t>When I get these said reports they are a cut and past for how each child is doing I know this because they say exactly the same thing word for word but my children names</t>
  </si>
  <si>
    <t>This scale does not provide enough feedback. How does a student know if they are ready for the next level of learning. What does emergent mean? These scales are misleading and give students a false sense of ability, which by the way is the cause of their anxiety.</t>
  </si>
  <si>
    <t>Post Secondary institutions require percentages for admission. A percentage gives a clearer picture of a students ability in a subject. Many scholarships require a student has a certain grade percentage to apply.</t>
  </si>
  <si>
    <t>This continued idea of social promotion is creating a population of un-motivated and unrealistic individuals. When they are faced with any challenge, they cannot cope. They do not understand why they are not successful. This is causing all of the mental health issues. I blame education.</t>
  </si>
  <si>
    <t>How are they going to do this? They don't have a realistic view of their abilities.</t>
  </si>
  <si>
    <t>All but letter grades and % for 10-12,  diversity and inclusion and frequency of reporting</t>
  </si>
  <si>
    <t xml:space="preserve">It is too late in Grade 10 to change students learned habits to do a minimum amount of work for success.  They have no idea what the true meaning of success is anymore. Reporting is so vague and they are continually socially promoted. </t>
  </si>
  <si>
    <t>I feel strong communication with my children’s educators is important and valuable for their success</t>
  </si>
  <si>
    <t xml:space="preserve">It is very clear </t>
  </si>
  <si>
    <t>They should get used to it before graduating</t>
  </si>
  <si>
    <t>It would be helpful for children with learning challenges</t>
  </si>
  <si>
    <t>It would provide student feedback and help them feel included in the process</t>
  </si>
  <si>
    <t xml:space="preserve">It will help children think about their values and encourage them to work towards their achievements </t>
  </si>
  <si>
    <t xml:space="preserve">Inclusion is very important.  The world around disabled children was not made for them and they need accommodations to be able to have their needs met and enjoy the experiences along side their peers.  Such practices are also very valuable to the moral fibre or able bodied children. </t>
  </si>
  <si>
    <t xml:space="preserve">I am new to parenting children in the school system and so far the experience has been good.  </t>
  </si>
  <si>
    <t>It seems fine</t>
  </si>
  <si>
    <t xml:space="preserve">Too little options and way too vague. A-D with C+ and C- gave more options and a better understanding of level of performance. </t>
  </si>
  <si>
    <t xml:space="preserve">Level of proficiency can be explained in the comments or at teacher/parent meetings. No need to add the scale. </t>
  </si>
  <si>
    <t xml:space="preserve">Kids just write down what they think the teacher or parent wants to see. Most of the time, when discussed with my children, they just brush it off as they had to put something down and don’t really know what to say.  </t>
  </si>
  <si>
    <t xml:space="preserve">Creates anxiety. Kids don’t know what outcomes are required for each course they take. They are there to learn something new. That’s their goal. It’s up to the teacher/professionals to help guide them. </t>
  </si>
  <si>
    <t xml:space="preserve">Testing performance varies depending on needs. A more flexible platform for testing and showing proficiency is preferable. </t>
  </si>
  <si>
    <t xml:space="preserve">I would like to choose more than one. Take away goal setting. Take away proficiency scales. Take away self assessments </t>
  </si>
  <si>
    <t xml:space="preserve">All proficiency scales are too vague. Self assessments and goal setting will most likely creat anxiety and kids just put down what makes the teachers happy. </t>
  </si>
  <si>
    <t xml:space="preserve">i feel that frequent feedback on my children's learning of the course work is essential. I like to know how their teachers see their understanding of the course content/concepts and if there are issues and struggles, I want the teachers to let us, the parents, know what it is and how to help. </t>
  </si>
  <si>
    <t xml:space="preserve">these words are helpful if it's part of the feedback teachers give but using only these words and this scale to provide progress without the grade scale is not useful. Students need to know how they're doing comparatively but how are these word helpful for university? </t>
  </si>
  <si>
    <t xml:space="preserve">Letter grades should be given starting Grade 9.  Although not recorded for graduation credits in BC, for students who are planning on applying to post-secondary outside of the country (i.e. USA), their grade 9 grades are often considered as well and it's good to get them started. </t>
  </si>
  <si>
    <t>Again, if those words were used in feedback for a student's progress in a course/class, that's fine because it is good to get written feedback. But it's not a good idea to just use this system as the grading system.</t>
  </si>
  <si>
    <t>Sure, self-assessment is always helpful in teaching students know how they're doing in a course, and if they're not feeling confident in certain parts, then they know how to reach out for help with those particular issues.</t>
  </si>
  <si>
    <t xml:space="preserve">While i agree that student ownership is a big part to the learning aspect,  a big part should come from the teachers to TEACH the students how to learn.   Having learning goals are good, but guidance is important and if you're relying on students to figure things out on their own, it won't work. </t>
  </si>
  <si>
    <t>Yes, to be inclusive of all learning abilities, but to be adaptable to all learning/disabilities and diverse abilities.
There are guidelines but accommodations should be made and should be flexible.</t>
  </si>
  <si>
    <t xml:space="preserve">I want the letter grades and percentages to remain in place for Grades 9-12 reporting, not just Grades 10-12. </t>
  </si>
  <si>
    <t xml:space="preserve">Reporting progress is vital to success in ALL endeavours. </t>
  </si>
  <si>
    <t xml:space="preserve">Taking away a quantitative progress report robs the learner of vital information to help achievement. Our children are competing with children from around the globe. They MUST be prepared to compete with all of those students. </t>
  </si>
  <si>
    <t xml:space="preserve">Grades need to be given in grade 4 onwards. Success and challenges MUST be measured and communicated. </t>
  </si>
  <si>
    <t xml:space="preserve">This sounds like a tool to make poor performance feel less bad. It takes away measurement. All kids want to know how they stack up. </t>
  </si>
  <si>
    <t>How can they possibly know how to measure that with no context or experience or wisdom. 
Most kids think they severely under represent their cohorts. This is why there is so much teenage suicide. They need to be told by authority how they measure up and how to succeed in getting to succeed</t>
  </si>
  <si>
    <t xml:space="preserve">One scale for all. If someone has a learning hurdle, they must understand that and learn to work within it. They will compete with everyone. </t>
  </si>
  <si>
    <t>Letter grades from grade 4 - 12</t>
  </si>
  <si>
    <t xml:space="preserve">Measurement is vital and CRAVED by all of us. We want to know if we are succeeding as we ultimately want to succeed in life. </t>
  </si>
  <si>
    <t xml:space="preserve">High school teachers can teach over 120 students per semester. A written report for each student, along with consultation with each students' other teachers, is absolutely unrealistic. There is NO TIME to do this in school and it will fall on teachers doing MORE WORK on their own, unpaid time. </t>
  </si>
  <si>
    <t>A four point scale leaves little room for nuance. The names of the categories are vague and unhelpful to students.</t>
  </si>
  <si>
    <t>Grades reflect some things but not all things. Grading and written reporting is asking too much of teachers yet again.</t>
  </si>
  <si>
    <t>What high school teacher has time for this? Who is teaching students to do this? How on earth are we supposed to include student self-assessment in our reporting without having to review more paperwork or do interviews. You are increasing MY WORK but not PROVIDING TIME or MONETARY COMPENSATION.</t>
  </si>
  <si>
    <t>WHO IS DOING THIS WITH STUDENTS? IS A DIFFERENT SET OF GOALS EXPECTED FOR EVERY HIGH SCHOOL CLASS? HOW WILL THEY KNOW WHAT THEY CAN/WILL ACCOMPLISH WHEN THEY AREN'T VERSED IN THE CURRILCULUM????</t>
  </si>
  <si>
    <t>We already do this. Thanks for telling us to do what we already do.</t>
  </si>
  <si>
    <t>ALL OF IT. It's GARBAGE</t>
  </si>
  <si>
    <t>This is an UNREALISTIC plan that does not reflect educational reality. It increases the workload and burdens teachers with extra work. It was clearly written by people who haven't spent time in a diverse classroom with 33 kids.</t>
  </si>
  <si>
    <t>I think it's more important that failing and falling behind is called what it is, instead of trying to beautify it and passing the problem forward to the next grade. If students fail, then they need to be told that they fail. If a student fails a grade, then they need to repeat the grade.</t>
  </si>
  <si>
    <t>You need to ensure that the parasitic ideas of different genders other than male and female are stopped. It is not healthy and it destroys feelings of identity, which in turn feeds the global narrative of the Great Reset, which has only evil roots.</t>
  </si>
  <si>
    <t>The student self assessments are meaningless and a waste of students and teachers time</t>
  </si>
  <si>
    <t>The new grading system is more interested in not hurting peoples feelings rather than accurately reflecting students achievements or levels of understanding. We also don’t recognize children that are gifted in any areas and drags the worst students along and brings everyone down to that level</t>
  </si>
  <si>
    <t xml:space="preserve">See above. I don’t need to say it again. We’ve more worried about feelings. It will drag our society down to the lowest denominator. Society will progress backwards in the name of inclusiveness and feelings. </t>
  </si>
  <si>
    <t>Unaware of current reporting requirements and why we have the current number in place</t>
  </si>
  <si>
    <t>Either way, as long as it identifies strengths and areas for improvement.</t>
  </si>
  <si>
    <t>Easier to gauge when applying to post secondary programs.</t>
  </si>
  <si>
    <t>The human factor. Numbers aren't  a complete representation.</t>
  </si>
  <si>
    <t xml:space="preserve">Self reflection,  a way to process. Not a public record. Should the human choose to share that personal experience let them at their own discretion. </t>
  </si>
  <si>
    <t>Discussing the very real factors of their experience will engage them in personal growth.</t>
  </si>
  <si>
    <t>Very different learners for all kinds of reasons,  even the acoustics of a room will factor into the lesson.</t>
  </si>
  <si>
    <t>Haven't read the actual policy. Not sure where to find it.</t>
  </si>
  <si>
    <t>Just don't love the four point scale. I have never seen a extending (although I think from certain students - not even mine - that it is warranted), and I feel 90% of the marks fit into proficient. Just doesn't provide a lot of feedback. Sometimes description feedback is okay but seems generic.</t>
  </si>
  <si>
    <t>If I understand correctly, students would have a letter grades, percentage and four point scale word? I think this is not necessary at the grade. I think a letter grade and/or percentage is sufficient.</t>
  </si>
  <si>
    <t>This is too onerous for highschool teachers!
A full-time highschool teachers can be teaching up to 210 students at any one time - the proposals are untenable in terms of the time and effort it would take.
There must be a different criteria for highschool teachers (we are not elementary teachers).</t>
  </si>
  <si>
    <t>Highschool students  (including grades 8 &amp; 9) should be getting letter (and/or percentage) grades. We are preparing them for post secondary and grades is what post secondary is all about. In fact - our students receive a rude awakening once they leave highschool in terms of how they are as assessed!</t>
  </si>
  <si>
    <t>Yes - letter grades &amp; percentages should be a part of all highschool assessment, i.e. grades 8 to 12!</t>
  </si>
  <si>
    <t>No proficiency scales for grades 8 to 12 - letters grades (or percentages) with comment of course should be the assessment for all highschool students.
We are preparing them for post secondary beginning in grade 8 and it is essential that students understand that this is how they will be assessed.</t>
  </si>
  <si>
    <t>Sounds good on paper but this will be very difficult to implement in highschool when a teacher could have up to 210 students at any given time.
Self assessment should not be part of the official reporting process. It should be an adjunct thru counselling dept. etc. (CLE/CLC/capstone, etc).</t>
  </si>
  <si>
    <t xml:space="preserve">Again - this should not be part of the reporting process.  Too onerous!
This should come through counselling (CLE/CLC Capstone / or whatever it is called in any given year).
Too many expectations on highschool teachers to provide everything during the assessment process - can't be done properly. </t>
  </si>
  <si>
    <t xml:space="preserve">How can you expect teachers to be EVERYTHING to EVERYONE with limited resources (in some cases non existent resources)???
The model needs to change! Teachers cannot be expected to do the impossible with no added staffing / resources / help!!!
</t>
  </si>
  <si>
    <t>Why only one choice??? I would change almost all of the above OR not expect each of these to be done thru reporting/assessment.
Again - many of these proposals should be done thru a dedicated "course" (counselling / CLE / CLC / Capstone).  You CANNOT expect teachers to do this thru the assessment!</t>
  </si>
  <si>
    <t>Too many reporting events, especially during a semester system.  All we need is 1 teacher parent conference, 1 written midterm, 1 written final report.  Any more than that is redundant and stressful.  This is coming from my experience as a teacher of 27 years and a parent of two grown children.</t>
  </si>
  <si>
    <t xml:space="preserve">I feel like the proficiency scale should be K-8, then letter grades and percentages Gr9-12
</t>
  </si>
  <si>
    <t>Grade 9 should be the year of transition to letter grades and percentages as they will have a year to get used to that system before Gr10-12 which marks are used for university application.</t>
  </si>
  <si>
    <t>No this is not necessary.  Teachers have to use their professional autonomy to communicate student learning and prescribed to use the scale language in addition to everything else is making more work when it is not needed.  Having both scales will confuse the assessment as they cannot converted.</t>
  </si>
  <si>
    <t>Too much again. To add more paper work for each subject area is ridiculous.  Once a year as a school wide assessment is okay.</t>
  </si>
  <si>
    <t>This is too much to ask of children, and teachers could not keep track and assess everyone's personal goals in highschool. I am a big fan of curiosity and imagination, but all these kids are asked to think outside the box before they have learned what is in the box!</t>
  </si>
  <si>
    <t xml:space="preserve"> All we need is 1 teacher parent conference, 1 written midterm, 1 written final report.  Any more than that is redundant and stressful. </t>
  </si>
  <si>
    <t>Too many reporting events.  Teachers, students and parents are taken away from educational pursuits and learning to focus on reporting.  One parent teacher conference, one midterm and one final report is optimal.</t>
  </si>
  <si>
    <t>High school students are preparing for life after high school.  The proficiency scale makes sense for elementary students and to soften the transition for grade 8 students into high school.  Grades 9-12 should be using a scale that is widely accepted in post-secondary institutions...</t>
  </si>
  <si>
    <t xml:space="preserve">Post secondary institutions may use student performance as far back as grade 10 when assessing entrance suitability.  The proponents of proficiency scale assessment have made it very clear that you cannot convert from proficiency scale assessment to grades or percentages.  </t>
  </si>
  <si>
    <t xml:space="preserve">Once a year as a school wide assessment  only. </t>
  </si>
  <si>
    <t>Again, students (and their teachers and their parents) will be sidelined from covering the curriculum, which is supposedly designed to set them up to succeed in choosing a path forward after graduation.</t>
  </si>
  <si>
    <t>The policy is a theoretical document.  Sometimes life intervenes and students are overwhelmed, for a variety of reasons, which inhibits their ability to learn, etc.  Not all students can  function as learners all the time, regardless of our assessment policies.</t>
  </si>
  <si>
    <t>Reporting is an extremely thoughtful, time consuming process which, when overdone, become distracting, unnecessary and stressful for all involved.</t>
  </si>
  <si>
    <t>Written reports provided afterwards are not helpful for the success of the student at the time they are in need.  Students need immediate feedback to them and their parents to get the additional help needed. This takes time away from student learning and creates more work for teachers.</t>
  </si>
  <si>
    <t>Too general.  Does not allow students to show a combination of understanding between the multiple concepts.  Generally too subjective.</t>
  </si>
  <si>
    <t>Would like to see this in all grade 8 - 12</t>
  </si>
  <si>
    <t>If feedback is being given during classwork, on assignments, quizzes and tests then adding an additional Proficiency Scale not necessary.</t>
  </si>
  <si>
    <t>Many of these core competencies should be being taught at home.  Classroom discussions and implementing them in the classroom is great but self assessing and implementing them into student reporting is not necessary.</t>
  </si>
  <si>
    <t>Should be coming from the home.  Could be done in a specific course not all courses.</t>
  </si>
  <si>
    <t>All students should have equal (not same) opportunities.</t>
  </si>
  <si>
    <t xml:space="preserve">I do not find this a helpful way of reporting to parents.  Parents do not understand the feedback. </t>
  </si>
  <si>
    <t>Reporting relies more on student feedback and level of comfort.  With Covid, teacher involvement is limited.</t>
  </si>
  <si>
    <t>Clear definition about each area needs to be clarified.  I notice sometimes an arrow is used to show growth between two areas.  Proficient--Extending</t>
  </si>
  <si>
    <t>Students need this information as part of their upper education requirements so it should be readily available to make proper applications.</t>
  </si>
  <si>
    <t>The grade, percentage and comment will provide enough information.  Teacher contact can also made if deemed necessary.</t>
  </si>
  <si>
    <t>It is good to see how a students perception relates to their learning to that of his or her teacher.</t>
  </si>
  <si>
    <t>Students need to be involved in their learning environment and should develop goals and strategies to enable them to be part of a learning team.</t>
  </si>
  <si>
    <t>Education should be totally inclusive and opportunities presented to all students, no matter their ability.</t>
  </si>
  <si>
    <t>Parents understand this reporting system as it is something they often grew up with.</t>
  </si>
  <si>
    <t xml:space="preserve">Too vague.  If the argument is to do away with numbers, why is the number 'four' used in the description?  It is incredibly ironic, actually.  </t>
  </si>
  <si>
    <t>Way more scientifically prudent and reliable.  Given 5 months and multiple formative and summative assessments, it seems better than circling one of four things.</t>
  </si>
  <si>
    <t>Would certainly mess up students' chances of getting into most U.S. universities and would encourage more scrutiny by Canadian ones.  Would prove to be an unmitigated disaster.</t>
  </si>
  <si>
    <t>Self-assessment has its place and I am in favour of it being reported, however, informally.</t>
  </si>
  <si>
    <t>The students choose their courses.  The goals in the courses are set.  If the goals are of a social-emotional theme, then they can undertake that on their own or in a different setting.</t>
  </si>
  <si>
    <t>Doesn't seem different to what happens now.</t>
  </si>
  <si>
    <t>How could a four-point scale be better than a 100-point scale?  Furthermore, some of the people being leaned on for this have BARELY TAUGHT IN A CLASSROOM!  I mean, my goodness, quantitative evidence is reliable and necessary.  Do away with this Proficiency stuff from at least grade 6 and on.</t>
  </si>
  <si>
    <t>I am worried that the amount of additional information required in each of the learning updates has increased and therefore will take away the learning time in the classroom. I'm worried that the teachers will be focused on frequently collecting data for the learning updates.</t>
  </si>
  <si>
    <t xml:space="preserve">The proficiency scale provide exactly what curricular competencies have been met or not. The scale provides a broad overview and not the finite details. </t>
  </si>
  <si>
    <t xml:space="preserve">This is not consistent with what my child will be getting from Kindergarten to Grade 9. There is a difference in mindset and ideologies between the 2 assessment scales. </t>
  </si>
  <si>
    <t>My child has repeatedly under-assessed their abilities in these self assessments. Some students may be overly critical of their actual abilities.</t>
  </si>
  <si>
    <t xml:space="preserve">Goal setting should not be part of reporting. I am interested in teacher feedback only of my student's progress. </t>
  </si>
  <si>
    <t>I don't need to read that many reports. Access to a continuous year long portfolio would inform me better.</t>
  </si>
  <si>
    <t>Schools are providing 2 formal reports and 3 informal options (interviews, student-led conferences, interims) at the moment.  This is sufficient.</t>
  </si>
  <si>
    <t>I like the 4 point scale, but don't agree that all students are Emerging.  If all students are emerging, when they are not meeting the curricular competencies, in grade 10, they will all of sudden experience a failing mark.  This does not support the bigger picture.</t>
  </si>
  <si>
    <t xml:space="preserve">The fact that students are "emerging" from k-12 and then could get a failing mark at grade 10, doesn't provide a clear assessment picture for those students who are struggling to learn the curricular competencies at the most basic level. </t>
  </si>
  <si>
    <t>I like the proficiency scale, but it should align with the letter grade/ percentages.  0-50 is a huge range.</t>
  </si>
  <si>
    <t>For this to be valuable, students should not need to increase the frequency of this reporting. My children don't take this report seriously.</t>
  </si>
  <si>
    <t>At elementary school, it's easier for students to have a yearly goal. However, to have high school students set goals in each subject area, this becomes a checklist for them to complete and not meaningful</t>
  </si>
  <si>
    <t>UDL is important, so important that it should be taught as part of education programs and supported financially by the ministry and districts so educators know how to implement this.</t>
  </si>
  <si>
    <t>Students need to know if they are truly struggling to learn the curricular competencies prior to grade 10. Failing in grade 10 would be shocking to students when they haven't experienced this due to the change in reporting policies.</t>
  </si>
  <si>
    <t>I would rather feedback (one liners) from the teacher on a regular basis.  Could be in the form of an e-mail, note in the agenda, or note on students assignment.  Feedback should be prior to the end of the term.  I would like to help my child be successful now not after the fact.</t>
  </si>
  <si>
    <t xml:space="preserve">I would rather feedback (one liners) from the teacher on a regular basis. I do not find the 4 point scale helpful.  I find it subjective and does not clarify how much or little my child knows. </t>
  </si>
  <si>
    <t>Should be throughout gr 4- 12</t>
  </si>
  <si>
    <t>My children are not that far into their education.  I do not like the 4 point scale now and I can see myself not liking it when the approach higher grades.</t>
  </si>
  <si>
    <t>This learning should be taught at home.  Discussions on the competencies is good as we use these strategies in all parts of life.  No need for it to be reported.</t>
  </si>
  <si>
    <t>This should be done at home. Students should be learning more curriculum to prepare for their next chapter.</t>
  </si>
  <si>
    <t>All students should have to learn all course material.  How they are assessed should parallel with their best way of presenting the material.</t>
  </si>
  <si>
    <t>mix of all</t>
  </si>
  <si>
    <t>I cannot give one reason for not being a fan of this reporting.  The reporting is giving more work to teachers and gives parents less ability to help their child when they need it.  Feedback should be throughout the year and not as a big package at the end (or a few times throughout).</t>
  </si>
  <si>
    <t>Four updates is unnecessary. This number of updates takes teacher focus away from planning and student-facing work such as instruction, assessment, extracurriculars etc.
Descriptive feedback is necessary in the first written report and summary of learning. Parent-teacher conferences first 25% of yea</t>
  </si>
  <si>
    <t xml:space="preserve">The focus in reporting should be about the learning and proficiency against learning standards and students should be self-reflecting on their progress along the way. </t>
  </si>
  <si>
    <t xml:space="preserve">As long as post-secondary institutions calculate entrance averages for admission (and some of those averages have skyrocketed, which leads to more of the grade inflation conversation), then we need to continue using percentages. </t>
  </si>
  <si>
    <t xml:space="preserve">We have moved to standards-based assessment and reporting and this forces the focus to be about the learning. It's challenging to support teachers to convert proficiency levels to percentages - Tom Schimmer has been extremely helpful with this. </t>
  </si>
  <si>
    <t xml:space="preserve">When we consider WHO we are aiming to graduate, we must consider the skills that will lead to success in life. The core competencies are fantastic to bring into that conversation as we develop students who reflect on these around the learning that they are doing day to day. </t>
  </si>
  <si>
    <t xml:space="preserve">Important life skill. </t>
  </si>
  <si>
    <t xml:space="preserve">I do believe that when grades become the focus, students and parents lose sight of the learning. I wish we could do away with this in our educational system and inform post-secondary that we aren't playing the grade inflation game  (see Mastery Transcript Consortium). </t>
  </si>
  <si>
    <t>This scale is only as good as the teacher writing it. It may be fine for k-3, but letter grades for older students give a better understanding to parents about where their child is at in their learning. There is nothing wrong with a letter grade for grades 4-8, it prepares them for the future.</t>
  </si>
  <si>
    <t xml:space="preserve">This is exactly what should be expected for children who are looking to the future of their education. </t>
  </si>
  <si>
    <t xml:space="preserve">Seems irrelevant if you have a letter grade.  Prepare these kids for secondary education and don’t treat them like small children. </t>
  </si>
  <si>
    <t xml:space="preserve">Again, this will only be as helpful as the student will allow.  Honesty to write exactly how they feel is what’s key here. Small kids will write how they feel on that day, not the over all feeling of their education throughout the year. </t>
  </si>
  <si>
    <t xml:space="preserve">What teacher has time to follow up on 20-30 students personal goals throughout the year?  This seems like a well meaning idea that will never be followed up on or implemented. </t>
  </si>
  <si>
    <t xml:space="preserve">Leave the letter grades alone for grades 4-9 and allow for teacher comments to accompany the reports. The proficiency scale does not give any better idea of how well your child is doing. The scale is only as good as the teacher who is using it. </t>
  </si>
  <si>
    <t>This type of Nominal scale is inadequate and insufficient to indicate progress of a student</t>
  </si>
  <si>
    <t xml:space="preserve">I feel I can have a good understanding of how my kids are doing and catch any issues with this type of communication </t>
  </si>
  <si>
    <t xml:space="preserve">Don't love the working but it works.  They are hard to judge where one is really at in their understanding of the work. </t>
  </si>
  <si>
    <t>Letter grades and percentages are helpful to get get a better idea of where you are...  is emerging a 50% or 70%</t>
  </si>
  <si>
    <t>I like the idea of kids having to evaluate evaluate themselves but would like to see discussions as to why or why not they match with teachers access men's.</t>
  </si>
  <si>
    <t>This is an amazing live skill to have and to be taught it in a safe environment would be great.</t>
  </si>
  <si>
    <t>They will all look different but it's a good practice for life.</t>
  </si>
  <si>
    <t>The "reporting events" should all be written.</t>
  </si>
  <si>
    <t>This is a transparent attempt to replace grades with something which are going to become equivalent to grades in a few years.  It's like Spinal Tap's amplifier which "goes to 11", never mind that "11" and "10" both mean "maximum".  This isn't a meaningful change, but it's designed to look like one.</t>
  </si>
  <si>
    <t>My main problem with grades in high school is that they are not standardized from one teacher to another or one school to another.   We need *reliable* benchmarks like provincial exams.</t>
  </si>
  <si>
    <t>This will not add anything.</t>
  </si>
  <si>
    <t>This is going to be mainly a box-checking exercise for the academic students.  It might do some good for the ones who aren't oriented towards school.</t>
  </si>
  <si>
    <t>This is often code for "lower standards"</t>
  </si>
  <si>
    <t>Get rid of provincial proficiency scale.</t>
  </si>
  <si>
    <t>My children's teachers keep me well informed. Several times a year.</t>
  </si>
  <si>
    <t>It requires translation and does not tell me if my child is at the top or bottom of his class.</t>
  </si>
  <si>
    <t>This is needed for UBC or other post secondary options.</t>
  </si>
  <si>
    <t>It teaches a good life skill.</t>
  </si>
  <si>
    <t>This gives kids a great idea where they sit. It gets them ready for post secondary. Parents understand it.</t>
  </si>
  <si>
    <t>The teachers have enough to do, and when my student falls behind they always notify me</t>
  </si>
  <si>
    <t xml:space="preserve">The students are going to be using letter grades in the higher up grades, it should be consistent throughout </t>
  </si>
  <si>
    <t xml:space="preserve">Most secondary education systems use and require percentage to even be admitted </t>
  </si>
  <si>
    <t>Why make more work for the teachers</t>
  </si>
  <si>
    <t xml:space="preserve">Most students don’t have the ability to actually reflect on their performance, they don’t want to put them time in, or are completely unaware of how their performance really is </t>
  </si>
  <si>
    <t>Most students just want to be done with school. Their goal is to make it through. Added pressure of other goals is too much for some</t>
  </si>
  <si>
    <t>This should be done anyway</t>
  </si>
  <si>
    <t>FSA is unnecessary. It’s stressful for students and teachers</t>
  </si>
  <si>
    <t>There is too much time wasted in FSA testing. The computer portion is frustrating bc either the students are too young for the computers or they don’t work. It takes at least 4 staff and multiple days to finish FSA</t>
  </si>
  <si>
    <t xml:space="preserve">The should be at least 3 written reports per year </t>
  </si>
  <si>
    <t>I preferred to see % or grades</t>
  </si>
  <si>
    <t xml:space="preserve">Kids usually are not honest about self assessments </t>
  </si>
  <si>
    <t>The number of reports is not the issue, the issue is the ambiguous language in the reports as it provides no guidance for parents as to where their child needs support.  The word proficient means nothing to me. 85% means much more.</t>
  </si>
  <si>
    <t xml:space="preserve">Please see previous comments.  </t>
  </si>
  <si>
    <t>Actual percentage grades give an accurate representation of the level a student is performing at.  These percentages should be given out at grade one-not shock a student in grade 10 who has been proficient in all their previous years.</t>
  </si>
  <si>
    <t xml:space="preserve">The proficiency scale does not provide an accurate representation of where a student is struggling and where they are strong </t>
  </si>
  <si>
    <t xml:space="preserve">Letter grade and percentage in all grade </t>
  </si>
  <si>
    <t>How will this align with post secondary institutions if you eliminate letter grades and percentages/</t>
  </si>
  <si>
    <t>Honestly cannot say how the proposed policy will work out until it is actually carried out.</t>
  </si>
  <si>
    <t>Step in the right direction although the jump from 9 to 10 could be uncomfortable for some students/families.</t>
  </si>
  <si>
    <t>Necessary at the 10 to 12 level unless the whole world changes how things are done for post-secondary admissions.</t>
  </si>
  <si>
    <t>Some teachers are already doing this.</t>
  </si>
  <si>
    <t>If students are taught to reflect at a young age, they should be fine. How this is done (individual courses, school-wide, other) will make a difference.</t>
  </si>
  <si>
    <t>Many schools are already doing this as an exercise. Will students be held accountable for achieving those goals?</t>
  </si>
  <si>
    <t>Are we not already doing this?</t>
  </si>
  <si>
    <t>Quality over quantity. Frequent reporting leads to high burn out.</t>
  </si>
  <si>
    <t xml:space="preserve">redundant work load </t>
  </si>
  <si>
    <t xml:space="preserve">there was NOTHING wrong with the old system </t>
  </si>
  <si>
    <t xml:space="preserve">do you want to pay us more for more work?   because what you are doing is wage stealing.  you are adding endless redundant work to our day.   we are  up to our ears in the work already.   what you are doing is making us teach less and do administrative tasks more and more. </t>
  </si>
  <si>
    <t xml:space="preserve">It balances our need to have formal reports within the limited time we have to do our reporting amongst our other roles and responsibilities as educators. Informal reports, mark updates, emailing marks, are done throughout the semester. </t>
  </si>
  <si>
    <t xml:space="preserve">It provides basically no quantifiable context for parents/post sec. to how students have done at the secondary/grade 9 level. Their final exam, overall course grade, quiz or homework progress (which impacts the former) is not allowed. It is too vague. Provide teachers with the science behind this. </t>
  </si>
  <si>
    <t>It's essential. It is essential too to have %'s for grade 9 classes for applying to American colleges/universities. Teachers still provide many other forms of feedback (not just grades) to students througout the term &amp; final report. Percentages/letter grades are essential from 9-12. Keep them. Pleas</t>
  </si>
  <si>
    <t>It does not provide valuable info to parents/institutions &amp; only adds an extra step. Again, good teachers do not. simply provide a final mark but provide a variety of feedback and reporting so students can see their weaknesses to improve and strengths to feel good about. We must have this from 9-12</t>
  </si>
  <si>
    <t>Again we informally do this already. I get students to reflect on where they are at, how well are they preparing, etc. Students are not trained nor typically mature enough to give proper assessment. Grade 9-12's are expected to reflect throughout the semester. I point out +/- in their report card.</t>
  </si>
  <si>
    <t xml:space="preserve">This takes away time from learning. Maturity wise, students are going to say what parents are going to want to hear, knowing parents are going to receive this. As teachers, I build upon and encourage this already in my class. </t>
  </si>
  <si>
    <t>We do this already. I will assess someone fairly and not equally, given their background/experience/ability/disability so to reflect their achievements as best as possible. It's impossible to give a proper answer/context, given how little of a word count someone has set in these boxes! Gah!</t>
  </si>
  <si>
    <t>Kill the Proficiency scales. As an educator provide me with the peer reviewed science that supports having them &amp; formal statements from universities worldwide that support this &amp; I'll change my practice in a second. We will hurt kids going this way. We undermine their resiliency for %'s feedback.</t>
  </si>
  <si>
    <t xml:space="preserve">There is not enough time to produce all this documentation at a high school level especially if you have no prep. time. This is a large amount of work expected by teachers for a large amount of students in a short period of time.
We have other methods that we send home feedback. </t>
  </si>
  <si>
    <t xml:space="preserve">For ELL parents, these descriptors do not mean anything. They want a number that they can understand. </t>
  </si>
  <si>
    <t xml:space="preserve">ELL families understand. </t>
  </si>
  <si>
    <t xml:space="preserve">Descriptions are very subjective. </t>
  </si>
  <si>
    <t xml:space="preserve">This can be done by students on their own. </t>
  </si>
  <si>
    <t>Who is monitoring all the goal setting and accomplishments. Another thing to add to teacher checklist?</t>
  </si>
  <si>
    <t>Grades 8-12 should have 6 progress reports, two of which provide written feedback on a subject by subject basis. 3 progress reports per semester is a minimum for keeping students and caregivers accurate and meaningful feedback. A written report should be submitted at the end of each semester.</t>
  </si>
  <si>
    <t>Teachers should apply this language to specific skills in each course subject. Ex) Student is proficient at identifying bias in science. Student is developing for naming chemical compounds.*Applying the 4 point scale to a course as a whole does not provide any meaningful information.</t>
  </si>
  <si>
    <t>Letter grades and percentages do not provide meaningful information for students and caregivers. Specifying which skills a student has met is much more useful. Ex) Student exceeds standard for essay composition.  Ex) Student is proficient with grade level grammar.</t>
  </si>
  <si>
    <t xml:space="preserve">Grading should directly relate to how the provincial curriculum is set up. Students should receive a proficiency rating for each subjects skills. Ex) Student is developing for applying the Pythagorean theorem to new situations. Student is proficient with knowledge of Pythagorean theorem. </t>
  </si>
  <si>
    <t>keeps us informed and on top of it if needed especially if the student is struggling</t>
  </si>
  <si>
    <t>my child will be in grade 10 if/when this goes into effect</t>
  </si>
  <si>
    <t>that is what is needed</t>
  </si>
  <si>
    <t>we need the grades as for colleges and universities ....</t>
  </si>
  <si>
    <t xml:space="preserve">I think kids do not care but being mindful of where you are in the grade can be helpful especially after the teachers has their say on it  </t>
  </si>
  <si>
    <t>i do not think this needed</t>
  </si>
  <si>
    <t>so parents can be more aware of the progress of their child and get help sooner than later if needed</t>
  </si>
  <si>
    <t>I'm a teacher and parent in the school system. I find as a teacher that the proficient category includes such a wide range of abilities that it is difficult to communicate to parents exactly where a student is in an entire subject area. They may be proficient in some ways but developing in others.</t>
  </si>
  <si>
    <t xml:space="preserve">A grade tells me nothing about what they actually understand or can do. </t>
  </si>
  <si>
    <t>A proficieny scale is literally just letter grades but on a 4 point scale instead of a 5-7 point scale (A-D). Why make work for the teachers to do both. Unless, they would be using the profiency scales to communicate on a specific competency, then that would maybe make more sense.</t>
  </si>
  <si>
    <t xml:space="preserve">I value self-assessment, but if it's just slapped in for the sake of a report, is it really valuable? The whole point of self-assessment is to know where you are and how to get better. If they already are given a grade, and that grade can't change, then self-assessment becomes redundant. </t>
  </si>
  <si>
    <t>Again, goal setting is important but is most likely going to be meaningless if there is no follow through. The meaninful goal setting is happening every day in a teachers classroom. Not on the final report card just for "show". This requirement would work better with a portfolio than report card.</t>
  </si>
  <si>
    <t>We need to respect that everyone is not in the same point of their learning journey and that not everyone learns the same.</t>
  </si>
  <si>
    <t>For example: on my daughters report card she may say something like "I want to get better at sharing my ideas in the classroom'. The report card will proceed to ask me as a parent how I will support her with this. How does a parent support their child with this particular goal? Who is the goal for?</t>
  </si>
  <si>
    <t>Too many assessments for larger class sizes</t>
  </si>
  <si>
    <t>Too vague for high school students to improve enough for university requirements</t>
  </si>
  <si>
    <t>Depending on the student, letter grades can be helpful or discouraging</t>
  </si>
  <si>
    <t>Older high school students might have a harder time meeting requirements for university</t>
  </si>
  <si>
    <t>Students should have input towards their learning</t>
  </si>
  <si>
    <t>Some students might need some extra guidance for setting appropriate goals for their learning level</t>
  </si>
  <si>
    <t>UDL is the best way</t>
  </si>
  <si>
    <t>Students need to become more active participants in their assessments</t>
  </si>
  <si>
    <t xml:space="preserve">It should be more flexible. </t>
  </si>
  <si>
    <t xml:space="preserve">I would prefer a 5 point scale, the terms are not well chosen (harder to abbreviate since 2 start with the same letter, the short form of proficient makes students think they are pros, etc.), and what constitutes a pass is too vague. </t>
  </si>
  <si>
    <t>We should have the option to report using letter grades or proficiency scales or percentages as we prefer. Different courses lend themselves easier to different reporting at different levels.</t>
  </si>
  <si>
    <t xml:space="preserve">Yes, it is easier to implement proficiency scales across all classes than just grade 9s, not 10-12s. It is nice to have the option. But will some parents or programs (eg. international students or universities) still request or require percentages? Doing double the work increase teacher stress. </t>
  </si>
  <si>
    <t xml:space="preserve">It is good in theory, but must be done well to be effective, and easily becomes monotonous rather than meaningful. Many competencies are very wordy and self-reflection can be done in a variety of other ways to show students are mindful of their growth. </t>
  </si>
  <si>
    <t xml:space="preserve">This is good in theory, but should not be required. Often learning happens without goal setting, or goals set before learning happens are off base or vague or hard to achieve. </t>
  </si>
  <si>
    <t xml:space="preserve">Not all assessment can be inclusive of all learners. Responding fully to individual needs is easier said than done. </t>
  </si>
  <si>
    <t xml:space="preserve">Last year teaching in the quarter system I got burnt out from reporting formally every 4-5 weeks. It's too much, especially on quarters. </t>
  </si>
  <si>
    <t>The increased expectations around descriptive comments have not factored in secondary contexts where teachers teach 120 (semester) to 210 (linear) students. 200 word comments = 24,000 w = 100 page double spaced annotated bibliography 3 times a year. You have tripled workload w/o additional time.</t>
  </si>
  <si>
    <t>Dual "Emerging" meaning + only strength based comments= family confusion re student competency which leads to uninformed planning for future and heartbreaking conversations at the grade 9 and 10 level. (eg. The Red Seal plumbing apprenticeship requires a literacy level not demonstrated by your child</t>
  </si>
  <si>
    <t>Move to only letter grades. The %s forces us to navigate two incompatible systems within the same school communities. Also, define performance and progress and clarify their relationship. Interchangeable terms? Different unit of measurement? Formative vs summative?</t>
  </si>
  <si>
    <t>Would prefer mandatory with supported alignment to letter grades / grade level expectations. If we no longer have grade level expectations, please name that for the system and the public. K-9 seems to focus on growth &amp; 10-12 seems to be required to verify a level of performance. Clarity pls!</t>
  </si>
  <si>
    <t>Love this idea. Sec systems have obstacles to it being implemented in a meaningful way. This is not a teacher problem, this is a system's problem. Please help reimagine a system that enables vs prohibits these great ideas instead of putting teachers in an impossible position.</t>
  </si>
  <si>
    <t>Love CBI and this idea. Again, we have a secondary system that does not support this. Concerned re lowered expectations for our most vulnerable students &amp; of teachers failing kids forward due to system pressure &amp; a lack of system capacity to support kids. Grad rates need to = successful transitions.</t>
  </si>
  <si>
    <t xml:space="preserve">We need coherence in what the ed system exists to do, what we value and how we measure student growth &amp; system effectiveness. Two competing approaches undermine each other, create confusion &amp; then impact student performance &amp; future opportunities. Get it together. Please. </t>
  </si>
  <si>
    <t>These terms are likely not meaningful to the students themselves, nor to parents/guardians for home English is not their first language.  The terms seem designed to minimize hurt feelings rather than convey information.</t>
  </si>
  <si>
    <t>I think it would be more useful for students applying and transitioning to post-secondary.</t>
  </si>
  <si>
    <t>If letter grades are available, I have no opinion about whether to also include this information.  The terms are confusing but having the letter grade should clarify what's actually meant.</t>
  </si>
  <si>
    <t>I think it helps parents and teachers work together for the child’s best interest having multiple opportunities to connect and discuss progress and areas of stretch.  I would much rather stick to 2 written and 3 in some form of student presentation/ conference</t>
  </si>
  <si>
    <t>I think as students move towards college having grades makes applying for colleges easier- like it or not entrance and scholarships are about ranking.</t>
  </si>
  <si>
    <t>Students take time to learn how to reflect on their learning and self assess- at primary having self assessments through out the year are great practice, but not very meaningful at first. I don’t love the idea of it being part of formal reporting throughout the year.</t>
  </si>
  <si>
    <t xml:space="preserve">Goal setting is wow thing that take practice - important to do, but not sure it needs to be part of formal reporting. </t>
  </si>
  <si>
    <t>It is what I am used to</t>
  </si>
  <si>
    <t>Again, used to it.</t>
  </si>
  <si>
    <t>This is what I have always done.</t>
  </si>
  <si>
    <t>Students are responsible for their own learning</t>
  </si>
  <si>
    <t>I teach multi-ethnic classes. We are used to it.</t>
  </si>
  <si>
    <t xml:space="preserve">This is a ridiculous waste of time. It does not achieve anything. </t>
  </si>
  <si>
    <t xml:space="preserve">If you are going to add student goal-setting and competencies reflections, it is a ton of work to get students to a place where they can do that. It would make more sense to have that be the focus in the first term and then provide the first of TWO written reports. One in January and one in June. </t>
  </si>
  <si>
    <t>This scale provides a good indication of where the student is currently performing.</t>
  </si>
  <si>
    <t>Many universities are beginning to move away from this and to competency based language or performance scales as well. This seems like a step back from what we are moving to in the earlier grades (K-9)</t>
  </si>
  <si>
    <t>Asking teachers to use two scales that are not comparable is not at all helpful or educationally sound.</t>
  </si>
  <si>
    <t>This is a good idea only if we are not just adding more on to teacher workloads. How about letting us focus on goal-setting in term one and written reports only in Term 2 and 3.</t>
  </si>
  <si>
    <t>See previous section. We need time to work on goal setting with students. it doesn't magically fall out of a hat. Especially in the younger grades.</t>
  </si>
  <si>
    <t>If you add more expectations, something has to give. It is already difficult enough to generate three reports a year on top of 2 informal meetings while teaching full time. Make goal-setting the priority for term one and then have written reports on the progress in terms two and three.</t>
  </si>
  <si>
    <t xml:space="preserve">The way things are written tell me nothing about my child is she reading at the level needed or above is she below what should we work in. It is no personal and I feel that the teachers are forced to write with the First Nations animals I love that they learn all about the First Nations but I don’t </t>
  </si>
  <si>
    <t xml:space="preserve">Again it’s not personal enough what should my
Child work on what are their strengths and weaknesses more personal feed back what have they worked har to achieve </t>
  </si>
  <si>
    <t>That sounds more personal 
And that is what I would like to see 
Their would have to be away for a child to grow and change not have a bad personal file fallow them for school to school</t>
  </si>
  <si>
    <t xml:space="preserve">Goals need to be set for the list
Let for children
Passing just
To be
With their
Peer group is detrimental to them and to our world in general </t>
  </si>
  <si>
    <t xml:space="preserve">We label so much now and make excuses for so much. I worry that we don’t make
Students accountable for enough and then they can’t hold a job extra or functional members of our
Community </t>
  </si>
  <si>
    <t xml:space="preserve">We get to meet with the teachers and understand where our sons strengths and where he need more support. </t>
  </si>
  <si>
    <t xml:space="preserve">It helps us determine where our sons is at academically. </t>
  </si>
  <si>
    <t xml:space="preserve">Sometimes this is demoralizing for a student. It is a more accurate measure of where they are against the average student. </t>
  </si>
  <si>
    <t xml:space="preserve">This is more a focus on improving to the next level rather than focusing on a letter or a number. </t>
  </si>
  <si>
    <t xml:space="preserve">Students are the ones who really know how they are doing. It gives them more input on their education. </t>
  </si>
  <si>
    <t xml:space="preserve">It engages the student more to think about what they want to focus on. It is obtainable good the student, where as getting an A may not be. Usually when we have a goal we try to obtain it rather than focusing getting the best mark. </t>
  </si>
  <si>
    <t xml:space="preserve">Our son has a learning disabilities FASD. This would be beneficial to him to be included rather than being excluded. </t>
  </si>
  <si>
    <t xml:space="preserve">When we set goals we have a focus and will work hard at meeting the goal. </t>
  </si>
  <si>
    <t>Descriptors must be clearly defined by MOE and not left to individual schools to determine.</t>
  </si>
  <si>
    <t xml:space="preserve">If there is no reliable and easy-to-use method of integrating student self-assessment in reporting information, (ex: uploading / scanning written work), this will become extremely burdensome for teachers.  The platform must be easy to use and reliable.  MyEd does not fit this description.  </t>
  </si>
  <si>
    <t>Cumbersome and largely meaningless in 10-12.  Again, on what platform / with what software will this be reported?  Technology is a very important consideration and the MOE does not have a good track record of providing teachers with appropriate, reliable tech and software for reporting.</t>
  </si>
  <si>
    <t>Lots of Pro-D and teacher training needed here.  Please provide time and quality instruction for teachers to make this change.</t>
  </si>
  <si>
    <t xml:space="preserve">1. Parents are receiving emailed updates from teachers on a regular basis. Parents are constantly being updated as to their child's progress. Adding the written reports adds a substantial workload to secondary teachers who may have upward of 150 students per semester. Our Careers teacher has 400.
</t>
  </si>
  <si>
    <t xml:space="preserve">We need more categories in our current system, not less. Students working at 86% gets an A, so does that student at 98%. They are not working at the same level yet we categorize them as such. Descriptive feedback for more than 200 students per year adds a significant workload to teachers. </t>
  </si>
  <si>
    <t>Need more letter grades. Students working at 86% gets an A, so does that student at 98%. They are not working at the same level yet we categorize them as such. If C-,C,and C+ are fine for lower grades, why not B-, B, B+, A-, A, A+ for the others?</t>
  </si>
  <si>
    <t>Why require multiple systems to report one grade. This redundancy just adds to the teacher workload.</t>
  </si>
  <si>
    <t>If this does not actually go into the actual grade of a student, why are we bothering?</t>
  </si>
  <si>
    <t xml:space="preserve">As teachers we talk to our students all of the time. Who is reporting on these goals? The student? The Teacher? Is this not the domain of CLC classes? </t>
  </si>
  <si>
    <t>More added to the plate of the teacher.</t>
  </si>
  <si>
    <t>The need for written reports at the 8-12 level places a substantial amount of more work onto the teacher. Year after year more keeps being added to the responsibility of the teacher without adequate training, resources, but most importantly time. How will this be supported with time to complete.</t>
  </si>
  <si>
    <t>Not only are the 5 reporting periods happen, but I regularly communicate home with emails and phone calls.  The formal reports at the end of each semester is supplemented by interims and parent-teacher interviews.</t>
  </si>
  <si>
    <t>The scale is difficult to justify to parents when they have had grades for so long.  It is also difficult to align and "prove" to parents when they question how this translates.  And the language to describe the levels does not have examples to compare to.  Teachers are not familiar enough with what</t>
  </si>
  <si>
    <t>again the translation aspect is the problem.  Now for the last years of their education, student will have specifics when they haven't had that all along.  there's no bridge</t>
  </si>
  <si>
    <t xml:space="preserve">Will it? </t>
  </si>
  <si>
    <t>Maybe students should just write their own report cards.  Core competencies are valuable but with all the layers of assessment that are being asked of, I am really not sure if a good job will be done.  More time will be spent assessing instead of exploring and being curious and maintaining that curi</t>
  </si>
  <si>
    <t xml:space="preserve">Too many assessment expectations. Goals setting, reflecting, formal reports etc... seems like too many working parts </t>
  </si>
  <si>
    <t>If 10-12 had proficiency scale I would worry about how universities would determine grades.  I think this whole process too cumbersome.</t>
  </si>
  <si>
    <t xml:space="preserve">Formative assessments help keep parents engaged in student learning. </t>
  </si>
  <si>
    <t xml:space="preserve">This proficiency scale uses right language to communicate student learning. </t>
  </si>
  <si>
    <t xml:space="preserve">If it is the requirement for Universities, then that is the way communication of student learning should be. </t>
  </si>
  <si>
    <t xml:space="preserve">This keeps students accountable for their learning. </t>
  </si>
  <si>
    <t xml:space="preserve">This requires students to be accountable for themselves in the classroom. </t>
  </si>
  <si>
    <t xml:space="preserve">Student learning and communication should be inclusive. </t>
  </si>
  <si>
    <t>It is important for students to have ownership in their learning.</t>
  </si>
  <si>
    <t>We lack clarity as to what "Emerging," "Developing," and "Proficient" look like, and how to assign these with clarity and confidence that it reflects the student's competencies.</t>
  </si>
  <si>
    <t xml:space="preserve">This is an enormous undertaking for students to do well. </t>
  </si>
  <si>
    <t>This is the same thing already happening in our district.</t>
  </si>
  <si>
    <t>Developing is a large area, I think this could be split into 2 sections as you are often leaning to one side or the other. Emerging, Proficient, and Extending have a smaller threshold.</t>
  </si>
  <si>
    <t>Not in highschool. It does make sense given university.</t>
  </si>
  <si>
    <t>Not in highschool. I think a proficiency scale going with the grade would make sense to be consistent but do not associate a percentage with the proficiency scale, otherwise that's equivalent to letter grades.</t>
  </si>
  <si>
    <t>Much too challenging for most students to express these core competencies genuinely. I think this is better suited for Grade 8 &amp; up, doing it doesn't really produce any value information just added stress. I am not sure if this is helpful to kids/parents in the long term.</t>
  </si>
  <si>
    <t>So many kids will need help to express this properly and is difficult to monitor effectively with 30 kids in a room. Arguably this is already happening in most classrooms without making it a formality. This is already apart of career education, it does not need to be a separate area.</t>
  </si>
  <si>
    <t>Everyone works in different ways, reporting should reflect that.</t>
  </si>
  <si>
    <t>Unneeded. We are already doing this apart of careers, why does this need to become more complicated?</t>
  </si>
  <si>
    <t>Quality makes sense enough. No strong feelings for more or less.</t>
  </si>
  <si>
    <t>Language is generally well understood by educators and provides room for further explanation.</t>
  </si>
  <si>
    <t xml:space="preserve">The transition from one system is not efficient or well communicated </t>
  </si>
  <si>
    <t>I do not feel it will generally be used properly if at all.</t>
  </si>
  <si>
    <t>Self-reflection skills vary very widely across individual students.</t>
  </si>
  <si>
    <t>I think the success of this will vary by student.</t>
  </si>
  <si>
    <t>I feel we already include this.</t>
  </si>
  <si>
    <t>I feel the proficiency scale will not be used properly if it all by grade 10-12 educators.</t>
  </si>
  <si>
    <t>But needs to have the flexibility for each grade because each grade would handle this differently.</t>
  </si>
  <si>
    <t>I feel that five reporting events spread through the year strikes a balance between sufficient feedback for parents with a managable workload for teachers.</t>
  </si>
  <si>
    <t>This performace scale is adequate for reporting students progress in conjunction with other evidence and samples of work.</t>
  </si>
  <si>
    <t>Student self-assessment of core competencies provides a catalyst for conversation between parents/students/teachers.</t>
  </si>
  <si>
    <t>Goal setting is already included with the Career Ed curriculum. I am interested to see what this will look like as a separate reporting aspect. I do goal setting connected to the Career Ed curriculum, but my grade 3 and 4 students are quite challenged by this process.</t>
  </si>
  <si>
    <t>As our school populations increase in diveristy, it is important that our curriculum and reporting processes reflect this.</t>
  </si>
  <si>
    <t>Student goal setting is already present with the Career Ed curriculum at all grade levels. I am not sure it is necessary to create a new reporting order to address an aspect that is already embedded within curriculum.</t>
  </si>
  <si>
    <t>Is working now.</t>
  </si>
  <si>
    <t>Us it now.</t>
  </si>
  <si>
    <t>Will be helpful for University entrance.</t>
  </si>
  <si>
    <t>Consistency over K-12.</t>
  </si>
  <si>
    <t>Difficult for Primary students.</t>
  </si>
  <si>
    <t>Difficult for Primary students,</t>
  </si>
  <si>
    <t>May not reflect all students equally.</t>
  </si>
  <si>
    <t>Acceptable amount of communication about student learning for students and parents.</t>
  </si>
  <si>
    <t>A reasonable and accurate way to inform students and parents about student progress and what's next for their learning.</t>
  </si>
  <si>
    <t>Post secondary needs to get on board with current best practices for reporting learning.</t>
  </si>
  <si>
    <t>A progressive way to report on student learning and what's next.</t>
  </si>
  <si>
    <t>Gives students some autonomy and ownership of their learning and what's next.</t>
  </si>
  <si>
    <t>Teaching important life skills and giving practice with informative feedback at school.</t>
  </si>
  <si>
    <t xml:space="preserve">There are many ways to demonstrate learning. </t>
  </si>
  <si>
    <t>I would like to try this reporting and see how it goes.</t>
  </si>
  <si>
    <t>Depending on the format a school or district is using, it can  be very inconsistent between schools.</t>
  </si>
  <si>
    <t>As it is a snapshot in time, the scale gives the idea or message that your child may be at the scale/level throughout the year--meaning that your child could be just there and the word proficient gives the message that they are just fine.</t>
  </si>
  <si>
    <t>I think that post secondary education has to align with primary and secondary education in a Province and so the process is not continuous but rather broken and not aligned. The system of grading should align.</t>
  </si>
  <si>
    <t>I cannot grade or assess a child's core competencies and so I agree that  it needs to be a self assessment.</t>
  </si>
  <si>
    <t>I am not familiar with this yet so I do think it is a good inclusion</t>
  </si>
  <si>
    <t>Meeting the needs of each child is our job and so assessment ought to match this process.</t>
  </si>
  <si>
    <t>When using online portfolios, and using this platform as assessment, I feel I provide adequate information and assessment for each of my children/learner</t>
  </si>
  <si>
    <t>I feel that parents are well informed with 5 reports throughout the year.</t>
  </si>
  <si>
    <t>I feel that the scale provides more information than letter grades. Students are getting used to it now.</t>
  </si>
  <si>
    <t>If percentages are required for entrance into Post Secondary, it's fine. I don't believe that they necessarily show a students' understanding though.</t>
  </si>
  <si>
    <t>I think that it is important for students to be mindful of their growth in these areas.</t>
  </si>
  <si>
    <t>Students work on goal setting but I don't see it as necessary to include as mandatory in the reporting order.</t>
  </si>
  <si>
    <t>I would like to assign the proficiency scale to students requiring learner support IEP's to be in line with their IEP goals instead of their grade level. In my opinion, students can't celebrate their successes when they can never achieve a developing or proficient assessment.</t>
  </si>
  <si>
    <t xml:space="preserve">This works as long as it is not three freshgrade plus a summary.  Which is what is happening in some places.  Two FreshGrade plus a summary.  </t>
  </si>
  <si>
    <t>Again, I do not want to see a four-point scale on every thing that is posted on FreshGrade.   On the summary - definitely.  On at least one post in each area - yes.</t>
  </si>
  <si>
    <t>Don't teach that level.  Don't know what they need to get into college and university.</t>
  </si>
  <si>
    <t>Again, I don't know enough about 10 to 12.</t>
  </si>
  <si>
    <t xml:space="preserve">Primary is being introduced to the vocabulary and the concepts needed to self-assess.  You are going to be spending all your time trying to teach the children to authentically self-assess and not actually teaching them the skills they need to assess. </t>
  </si>
  <si>
    <t>This is getting so big, we are going to be spending all our time teaching goal setting and nothing curricular.  I have been teaching goal setting for the last 25 years but I did not have to report on it each term.  Yes it is important - but so is literacy, math, indigenous studies, science....</t>
  </si>
  <si>
    <t>I think it is important to report on the learning of diverse learners but there needs to be an understanding that there are a small number of students whose curriculum is very different from their peers.</t>
  </si>
  <si>
    <t>Again, it has the potential to become too big.  More is always added and nothing is taken away.  Do more, with less.</t>
  </si>
  <si>
    <t>Summary is not clear. Is it another report?</t>
  </si>
  <si>
    <t>I believe children in grade 8 and 9 are just waiting to switch to "real grades"  - the mental shift may be taking away the learning.</t>
  </si>
  <si>
    <t>Parents will attach a letter grade to the scale for all grades</t>
  </si>
  <si>
    <t xml:space="preserve">In the primary grade these skills are modelled and not done independently. </t>
  </si>
  <si>
    <t>In primary grades, these skills are best done as a whole class. Modelling is best practice. It is already in the career curriculum.</t>
  </si>
  <si>
    <t>current practice works well for teachers, students and families.</t>
  </si>
  <si>
    <t>Would prefer more focused definitions for the scale that include performance standards. Very difficult to know what proficient looks like when teaching a new grade for the first time.</t>
  </si>
  <si>
    <t>Good idea but Kindergarten students do not have the developmental readiness for this task.  They either think they are excellent or very poor and it doesn't seem to be related to their own performance. With lots of time and support they can sometimes assess sample work but not their own.</t>
  </si>
  <si>
    <t>It is unclear what is expected for younger primary students who find it confusing. They can draw pictures but having the teacher record what their drawing means is very time consuming and produces ideas that are not what adults would define as a goal.</t>
  </si>
  <si>
    <t>I like the idea. Vert unsure how to evaluate this in practice. What would be criteria?</t>
  </si>
  <si>
    <t xml:space="preserve">I Do not think self assessment is developmentally appropriate for younger students without at least performance standards to show students as examples for teaching purposes. </t>
  </si>
  <si>
    <t>Organizing and extracting this type of information in a meaningful way is extremely difficult with young learners and It is often not very valuable information.  Waste of time and effort.</t>
  </si>
  <si>
    <t xml:space="preserve"> Very difficult for younger students to do this in a meaningful.  They still require support from the teacher to discuss their own learning and therefore it is still largely teacher driven.  </t>
  </si>
  <si>
    <t>I don’t see how this changes much about what I am currently doing. It certainly does not lighten my load at all.</t>
  </si>
  <si>
    <t>Once a year formally is plenty. We do this work daily as part of the job.</t>
  </si>
  <si>
    <t xml:space="preserve">We already do this within the curriculum and throughout our teaching. Most parents won’t care about this being added. More and more and more gets added to what is required of teachers with the same amount of time to do itWe are getting burned out. At what point will we look at simplifying anything? </t>
  </si>
  <si>
    <t>I was hoping that we would be simplifying things. Once again, we are being asked to do more, with the same amount of classroom time. Nothing is ever simplified or taken away, and it is too much. Teachers are getting burned out.</t>
  </si>
  <si>
    <t>It sounds the exact same as what we already have, which I have no issues with.</t>
  </si>
  <si>
    <t>The range in grades (K-9) is far to big far a grades to be given out this broad. It is setting them up for failure in high school and post secondary.</t>
  </si>
  <si>
    <t>It is a good system that has worked for years and has been successful in setting up students for the future. Many of which that actually care about their grades do plan on going to post secondary, so this is a must.</t>
  </si>
  <si>
    <t>You need to see a more exact grade in order to see if you are improving. When they are that general it makes it difficult to know where you are in your understanding of the course. Also, how do you expect universities to know what it means and how to differentiate each student. False expectations.</t>
  </si>
  <si>
    <t>What you are asking us to give a self assessment on is not related to the courses at all. I’ve had to do one before and no effort we’re put into them. Instead ask if we think we have learned more about the course and not unnecessary thing such as listed.</t>
  </si>
  <si>
    <t>Meeting your own goals should not be what you are marked on. People are going to give to easiest goals ever if they have control over this. Just let us take the course and not apply anymore pressure.</t>
  </si>
  <si>
    <t>There are different class levels for a reason. I don’t see why this would be necessary in a high school level.</t>
  </si>
  <si>
    <t>The proficiency scale should not be used for anything above the grade 5 level.</t>
  </si>
  <si>
    <t>Students need to know how to react and except a grade. In elementary school it is less about if you know how to do the work and more if you are improving. In middle school and high school it is extremely important to be looking at more specific grades.</t>
  </si>
  <si>
    <t>The two written learning updates limit our options for communicating with families. Many families prefer student-led conferences.</t>
  </si>
  <si>
    <t>The transition from the proficiency scale will cause confusion. It sends an inconsistent message about learning progressions/feedback.</t>
  </si>
  <si>
    <t>Too much information saying the same thing -- families will likely only read letter grades, as that is what they are used to.</t>
  </si>
  <si>
    <t>Increase of teacher workload for each reporting period</t>
  </si>
  <si>
    <t>Increases student autonomy</t>
  </si>
  <si>
    <t>Some assessments are unnecessary for some students. In this case, the teacher is often able to speak to the student's abilities and would prevent the increased stress it would cause the student.</t>
  </si>
  <si>
    <t xml:space="preserve">Assessment in this province is lacking in authentic assessment practice.  </t>
  </si>
  <si>
    <t>The proficiently scale is not reflective of student learning. What does extending really mean? Are students working above grade level? Is extending an A? How are families and universities going to navigate this scale?</t>
  </si>
  <si>
    <t>Then letter grades and percentages should be used through out the system. K-12</t>
  </si>
  <si>
    <t xml:space="preserve">Again this is muddying the waters in assessment. </t>
  </si>
  <si>
    <t>I find the current reporting policy to be sufficient and I am not fully understanding the reasoning for changing the policy for the sake of change.</t>
  </si>
  <si>
    <t>Easy to use and easy for parents to understand.</t>
  </si>
  <si>
    <t>Letter grades are great for university if they want to find out students who excel in academics however it also limits the student who can attend that university who do not excel in academics.</t>
  </si>
  <si>
    <t>Would take too much time</t>
  </si>
  <si>
    <t>Too difficult for special needs kids</t>
  </si>
  <si>
    <t>I would prefer traditional grade methods as it shows the students real level of learning habits and results, encourage for improving.</t>
  </si>
  <si>
    <t xml:space="preserve">Grade 12 students </t>
  </si>
  <si>
    <t>It shows the real picture of the students level, encouraging students to improve.</t>
  </si>
  <si>
    <t>Have both is ok, but it may create unnecessary extra work for teachers.</t>
  </si>
  <si>
    <t>Personal assessment can assess individual progress, but a standard grade system is only fair for everyone. Students with disabilities and diversity background can get extra academic help, but not to be cheated that they are all good.</t>
  </si>
  <si>
    <t xml:space="preserve">A good reporting system should honestly reflect students academic level, that can encourage students to work hard, to guide them to make progress continuously, to know the room to improve. </t>
  </si>
  <si>
    <t>I would prefer to move to two written reports a year, with three in-person conferences as I find that these are often more engaging, meaningful and informative for parents.</t>
  </si>
  <si>
    <t>As long as post-secondary institutions are using and requiring percentages and letter grades, it's important that secondary schools continue to use this format.</t>
  </si>
  <si>
    <t>This is far too frequent and demanding for students at the primary level. It takes most of the year for K/1 students to gain a true understanding of what the competencies mean and look like; it is unreasonable for the children and the teachers and will result in shallow, invalid reporting.</t>
  </si>
  <si>
    <t>This is far too onerous for early primary students. especially when combined with the self-assessment requirements. This should only be once a year for primary.</t>
  </si>
  <si>
    <t>This is not clear; what will this look like in practice?</t>
  </si>
  <si>
    <t>The Reporting Order is unclear as to what it will actually involve for teachers. I am concerned about workload increase, especially for primary teachers regarding the goal-setting and self-assessment. These requirements are unreasonable, too frequent, and are not age-appropriate.</t>
  </si>
  <si>
    <t>For a semester system, 5 assessments in 4.5 months is too much.</t>
  </si>
  <si>
    <t>Descriptive feedback good but students still want to know how well they are doing.  Intrinsic motivation with percentages for some is good, for others a deterrent</t>
  </si>
  <si>
    <t>Intrinsic motivation with percentages for some is good, for others a deterrent.  Most students are quite motivated and competitive when they have a numerical value.</t>
  </si>
  <si>
    <t>Descriptive feedback good but students still want to know how well they are doing with a percentage.</t>
  </si>
  <si>
    <t xml:space="preserve">Not a fan of them. This adds to an already inundated teacher workload. </t>
  </si>
  <si>
    <t>I don't understand how this included in a high school academic setting.  This also adds to an already inundated teacher workload.</t>
  </si>
  <si>
    <t>We already are inclusive to all learners.  It is a matter of time and having better EA support in the classroom to allow teachers to fully respond to individual needs.</t>
  </si>
  <si>
    <t>Too many ways/options for reporting.  Once again, this adds to an already inundated teacher workload.</t>
  </si>
  <si>
    <t xml:space="preserve">Often just listing learning outcomes, teacher jargon, unpersonalized. Not really sure how my child is doing </t>
  </si>
  <si>
    <t>This sounds wonderful!</t>
  </si>
  <si>
    <t>Irrelevant. Either keep it all the same and get rid of grades, or have 10-12 use grades</t>
  </si>
  <si>
    <t>I stated it on a previous question :)</t>
  </si>
  <si>
    <t>We need to prepare our students for the real world. Knowing their exact percentage grade in a report or on a test indicates precisely where they need to improve. Preparing them for future institutional learning is also extremely important, so that students are mentally prepared for what lies ahead.</t>
  </si>
  <si>
    <t>Parents would want to know how their child is faring throughout the year so that they can seek assistance needed, when needed. Set them up for success.</t>
  </si>
  <si>
    <t>Not realistic for young learners, especially in first term. Results and responses will not be authentic. The information will not be useful and will focus on the product, rather than the process. Teachers will push students to provide feedback that they are not developmentally prepared to produce.</t>
  </si>
  <si>
    <t>Self goal-setting AND self-assessment</t>
  </si>
  <si>
    <t>Yes, for the end of the year (especially in early years). Asking teachers to do this and for students to understand the relevance, especially in Kindergarten is unreasonable, inauthentic and takes away from valuable instructional time.</t>
  </si>
  <si>
    <t>Hebrew</t>
  </si>
  <si>
    <t>The current system is not good but not bad. If it were to be continued I would be fine with that.</t>
  </si>
  <si>
    <t>1) This dilutes students' accomplishments, making awards irrelevant.
2) The confines students into 1/4 groups, but does not tell them if they are improving, and moving to the next category or not. 
3) It kills high performing students ability to compete when applying to university
And so much more</t>
  </si>
  <si>
    <t>Number and letter grades are clear indications of a student's ability to present their understanding of content. A possible change would be to give the teachers the ability to say that "in class, the student is able to answer most of questions, but they struggle in test-taking" and act on it.</t>
  </si>
  <si>
    <t>The real reason for the new system is to save feelings, which is great. But a large portion of students are going to post-secondary, and there are letter and number grades there, and students must be introduced to this earlier rather than later.</t>
  </si>
  <si>
    <t>Is unnecessary in most cases, at most this should be an option, not a requirement.</t>
  </si>
  <si>
    <t>It is simply not worth it. It would be better to dispense resources in current programs and expand those.</t>
  </si>
  <si>
    <t>Everyone should have a chance to find success, but it should come with hard work.</t>
  </si>
  <si>
    <t>Scrap the whole thing, it doesn't make sense for any and all acedemic courses</t>
  </si>
  <si>
    <t>For the reasons mentioned above. Also, it doesn't make sense in academic courses. If it were to be implemented then it should be in woodwork, robotic, PE, etc... It gives bad teachers the ability to lie on how good they're at teaching.</t>
  </si>
  <si>
    <t>Russian</t>
  </si>
  <si>
    <t>Sounds the same as what is currently in place, and I am ok with that.</t>
  </si>
  <si>
    <t>This policy provides no information to the student about how well they are doing in the class and thus, does not promote the student to put anything greater than minimal effort into the class. Students will never learn good work habits if this method is implemented.</t>
  </si>
  <si>
    <t>Keep letter grades and percentages in all grades 9 - 12.</t>
  </si>
  <si>
    <t>The provincial proficiency scale has no business being used in academic classes. However, the provincial proficiency scale could be put to good use in classes similar to Band or Woodworking, where percentage marks make less sense due to the inability of testing.</t>
  </si>
  <si>
    <t>Self assessments are meaningless and only waste time, especially with these core competencies, which have very little value in explaining the education of a student.</t>
  </si>
  <si>
    <t>Goal setting could be useful for some people, but for the majority, they simply wouldn't care to put effort towards their goals and lie on self reports. Making these assessments mandatory would only take a way from most peoples experiences at school.</t>
  </si>
  <si>
    <t>Some people are not as good at a subject as others, and should not be expected to preform at a similar level to those stronger than them. Weaker students should not be in classes that are too difficult for them.</t>
  </si>
  <si>
    <t>Removing percentages and letter grades will only be detrimental to students who care about getting a fulfilling experience out of school. To those who do not care, there will be no consequences for them, and they will never learn or be pushed to get better.</t>
  </si>
  <si>
    <t>The current feedback schedule works well to monitor progress and highlight any areas of concern.</t>
  </si>
  <si>
    <t xml:space="preserve">I prefer the letter grades.  They are straight forward and easy.  Honestly, they mean the same thing.  My child even pointed out to me that the scale is absurd and the letter grade system should be brought back.  </t>
  </si>
  <si>
    <t>The system works very well and sets students up for success in the post-secondary education setting and in any testing done privately.</t>
  </si>
  <si>
    <t>These kids are old enough to adjust if you decided to do the proficiency scale in the lower grades.  Also, the adjustment skills are necessary as it is also a big jump from high school to university when you get graded on very few items. I would rather see the proficiency scale removed for all.</t>
  </si>
  <si>
    <t>I can see value in children reflecting on their own progress and what they think of it.  It is a useful skill to have.  I have not asked my child his views on this yet.</t>
  </si>
  <si>
    <t>This can be helpful.  I have seen it work to some degree for my child.  If most find this useful I would support it.</t>
  </si>
  <si>
    <t>I am very concerned about the increase in workload. Report card preparation is already approximately 40 hours of my time with CSL. Teachers are over burdened as it is with stuff being dumped on us by the Ministry.  Reporting should be simplified, not extended.</t>
  </si>
  <si>
    <t xml:space="preserve">A pupa develops in a cocoon; it then emerges from the cocoon. The chosen language is backwards by my thinking. We need a five, not four point scale. </t>
  </si>
  <si>
    <t xml:space="preserve">The Ministry has not yet developed kid-friendly language with which students can self-assess. At the end of every school year, we have to dumb-down the language of the core competencies so that students can complete one self-assessment. </t>
  </si>
  <si>
    <t>So, teachers are now responsible for setting in place individual student goals and monitoring these student goals with the children, and creating material for students to track their goals. This is another example of the Ministry dumping more work on teachers. Where is the materials for teachers?</t>
  </si>
  <si>
    <t xml:space="preserve">Is this coded language for getting rid of IEPs. Whose responsibility will it be to develop these new evaluations? Teachers? </t>
  </si>
  <si>
    <t xml:space="preserve">More and more work is being downloaded on teachers. I didn't become a teacher to spend all my time on paperwork and writing reports. I'd rather put my energy into meaningful relationships with the kids. Endless evaluation does not serve student-centred learning. </t>
  </si>
  <si>
    <t>I am pessimistic given how poorly the reports were provided last year given that they were provided randomly and sometimes only reflected one subject.  It wasn't until the last report that I found out my child was struggling with both reading and writing.  A little late to say the least.</t>
  </si>
  <si>
    <t>The scale is insufficient. It does not accurately reflect how the student is actually doing in class unless they align with a percentage mark. A wider range such as a letter grade with plus and minus give both parents and students a better indicator of the student's understanding of the material.</t>
  </si>
  <si>
    <t>It would be better if letter grades started at grade eight so students could get used to this scale.</t>
  </si>
  <si>
    <t>The Provincial Proficiency Scale is subjective and has very little value.  One of my children was marked proficient when she herself identified as struggling with the material.  This is a pretty good indicator that scale is not accurate and did not adequately capture her need for greater support.</t>
  </si>
  <si>
    <t>Another frivolous waste of time that is stressful and unnecessary to the child. There is no actual support or education in regards to these competencies.  I would rather see a child assess their math, reading and writing competencies.</t>
  </si>
  <si>
    <t>Most of the goals I have seen are typically unachievable.  The children are more likely set themselves up for disappointment rather than success.  They would be better served if guided by teachers who understood models of improvement that ensures goals are time-specific and measurable for example.</t>
  </si>
  <si>
    <t>I think this is a great goal, however putting this into practice could prove difficult and there looks to be very little support for the educator as to what this actually means and is open to interpretation.</t>
  </si>
  <si>
    <t>The entire policy is based on a fantastical subjective scale that is in no way supportive of our children as it fails to provide a true representation of whether a child is succeeding or struggling. Its flexibility is its own downfall while its idealistic aims guarantee failure in the real world.</t>
  </si>
  <si>
    <t xml:space="preserve">I’ve not had to be involved </t>
  </si>
  <si>
    <t xml:space="preserve">I miss the regular grading that was used in the past. I realize this is more up to date for elementary grades, but should be letter grades from grade 4-5 &amp; up. It gives the students something to strive for. And a sense of accomplishment and satisfaction for their efforts. </t>
  </si>
  <si>
    <t xml:space="preserve">Letter grades and percentages give students a sense of satisfaction for their efforts and better prepare them for post secondary school. </t>
  </si>
  <si>
    <t xml:space="preserve">It’s good for students to reflect on their own growth. </t>
  </si>
  <si>
    <t xml:space="preserve">Alignment with post secondary </t>
  </si>
  <si>
    <t xml:space="preserve">4 times a year is a good amount of progress reports allowing students and parents to understand where they are at while still giving time to improve </t>
  </si>
  <si>
    <t xml:space="preserve">It is ok for lower levels such as elementary school but for higher levels starting in middle school letter grades and percentages make more sense </t>
  </si>
  <si>
    <t xml:space="preserve">It gives a very detailed sense of how a student is performing </t>
  </si>
  <si>
    <t xml:space="preserve">The proficiency scale would not be harmful in this sense but would add more work for teachers </t>
  </si>
  <si>
    <t>As a student who has done self assessments I find them very hard to get right and often do not reflect how well I actually did in the course</t>
  </si>
  <si>
    <t xml:space="preserve">I feel this would not be beneficial and only waste time making fake goals </t>
  </si>
  <si>
    <t xml:space="preserve">I do not quite understand how it would be implemented and how that would differ from the current system </t>
  </si>
  <si>
    <t xml:space="preserve">I think self assessments are not helpful, are demoralizing and take a lot of time </t>
  </si>
  <si>
    <t>The descriptive feedback is stock feedback and very generic.  Teachers need more freedom to express and provide feedback that is meaningful for learning.  The 4 point scale is vague and appropriate for K-5.  Grades 6-9 require a scale such as letter or % grades that provide a more gradual measure.</t>
  </si>
  <si>
    <t>And equitable measure is not achievable without equity for those with learning disabilities. All sudents  should be measured with the same assessment no matter if their individual needs differ. If the assessment is modified based on learning needs &amp; abilities, a notation to differentiate is required</t>
  </si>
  <si>
    <t>If they haven’t had them up till grade 10 then it will be quite different than what they are used to</t>
  </si>
  <si>
    <t>Will this be in the form of hard copies still or digital only? Prefer hard copies for the three main reports</t>
  </si>
  <si>
    <t xml:space="preserve">Exams stress people out. Including my self 
</t>
  </si>
  <si>
    <t xml:space="preserve">I think A’s B’s C’s are the way to go because it’s too confusing. </t>
  </si>
  <si>
    <t xml:space="preserve">It’s a good way to show and understand where your at. Without beating around the bush. </t>
  </si>
  <si>
    <t xml:space="preserve">If it isn’t broken don’t fix it. It is way to confusing and too complicated to apply to university’s that want a gpa or percentage. </t>
  </si>
  <si>
    <t xml:space="preserve">Good to reflect but not all the time sometimes people want to leave things in the past 
I </t>
  </si>
  <si>
    <t xml:space="preserve">For some goals work for some they don’t. </t>
  </si>
  <si>
    <t xml:space="preserve">Everyone should be able to do the tests. </t>
  </si>
  <si>
    <t xml:space="preserve">If it isn’t broken don’t fix it I think the proficiency scale is good till grade 5 then we need letters. </t>
  </si>
  <si>
    <t xml:space="preserve">Stated above </t>
  </si>
  <si>
    <t xml:space="preserve">Portuguese </t>
  </si>
  <si>
    <t xml:space="preserve">It’s a good number of assessments that support parents’ closer intervention in case Students are falling behind on grades to successfully graduate </t>
  </si>
  <si>
    <t xml:space="preserve">I don’t know the rationale used to propose the change from the usual quantitative grades which parents from different cultures are more used to </t>
  </si>
  <si>
    <t>I believe the system works well the way it is</t>
  </si>
  <si>
    <t>That would be a good addition to those grades</t>
  </si>
  <si>
    <t>It would also be a good addition to the students’ assessment, however it is necessary caution to not cause harm in cases the student is in fact falling behind others students in teachers’s evaluation due to undiagnosed or undisclosed mental health condition. I don’t believe a teacher skills necessar</t>
  </si>
  <si>
    <t xml:space="preserve">I don’t know what is the impact on teacher’s daily practices </t>
  </si>
  <si>
    <t>Needs more clarity in regards of teacher’s skills to implement and risk mitigation strategies for a correct assessment of the proposed change</t>
  </si>
  <si>
    <t>The amount of required assessments doesn't matter to me, but the fact that two have to be written irks me. Written assessments just don't make sense for a lot of mandatory classes. Also, stop giving these things communistic jargon terms: "final exam" is much better than "summary of learning"</t>
  </si>
  <si>
    <t>These are just more confusing letter grades—I would have no clue that "emerging" is better than "developing". These are titles for sections of a prog rock suite, not academic categories.</t>
  </si>
  <si>
    <t>What?! So you're doing away with letter grades only to admit that universities use them? What is your plan? What a disaster an unplanned policy is when implemented.</t>
  </si>
  <si>
    <t>No. Letter grades ALREADY DO THIS. Are you not aware of parent-teacher interviews? The only students for whom this would matter are already conferring with their parents and teachers. This policy accomplishes nothing.</t>
  </si>
  <si>
    <t>Have you never been in a classroom? We students talk with our peers and use each other as tools of self-assessment. We also absolutely HATE mandatory self-assessment.</t>
  </si>
  <si>
    <t>This is something I do anyway (i.e. in Spanish class I'm teaching myself Castilian Spanish instead of the Mexican Spanish taught), but mandatory goal-setting is just going to instill further apathy in disinterested students. The people most adverse to being told what to do are teenagers.</t>
  </si>
  <si>
    <t>Those of us who care about education don't like to be drug down to the level of those who don't.</t>
  </si>
  <si>
    <t>Now, for elementary school it makes sense to not have hard grades just because of how young the children in question are. But as you get older, it makes less and less sense to shield students from the essential fact of life: this world God has made for us is full of difficulty. We need to be ready.</t>
  </si>
  <si>
    <t>I like current amount of reports</t>
  </si>
  <si>
    <t xml:space="preserve">This scale is too limited. What if a kid failing? Is he emerging? Especially middle and high school. It didn't help my child in middle school at all, and he was very confused by this scale. </t>
  </si>
  <si>
    <t>It's a good system and so far helped our child to understand where he's in with his performance.</t>
  </si>
  <si>
    <t xml:space="preserve">I don't see a need in it. </t>
  </si>
  <si>
    <t xml:space="preserve">Waste of time. Not working for the kids in my opinion. </t>
  </si>
  <si>
    <t xml:space="preserve">Unnecessary pressure for students. Might raise anxiety levels and cause depression. </t>
  </si>
  <si>
    <t xml:space="preserve">I'm confused. I thought those practices are already in place. </t>
  </si>
  <si>
    <t xml:space="preserve">This is the worst in my opinion, but I would like to be able to choose more. </t>
  </si>
  <si>
    <t>I think that this is unrealistic for primary children. For kindergarten and grade one students it is a challenge to have the children truly self assess. It is not developmentally appropriate. They need time to learn about the core competencies and learn what true self assessment is.</t>
  </si>
  <si>
    <t xml:space="preserve">This is a stretch for primary aged children. </t>
  </si>
  <si>
    <t xml:space="preserve">This should not be a K to 12 requirement. Children that are 5 years old should not be expected to do self assessments as often and in the same way that a child 9 or older would. </t>
  </si>
  <si>
    <t xml:space="preserve">Teaching is already time-constraint as is. This further reduces time in lesson preparation and giving time to students after classes. Ultimately it will be students who will benefit less. </t>
  </si>
  <si>
    <t>I don’t want another year of not knowing what is actually going on with my kid compared to others.  “Proficient” tells me nothing</t>
  </si>
  <si>
    <t xml:space="preserve">Developing - means in comparison to what exactly?  Give me letter grades.  We waited for high school to give us correct marks and now we get the same silly stuff they were doing in elementary </t>
  </si>
  <si>
    <t xml:space="preserve">Yes - this is what we as parents want. We want to understand where our kids sit.  This tells us something.  If my son is failing I want to know he is failing - not “emerging”!  Emerging into what? </t>
  </si>
  <si>
    <t>It is not broken so don’t try and fix it.  We have a hard enough time trying to understand report cards - keep it simple</t>
  </si>
  <si>
    <t xml:space="preserve">This has not been explained well enough for me to comment?  I would wonder what would make my son take it seriously? </t>
  </si>
  <si>
    <t xml:space="preserve">Again - I know my kid and this would not be taken seriously </t>
  </si>
  <si>
    <t xml:space="preserve">Sounds good - but reality might be different.  </t>
  </si>
  <si>
    <t xml:space="preserve">This all seems very pie in the sky and not what life or post secondary will require of our children.  We seem to be setting them up for a big fall when it comes to actual life.  Pay cheques don’t come with a proficiency scale. </t>
  </si>
  <si>
    <t>It is going to be much harder for students to transition back into a percentage and letter grade system when they are required to do so in grade 10 or University. From my own experience I was already struggling alot to adjust in Grade 9, this will really affect students grade later on.</t>
  </si>
  <si>
    <t xml:space="preserve">I feel satisfied that I know how my child is doing in the classroom. </t>
  </si>
  <si>
    <t>The teachers comment help explain why they chose that level for my child. And if I have any questions the teacher is more than helpful to walk me through the reason</t>
  </si>
  <si>
    <t>My child is not in those grades</t>
  </si>
  <si>
    <t>I thought it was quite interesting how my son and his teacher we’re on the same page with the self-assessment.</t>
  </si>
  <si>
    <t xml:space="preserve">I think it’s great for every student to have goals. Especially when they are within the realm of making it happen </t>
  </si>
  <si>
    <t>I am all for every student to learn with disabilities and diverse abilities but when it takes away from the other students in the classroom there must be a line drawn. There has been too many incidences in my sons class where one student seems to take over the learning of others.</t>
  </si>
  <si>
    <t>When students want to learn you can’t have other students taking away from that time by disrupting their class with their behavior. This is always an ongoing situation in the classroom not a single incident.</t>
  </si>
  <si>
    <t>I am not sure how this fits with the digital portfolios we have been doing - I have been providing continuous feedback to my parents - something almost every month (always a different subject area) and then providing them with a mid-point written report in January and a Summary of Learning.</t>
  </si>
  <si>
    <t>Shows student growth, movement away from letter grades and percentages in lower grades, meeting students where they are at</t>
  </si>
  <si>
    <t xml:space="preserve">I don't teach these grades, </t>
  </si>
  <si>
    <t>As a parent I think that it is better to get a bit more feedback than just half way and at the end of the course.</t>
  </si>
  <si>
    <t>There isn't always enough time in the teaching day to include everything - just a couple of times a year as long as students are adding their voice and choice as a personal reflection to Learning samples</t>
  </si>
  <si>
    <t>Maybe for grade 10-12 - but you are really just adding another level of work for teachers - in the grades I teach (4-7) we don't have time to add even more onto our plates.  Kids don't know what they want and just give glib answers or goals.</t>
  </si>
  <si>
    <t>I don't see how this is going to work unless we have smaller class sizes.  I have not only the students on IEP's who can't do grade level Math or reading plus at least half my class working below grade level and the way this reads is that everyone should be assessed on the same thing.</t>
  </si>
  <si>
    <t>This is no different than what was happening before portfolios - isn't authentic, use different language to describe what you want us to do so it fits with the portfolios - don't expect portfolios and all that other stuff as well.</t>
  </si>
  <si>
    <t>The number of reports is not changing and that is fine.  However, I would prefer the clarity of percentages or letter grades from intermediate grades upward.</t>
  </si>
  <si>
    <t>The  proficiency scales noted have translations to go with them.  If you need to translate - the language is already problematic.  At what point on the scale is a child who can't meet the learning standard?  Is this meant to clarify progress or to obscure a lack of progress?</t>
  </si>
  <si>
    <t xml:space="preserve">Letter grades and percentages are universally understood and accepted. Whether one has difficulties with literacy or struggles with English as a second they can easily understand what a percentage or letter grade represents in terms of achievement. </t>
  </si>
  <si>
    <t>This seems like an unnecessary add on.  Descriptive feedback can be included on the reports without using proficiency scales which clearly are not particularly useful or they wouldn't need a further explanation.</t>
  </si>
  <si>
    <t>Students should always be encourage to reflect and self asses, but this does not need to be formal. I can have that conversation with my child, I don't need the school to do it and then report the findings to me.</t>
  </si>
  <si>
    <t xml:space="preserve">This feels like something that should be happening at home.  </t>
  </si>
  <si>
    <t>The idea that one teacher could possibly meet the needs of 120 diverse students over the course of a semester is laughable.  This sounds good on paper, but doesn't acknowledge reality. To fully respond to individual needs one would need to work with students individually rather than in a group.</t>
  </si>
  <si>
    <t>This system will ensure that the privileged who understand how the system works and can afford to augment their child's learning will increase their privilege and those who do not have the same resources will be left even further behind.</t>
  </si>
  <si>
    <t xml:space="preserve">numeric reporting for grades 9-12 throughout the year important </t>
  </si>
  <si>
    <t xml:space="preserve">Grade 9 is highschool. Move on to objective percentages </t>
  </si>
  <si>
    <t>Satisfied but experience has shown such a huge variability amongst teachers &amp; schools. Very unfair to some students. Standard Provincial exams better for even comparison.</t>
  </si>
  <si>
    <t xml:space="preserve">It’s not necessary </t>
  </si>
  <si>
    <t>Feels like it would take away from instruction time in higher grades</t>
  </si>
  <si>
    <t xml:space="preserve">Again, takes away from already limited instruction time in higher grade academic courses. From experience, teachers already pressed to teach full curriculum in class time they have. </t>
  </si>
  <si>
    <t>OK with this if it doesn’t take away from instruction time</t>
  </si>
  <si>
    <t>All aspects that take away from available teacher instruction time</t>
  </si>
  <si>
    <t>Time is already very limited in school. If this is just adding extra layers of administrative work for classroom teachers I do not see the benefit. Letter grades necessary for all of high school. Grade 9 to 12</t>
  </si>
  <si>
    <t xml:space="preserve">Ongoing reporting is good depending upon format. </t>
  </si>
  <si>
    <t xml:space="preserve">Students reflecting on their learning is important. </t>
  </si>
  <si>
    <t xml:space="preserve">Especially in K-7 the reports are very long and feel face to face conferences would be a better overall method of communicating student learning. Once in the fall, one interim one mid year and one end. </t>
  </si>
  <si>
    <t xml:space="preserve">I am concerned that the expectation for the two written Learning Updates will be the same as the Summary of Learning. It seems to me that the SoL should be more formal, while the LUs could be formatted to be easier to digest for parents. Maybe this will be determined in each district? </t>
  </si>
  <si>
    <t xml:space="preserve">I agree with using the proficiency scale instead of letter grades. However, there needs to be some learning done by all stakeholders to really understand what each point on the scale means. I am worried about the idea that extending=A will undermine the potential in this change. </t>
  </si>
  <si>
    <t xml:space="preserve">Seems like it is necessary, though my hope would be that it is a conversation about how to equate their learning to a letter grade between the teacher and the student. </t>
  </si>
  <si>
    <t xml:space="preserve">Hopefully this helps with a shift from content to competency-focus in our learning. </t>
  </si>
  <si>
    <t xml:space="preserve">I see the value in a focus on core competencies as life skills and encouraging self-reflection as a habit. </t>
  </si>
  <si>
    <t xml:space="preserve">I am happy to hear about students taking an active role in their learning, I’m worried about adding more to a teacher’s workload in regards to assessment. Rather than another part of the report card, maybe these goals (inquiry) could be integrated into subject areas? If appropriate. </t>
  </si>
  <si>
    <t xml:space="preserve">I support this idea. I am hoping for a few different templates/exemplars to show new ways of writing learning updates that align with the new curriculum. I am worried this new reporting order is just a new way of saying the same thing. </t>
  </si>
  <si>
    <t>Frequency of formal reporting/expectation for written reports</t>
  </si>
  <si>
    <t xml:space="preserve">I worry that the separation of each subject area is limiting, especially as we move towards project and competency-based learning that is cross-curricular. Some districts may misinterpret these changes to require traditional, formal reports instead of moving forward alongside the new curriculum. </t>
  </si>
  <si>
    <t xml:space="preserve">I feel well informed </t>
  </si>
  <si>
    <t xml:space="preserve">Prefer letter grade or % grade </t>
  </si>
  <si>
    <t xml:space="preserve">Good indicator of progress </t>
  </si>
  <si>
    <t xml:space="preserve">I like the model we currently have, teacher regularly communicate student learning with parents. We do not need to add more written summary’s of students progress. </t>
  </si>
  <si>
    <t xml:space="preserve">The core competencies is very challenging for primary student to comprehend and reflect on.  </t>
  </si>
  <si>
    <t xml:space="preserve">The three reports we get now as well as parent teacher interviews works well for me and my children. It seems like this will be much more work for teachers when they are already stretched thin with their workload and expectations. </t>
  </si>
  <si>
    <t>Students get a lot of motivation from letter grades, especially in the older 7,8 and 9 grades. This is an important piece to help encourage then. There is not enough information in the 4 levels of the proficiency scale.</t>
  </si>
  <si>
    <t xml:space="preserve">This was a big reason I worked harder in school. We competed with our friends to get better grades and my grades improved a lot in my last few years of school because of it. </t>
  </si>
  <si>
    <t xml:space="preserve">I dont think this adds any benefit for parents or students.  Again,  just more work for teachers. </t>
  </si>
  <si>
    <t xml:space="preserve">If it helps  make students more mindful then it would be a great idea as long as teachers are involved and students are being honest. </t>
  </si>
  <si>
    <t xml:space="preserve">Seems like a good idea and gets them thinking more about their own wants and goals. </t>
  </si>
  <si>
    <t>Status quo.</t>
  </si>
  <si>
    <t>I like % grades. For me, words like emerging, developing, proficient and extending are subjective and can be easily misinterpreted.</t>
  </si>
  <si>
    <t>I am used to this kind of assessment and universities use it.</t>
  </si>
  <si>
    <t>It seems like extra work for the teachers. I don’t see the need for it if they use letter grades.  The assessments I have received with letter grades come with teachers’ comments to elaborate the why of that letter grade. Please, do not fix it if it isn’t broken.</t>
  </si>
  <si>
    <t>No opinion. I guess it is good practice to start since the workplace employer uses goal setting. However, can’t we let the youth just simply be that, youth, and enjoy their youth?</t>
  </si>
  <si>
    <t>As stated, the language used (emerging, proficient, etc…) is open to interpretation versus a letter grade out of 100 is less subjective. I do not understand why it is used since by the time they get to grade 10, letter grades are used and universities require letter grades.</t>
  </si>
  <si>
    <t>Gujarati</t>
  </si>
  <si>
    <t>Why change it?!</t>
  </si>
  <si>
    <t>Why are you doing this? “So kids don’t feel bad”. That may be the single most unwise thing I have ever heard in my life.</t>
  </si>
  <si>
    <t>If I do better than someone in a course, e.g. 98 vs 90. I want a way to show that. It is unfair to punish above average students to accommodate the below average student.</t>
  </si>
  <si>
    <t>Why? Just keep percentages.</t>
  </si>
  <si>
    <t>Literally no one would take this seriously</t>
  </si>
  <si>
    <t>If it isn’t broken don’t fix it</t>
  </si>
  <si>
    <t>This sounds like it will give everyone the same grade regardless of performance, which is very dumb. Stop making changes were they’re not needed</t>
  </si>
  <si>
    <t>Don’t get rid of letter grades</t>
  </si>
  <si>
    <t>The written updates are helpful, but could use some better information what areas to work on.</t>
  </si>
  <si>
    <t>Have teachers explain to us that extending is not a realistic goal, not many students will ever achieve this. Grading school leans more towards achievement goals.
The scale does not clearly outline what guidelines are.</t>
  </si>
  <si>
    <t>Everyone, not just students should be mindful as looking to create goals and reflect on where they feel they need to better themselves.</t>
  </si>
  <si>
    <t xml:space="preserve">It should align with real life requirements </t>
  </si>
  <si>
    <t xml:space="preserve">Instead of core competency awareness, more specific and tangible goals would be far more useful. For example: on terms of literacy skills if learners could articulate’I’m strong at reading and comprehension but I’m still working on editing my writing using writing tools.’ </t>
  </si>
  <si>
    <t xml:space="preserve">Depends on whether the goals are fluffy and meaningless vs tangible and meaningful. </t>
  </si>
  <si>
    <t xml:space="preserve">I’d be satisfied if this means that learners will get individualized feedback that demonstrates a knowledge of specific strengths and weaknesses of my child even if she is not coded. </t>
  </si>
  <si>
    <t>To require specific reporting that demonstrates real knowledge of my child’s strengths and areas to improve with tangible examples of what specific things (in terms of literacy and numeracy)</t>
  </si>
  <si>
    <t xml:space="preserve">Current reporting practices tell nothing specific about my child’s strengths and abilities in terms of literacy and numeracy and my child’s self assessments have been nothing more than ticking boxes. When checked, they hardly understand what is being asked. </t>
  </si>
  <si>
    <t>I just briefly need to know how my son is doing in school.  Frequency of a few times a year is good.  Anything more than 3 lines in the report cards….I won’t read.</t>
  </si>
  <si>
    <t>Please just use a percentage or letter grade.  As a parent, I do not know what all the other jargon means.  The real world “gets” letter grades and percentages.</t>
  </si>
  <si>
    <t>Keep percentages and letter grades!</t>
  </si>
  <si>
    <t>Stay with letter grades and percentages only.    As a parent, I do not care about proficiency scales.  Colleges and universities use percentages.  I would rather that my kid’s teacher spend time teaching my kid, rather than describing him on the proficiency scale.</t>
  </si>
  <si>
    <t>Who should I believe more?  My kid or my kid’s teacher?  I believe my kid’s teacher for where he stands academically.</t>
  </si>
  <si>
    <t xml:space="preserve">Setting goals is great, but does it have to be on report card?  Goal setting is in the initial steps, not tail end on report card.
 </t>
  </si>
  <si>
    <t>Is this presently done with IEP’s?</t>
  </si>
  <si>
    <t xml:space="preserve">I trust my kid’s teacher’s assessment over that of my son’s.  </t>
  </si>
  <si>
    <t xml:space="preserve">Keep letter for grades 6-12.  They will survive and build resiliency.  </t>
  </si>
  <si>
    <t>Introducing letter grades so late in high school will be a huge shock to most students, thus creating more anxiety not less.  I understand learning is a process, but by that age, students need to have formative assessment to keep them accountable and for them to know how they are doing academically.</t>
  </si>
  <si>
    <t xml:space="preserve">The proficiency scales are so subjective and thus DO NOT provide actual assessment continuity across grades only by a label.  When someone receives a "Proficient" they could have received a grade of A, B, or C.  This is too ambiguous.  At least with an 89%, it is known that it is an A grade.  </t>
  </si>
  <si>
    <t xml:space="preserve">These sound like IEP's.  If so, the schools need more time, staff, and resources to do these personalized inquiry and goals.   </t>
  </si>
  <si>
    <t xml:space="preserve">Introducing letter grades so late in high school will be a huge shock to most students, thus creating more anxiety not less.  Keep the letter grades for assessment for grade 6-12.  It's not broken, why try to "fix it".  </t>
  </si>
  <si>
    <t xml:space="preserve">This probably provides no meaningful change to the current reporting system, as report cards are already informative and contain both teacher comments on learning along with the both a letter grade and percentage, which provides a benchmark for students progress. </t>
  </si>
  <si>
    <t xml:space="preserve">Using a four point scale in grades 6-9 provide little to no meaningful information about the academic progress of a student. If majority of the students, which could've ranged in grades 60-85%, were all grouped into "proficient", the abilities of the these students would be generalized. </t>
  </si>
  <si>
    <t xml:space="preserve">Letter grades and percentages are specific enough to determine the academic ability of a student. Furthermore, more information regarding their progress can be shown as it is proportional to the rest of their class. </t>
  </si>
  <si>
    <t xml:space="preserve">This scale is nothing but a more condensed version of letter grades, which results in less information being provided and more students being grouped together. </t>
  </si>
  <si>
    <t xml:space="preserve">The self reflection would not be meaningful for students, which would result in little academic meaning. </t>
  </si>
  <si>
    <t>Setting goals for the year would either be mark and result based, which students (if they cared about their education) would already have on their mind, or be learning based which wouldn't make sense to set a goal for what "you would want to learn"</t>
  </si>
  <si>
    <t xml:space="preserve">I don't understand the policy. Different students should have different teaching needs and academic challenges, therefore having "all assessment and evaluation practices be inclusive of all learners and respond fully to individual needs" doesn't really make sense. </t>
  </si>
  <si>
    <t>School, or anything in life with skill disparity, requires a scoring system to measure skill or achievement. Therefore, a specific and thorough system provides much better information than a 4 point scale that works solely to generalize students of different abilities, for students and education.</t>
  </si>
  <si>
    <t>These changes would not be anything meaningful compared to the current report card system. Report cards and letter grades that provide a student with a summary of their academic performances, and the associated teacher comments effectively direct a student towards achieving their academic goals.</t>
  </si>
  <si>
    <t>The proficiency scale removes the importance of academic performance and instead turns school into something superficial that students go through just to score " proficient." This mentality in younger grades will be carried over to grades 10-12 and students will be unable to adjust to letter grades.</t>
  </si>
  <si>
    <t>Letter grades leave room for improvement not matter how high a student scores. A student who scores a 90%, can still push to further his understanding of the material, motivating students to study harder.</t>
  </si>
  <si>
    <t>The proficiency scale groups extremely smart students with relatively less smart students which demotivates the smartest to keep studying to become very proficient in the material as only a minimum cutoff is required for the maximum possible grade.</t>
  </si>
  <si>
    <t>While this is not a necessarily bad idea, the majority of students do not take self-reflections seriously as they are ultimately only worth completion marks and anything that is written could count as a completed self-reflection.</t>
  </si>
  <si>
    <t>This also sounds like useful implementation, again however, this will not be taken seriously by the students who do not take interest in their learning and the student who do care about their learning already do set their own goals and monitor their learning.</t>
  </si>
  <si>
    <t xml:space="preserve">We do not currently do 4 learning reports throughout the year. This requires an extensive amount of work. </t>
  </si>
  <si>
    <t xml:space="preserve">I teach kindergarten and grade one and this is an unreasonable request at this age group. </t>
  </si>
  <si>
    <t xml:space="preserve">I teach kindergarten and grade one and this is an unreasonable request for this age group and if needed would be an extensive amount of work as it would require individual one on one time. </t>
  </si>
  <si>
    <t>I believe the proficiency scale is suitable for elementary school but not for the older grades of grade 8 and 9.   I believe k-7 would be suitable for the proficiency scale but older students need to ne aware of where they are at.</t>
  </si>
  <si>
    <t>Letter and marks are sufficient.  No need to do both.</t>
  </si>
  <si>
    <t>It depends what grade levels this would ve required for. Younger students don't need the pressure to do this, They are at school to be taught.  Older students can be encouraged to set goals for themselves</t>
  </si>
  <si>
    <t>Grade 8-9 students will not be ready then for grades and percentages in grades 10-12. The proficiency scale does not give an accurate representation of how my child is specifically doing in these older grades (grade 8-12 would be more suitable for grades/percentages). Scale is fine for k-7.</t>
  </si>
  <si>
    <t>No reason for both - redundant. Grades/percentages are proficient and more accurate to allow students and parents a more accurate idea of where they are at and what they need to achieve for things like scholarships, growth, university, etc.</t>
  </si>
  <si>
    <t>It depends how much support students are given with this. Students should be accountable but not stressed.</t>
  </si>
  <si>
    <t xml:space="preserve">The language used to report out to parents and students alike must be more clear and less challenging to decipher. The language on current report cards (content/competencies) are currently rather difficult to decipher. The new language should be more  clear and concise. </t>
  </si>
  <si>
    <t xml:space="preserve">The current language on report cards is not easy to understand/decipher and is therefore often overlooked and only the comments are read. It would be better if all language in terms of reporting was used with parents/students in mind. </t>
  </si>
  <si>
    <t>I think that going back to 3 written reports is a step backwards in the progress we’ve made as a province in education. This is exactly what we’ve moved away from so that we can create opportunities for cross-curricular learning and a focus on process and curricular competencies instead of content.</t>
  </si>
  <si>
    <t>It forces teachers back into separating learning into terms as opposed to giving us the flexibility to move at a pace that is appropriate for whichever learners enter our classroom. It adds undue pressure onto teachers and take away from more authentic ways to learn as a student.</t>
  </si>
  <si>
    <t xml:space="preserve">Good to have feedback, but it should be brief and to the point.  </t>
  </si>
  <si>
    <t>Keep the percentages.  The proficiency scale is not something that post-secondary or the general public is interested in.</t>
  </si>
  <si>
    <t>Percentages and letter grades are good.  People understand and cannrelates to this.</t>
  </si>
  <si>
    <t>This is a waste of time.  People understand percentages.</t>
  </si>
  <si>
    <t>It is good to self-sssess.  It helps students grow and see progress.  This self-assessment should not be on the report card.  When I was a kid, I thought I was great at everything.  My self-assessment was not a good reflection of my progress.</t>
  </si>
  <si>
    <t>Setting goals is great, but report card is no place for this.</t>
  </si>
  <si>
    <t xml:space="preserve">Hmmm, in theory, this is good.  However, not all students can (and will) be successful in calculus, elite athlete PE, or  advanced literature.  At the end of the day, they need to be able to perform within the parameters of these courses.  </t>
  </si>
  <si>
    <t>Trust the teacher’s assessment over the student one.</t>
  </si>
  <si>
    <t>Parents and students need formalized feedback and this seems like a reasonable number of opportunities for that to happen.</t>
  </si>
  <si>
    <t>Using a scale such as this with the absence of letter grades and percentages will, hopefully, get students to focus on how they can get better instead of having their focus on letter grade achievement.</t>
  </si>
  <si>
    <t>Letter grade and percentage systems run counter to a concept-based, competency-driven teaching and learning model. If percentages are going to remain, then the ministry should provide a province-wide standard way to convert proficiency scales to percentages.</t>
  </si>
  <si>
    <t>For this curriculum model, the scale should be used throughout the year for assessments. A province-wide conversion from the scale to percentages should be developed for consistency across the province.</t>
  </si>
  <si>
    <t>It is important for students to reflect on their learning regularly.</t>
  </si>
  <si>
    <t>Very satisfied if there is support given to teachers.</t>
  </si>
  <si>
    <t>clear direction for how % fits with curricular model</t>
  </si>
  <si>
    <t>I like the modern curriculum model but we are stuck with an old assessment model. Please give clear direction as to how a percentage grade will be determined in competency-based assessment.</t>
  </si>
  <si>
    <t>i see my child progress</t>
  </si>
  <si>
    <t>it shows our child s strenth</t>
  </si>
  <si>
    <t>More reporting on areas of weakness would give more opportunity to work on these areas of study at home.</t>
  </si>
  <si>
    <t>By implementing letter grades in grade 10-12 it might be harder to track and create goals needed for post secondary education efficiently with time to execute.</t>
  </si>
  <si>
    <t>I think setting goals and creating a strategic plan of execution is a great life skill that will educate students.</t>
  </si>
  <si>
    <t xml:space="preserve">In addition to teaching students the skill of goal setting and strategic planning to achieve goals this approach will hold students to an accountability of their own plans. </t>
  </si>
  <si>
    <t>I think the overall idea and agenda is great. Providing proper assistance and aid is given to students with visual and non visual impairments. To add out of subject… I think we should be proactively testing for non visual disabilities. ADHD, dyslexia and other things that parents and educators miss</t>
  </si>
  <si>
    <t>See previous notes re: disabilities</t>
  </si>
  <si>
    <t xml:space="preserve">The current report cards take a long time to write and now expecting three written instead of two is increasing teacher workload, work which is done on our own time.   I worry the first one is expected too early in the year for meaningful learning and assessing to take place for primary students.  </t>
  </si>
  <si>
    <t xml:space="preserve">It is unclear to me how many of the Core Competencies we would be required to send home.   While I value the Core Competencies, they take time to teach well and self-assess.  Is anything else being removed from the curriculum to allow time to do things well and not be so rushed to do it all?  </t>
  </si>
  <si>
    <t xml:space="preserve">We can only respond fully to individual needs if support is provided to do so.  Students who are entitled to support  often are missing this support as there is no one to replace an absent support worker.   I value inclusive practices, but students need to be properly supported.  </t>
  </si>
  <si>
    <t xml:space="preserve">To provide a written update on learning within the first 25% of the school year for primary children doesn't seem reasonable or realistic.  It takes time to get to know students, build community in the primary classroom, and allow time for learning.   I am concerned about the increased workload.   </t>
  </si>
  <si>
    <t>Sufficient as long as teachers are willing to communicate directly with parents if there are more immediate concerns.</t>
  </si>
  <si>
    <t>Descriptive comments are more important in the k-9 grades.</t>
  </si>
  <si>
    <t>Because it is necessary for entrance to post-secondary education.</t>
  </si>
  <si>
    <t>Insufficient information to judge the value of this in addition to letter grades and percentages.</t>
  </si>
  <si>
    <t>Unsure of the value of this.</t>
  </si>
  <si>
    <t>Limited value in younger grades.  More relevant to high school.</t>
  </si>
  <si>
    <t>What does that mean in practical terms?</t>
  </si>
  <si>
    <t>How would this be implemented for teachers?</t>
  </si>
  <si>
    <t>The existing reporting intervals are sufficient.</t>
  </si>
  <si>
    <t>It waters down a student’s progress or lack there of. This might be ok for little kids but grade nine is much to late to allow kids to fudge their way through school.</t>
  </si>
  <si>
    <t>Everything from one day college courses to eight year university programs are graded with percentages. Kids should be taught this format early on, so as to not blindside them when they reach real life.</t>
  </si>
  <si>
    <t>Hand holding and telling little Johnny “it’s ok, you’re working to your level” is not ok. 
And yes, that is what the provincial proficiency scale amounts too.</t>
  </si>
  <si>
    <t>It gives students a chance to gauge their opinion of their progress against actual progress. Allowing them to calibrate themselves to reality.</t>
  </si>
  <si>
    <t>It requires them to accountable to their own goals. Of course this only works if they don’t cheat the system by setting low and overly easy goals.</t>
  </si>
  <si>
    <t>Are teachers and faculty actually going to be given the resources to pull this off? Is it going to be used as an excuse to favour certain students?</t>
  </si>
  <si>
    <t>I have first hand seen the provincial proficiency scale used as a way to avoid saying a child is not learning at grade level. Parents have the right to be told how their child is doing at school, without filters, without mumbo jumbo, if the child is failing just say so!</t>
  </si>
  <si>
    <t>Our district just moved to a model with 2 written reports (1 in January and 1 in June) and 3 Point of Progress meetings, in-person if possible, with parents. This model started as a pilot project and was so successful and well-liked by both parents and teachers that it is now district wide</t>
  </si>
  <si>
    <t>Gives parents a clear idea of where their child is performing in each subject area</t>
  </si>
  <si>
    <t>Necessary for post-secondary, so until that changes must be kept in the grade 10-12 levels</t>
  </si>
  <si>
    <t>Not in line with current application processes for students applying to post-secondary institutions in other provinces or in the US</t>
  </si>
  <si>
    <t>I find that this is difficult for early primary students to put into a written format to easily include with written report cards. We often do this orally or by using hand signals (thumbs up, thumbs down, rate your performance out of 5, etc), but to do it for reports is a stretch</t>
  </si>
  <si>
    <t>Often the goals for primary students are influenced by others, prompted by class discussions, etc - not genuine. They are still learning the skill at this age, so not sure that it is really necessary to be included in a written report card.</t>
  </si>
  <si>
    <t>Would prefer to stick with the 2 written reports and 3 informal reports we are doing in SD73 - reporting is an extremely time-consuming and onerous task, and many parents don't read the written reports. Meeting with them in person gives much more meaning and chance to fully explain child's progress</t>
  </si>
  <si>
    <t>Frequency appears adequate</t>
  </si>
  <si>
    <t>We would like to see the letter grades incorporated earlier so they have more time to adjust to the system prior to starting university. Letter grades also provide more precise markers for their performance, allowing the students to learn how to use benchmarks to reach their goals.</t>
  </si>
  <si>
    <t>It is unclear what needs to be reported five times a year.</t>
  </si>
  <si>
    <t>The four-point scale is often confusing for families.</t>
  </si>
  <si>
    <t>This is not in line with the K-9 curriculum and requires a major shift towards the end of high school.</t>
  </si>
  <si>
    <t>The chances of continuity are low if the use of the Provincial Proficiency Scale is optional.</t>
  </si>
  <si>
    <t>How many times precisely will this be required.</t>
  </si>
  <si>
    <t>This is giving more work for teachers since this will add to what we are already reporting on.</t>
  </si>
  <si>
    <t>The requirements are not even met at the moment. Students with individual needs are not receiving services they are entitled to because of low staffing and lack of resources.</t>
  </si>
  <si>
    <t>The PPS doesn't take into account the realities of French Immersion students and teachers. K students are entering the school system less and less ready for school making the requirements for K-1 very difficult to achieve.</t>
  </si>
  <si>
    <t>In a Kindergarten to Grade 3 context, asking students to set a learning, personal inquiry AND development goal 5 times a year is not feasible. Students at this grade level are just beginning to understand what a goal is. One goal each at the first and second term reports is enough at this level.</t>
  </si>
  <si>
    <t>The 1st and 2nd term report should focus on literacy and numeracy as in its current format. The summative report card should provide assessment on all subject areas, as in its current format. In this respect, no change should be made to the report card format.</t>
  </si>
  <si>
    <t>K-7 5 reports may be appropriate- teacher have &lt;  30 students.  For 8-12, teachers have up to 120+ students; 5 reporting periods can be a significant amount of time that they are putting into reports that most of the parents I converse with, find less than meaningful (120 reports!). Not enough space</t>
  </si>
  <si>
    <t>New words, same result.  High school needs more specific evaluation - my child states there is a big difference between an 86% and a 99% but the reporting scale does not differentiate.  Both my children -they want % starting grade 8 - they find it motivating.</t>
  </si>
  <si>
    <t>As above - my children's responses - they may get an A, or an Extending, but they don't find it very meaningful as the range value is too broad.  They are both motivated to excel and work towards higher percentages.  My son feels he would have been less focused in lower grades.</t>
  </si>
  <si>
    <t>I don't think using the Proficiency Scale in the higher grades provides any extra information than letter grades/percentages - unless you are trying to get rid of grades overall, which I hope never happens.</t>
  </si>
  <si>
    <t>I think teens do not have a developed enough frontal cortex to truly understand the depth to what the ministry is hoping to achieve.  It feels like you have only talked to those who will give you the feedback you desire, and are not talking to the average teenage boy.</t>
  </si>
  <si>
    <t>Same answer.  I think you need to talk to the students and teachers who have a different view.</t>
  </si>
  <si>
    <t>Shouldn't this always be the case?  I thought this was a given in the education system, and if it's not, there's a bigger issue.</t>
  </si>
  <si>
    <t>I think for high school, the PP Scale can give kids a false sense of where they stand.  A low end Proficient (low B or 73) is not similar to a high end Proficient - moving into Extending (high B or 85), however the scale does not differential this well enough. My son would not have worked as hard!</t>
  </si>
  <si>
    <t>Written reports tend to be long, use educational jargon, and parents don't often read them. With self-assessment and goal setting in 3 written reports they will be even longer. In my district, the reports were sent digitally and then removed soon after. Many parents didn't get to read them.</t>
  </si>
  <si>
    <t>Like the scale.  May need more detail for older grades</t>
  </si>
  <si>
    <t>Seems a bit redundant if grades and descriptive feedback are also given</t>
  </si>
  <si>
    <t>Agree with self-assessment. Must look very different across the grades. Seems like including three times per year is making the reports more lengthy and fewer parents will read all compiled reporting documents.</t>
  </si>
  <si>
    <t>Seems challenging to get meaningful goals in all of these areas for youngest grades and report on them 3 times per year.</t>
  </si>
  <si>
    <t>Everyone should be included. I'd be interested in more details of what this might look like.</t>
  </si>
  <si>
    <t>Shorter, focused reporting is received more easily by families. Three full reports are repetitive and with additional goal setting and self assessment 3 times, reports will be too dense. I would choose 3 informal learning updates, 1 written mid-year, and 1 summative in June.</t>
  </si>
  <si>
    <t xml:space="preserve">I am curious as to how this would apply to a semester school system.  How many written reports per semester?  </t>
  </si>
  <si>
    <t>I find this scale to be very subjective and it can sound judgmental.  Also, I am not sure if parents/guardians would understand all of the subtleties and nuances in the use of these terms.  And, is there a scale description that applies to a student who is not meeting proposed learning outcomes?</t>
  </si>
  <si>
    <t>I believe that the combination of letter grades and percentages currently prepare students well for potential post-secondary education.  I believe that they are also easily understood by parents.  However, to only begin this reporting format when the results will appear on a transcript is too late.</t>
  </si>
  <si>
    <t>I am not comfortable using this proficiency scale.  The language used does not easily allow for self-initiated student improvement should they wish to attain a 'higher' standing.  To me, this language sounds more like a personal judgement than an educational evaluation.</t>
  </si>
  <si>
    <t>Self-assessment is important and integral to the learning process.  But, I am curious if there would be a standard or proposed format or if this could be decided classroom by classroom, school by school, or district by district.</t>
  </si>
  <si>
    <t>Goal setting is important for any individual or student.  However, I am wondering if these goals would be class-based, or would be linked to the school year experience as a whole.</t>
  </si>
  <si>
    <t>I believe teachers and school staff members currently do this and work very hard to make the educational experience inclusive and meaningful for all.  However, the ability to do this is connected to funding.  Is there a proposal in the proposed reporting policy changes to also increase funding?</t>
  </si>
  <si>
    <t>Thinking of the future and possible changes to the reporting policy, I would like to have more time for discussion.  For example, is MyEd going to continue to be the platform used across the province?  I am concerned regarding the scope of the changes and the potential benefits they could bring.</t>
  </si>
  <si>
    <t xml:space="preserve">How does online reporting such as portfolios come into play with this scenario? Our district currently requires 2 written reports which includes the year end summary and one in person meeting in November along with continuous portfolio posting online. </t>
  </si>
  <si>
    <t xml:space="preserve">This scale is want we currently use in our district. </t>
  </si>
  <si>
    <t xml:space="preserve">As a parent with secondary aged children it would be nice to have continuity with grading throughout all subjects. </t>
  </si>
  <si>
    <t xml:space="preserve">I don’t feel that the proficiency scale is an appropriate grading scale for grades 10-12. </t>
  </si>
  <si>
    <t xml:space="preserve">We have already implemented this policy. </t>
  </si>
  <si>
    <t xml:space="preserve">Grade level appropriate. This seems rather complex for primary students. </t>
  </si>
  <si>
    <t xml:space="preserve">Seems to me that this should already be a standard practice. </t>
  </si>
  <si>
    <t xml:space="preserve">5 or more reporting periods is quite substantial and puts more emphasis on evaluating students rather than allowing them to learn. In a 10 month school year, the expectation would be to report every two months. This leaves little time for educators to actually teach. </t>
  </si>
  <si>
    <t>We actually received more frequent informal feedbacks from the school per year in the present system.</t>
  </si>
  <si>
    <t xml:space="preserve">Even for kids at lower grades, as a parent, I wish to know if my kid's performance, attitude and learning habit improves, not just wish to see "proficient" in all reports through the year. It is meaningless. </t>
  </si>
  <si>
    <t xml:space="preserve">Grade 10-12 kids are serious about their academic performance to prepare for University education. They need to know how they did and how to adjust and improve regularly. This is a good training. Most universities give percentages and their programs have clear requirements on eligible percentages. </t>
  </si>
  <si>
    <t xml:space="preserve">I cannot see the purpose of the extra proficiency scale besides the percentages except that it might cause confusion. </t>
  </si>
  <si>
    <t>Self-assessment is a good tool as long as it is used for personal reflection rather than formal school reporting. As a parent, self-assessment happens a lot at home and I wish to hear what the teachers say.</t>
  </si>
  <si>
    <t xml:space="preserve">My kid had a  goal setting at grade 9 and then everyone forgot it. Ideally it sounds good but practically it is hard for teachers to monitor students' ownership of their learning. </t>
  </si>
  <si>
    <t>Diversity and inclusion is important. Education quality should not suffer. Our purpose is to make our kids prepare well for the future. Studying is not fun sometime. It needs persistent efforts. People who work hard should be recognized so that more people are willing to excel in their own ways.</t>
  </si>
  <si>
    <t xml:space="preserve">If universities adopt the proficiency scale, maybe grade 10-12 can do the same. Otherwise, this only creates more unprepared and stressful freshmen in universities. </t>
  </si>
  <si>
    <t>Too many times.</t>
  </si>
  <si>
    <t xml:space="preserve">This sounds like a helpful component of student reporting, however, teachers need more time and resources to implement it, especially in the primary grades where students need a lot of support to set their own goals. </t>
  </si>
  <si>
    <t xml:space="preserve">It is unclear how this lofty goal will be achieved! I fully support inclusive learning and assessment but some students may not be able to set their own goals or assess their own learning in an authentic way. </t>
  </si>
  <si>
    <t xml:space="preserve">I think regular communication between teachers and parents is important but I’m not sure this frequency meets that need. Also I think the first report should be delayed slightly to give teachers and students more time to get to know each other and establish healthy routines. </t>
  </si>
  <si>
    <t>We are a semestered secondary school, it is logical to report halfway through the semester and at the end of the semester when the course finishes.</t>
  </si>
  <si>
    <t>Many teachers are only giving 4/Extending to students designated "gifted", which leaves many motivated students demoralized/disheartened. I am seeing students giving up, they feel there is no point trying to do better, that a 4/Extending is unattainable. This is the opposite of encouraging learning.</t>
  </si>
  <si>
    <t>Grades 10-12 are part of the Grad Program. If we want STEM innovators, Doctors, professionals, and leaders, we need to support the transition to Post-Secondary. For those who aren't going to post-secondary, it doesn't matter if they're going to work in retail/service, so no reason to cater to them.</t>
  </si>
  <si>
    <t>Words are meaningless. It skews reporting to the low-achieving students that aren't going to post-secondary by leading to grade inflation, inflated sense of ability and not facing the reality of what they CAN'T do. You're passing the buck to Post-secondary to fail them, costing kids money and debt.</t>
  </si>
  <si>
    <t>This is meaningless, the students will make up BS answers and see it as a waste of time, just like CEC and CLC. It is going to make a lot more work for teachers for something that doesn't really help, because we are already having these feedback and conversations with students every day.</t>
  </si>
  <si>
    <t>Pointless in 10-12 courses, they've already chosen their courses based on career goals. Goals should be in CLC as part of working towards the Capstone, not individual courses. They will give BS answers, like "pass" or "get an A". There is no reward or consequence if they don't meet the goals anyway.</t>
  </si>
  <si>
    <t xml:space="preserve">We already do this through IEPs, adaptations, modifications, and differentiated assessment. But if a student can't show basic skills, they shouldn't pass Math 10 or English 10. This is why employers are complaining more and more that new grads have no skills, due to fluffy expectations. </t>
  </si>
  <si>
    <t>Stick with the current system</t>
  </si>
  <si>
    <t>There's nothing wrong with the current system. If you want grads to go to post-secondary, be competitive in coding, STEM, and fields that advance innovation and the economy, then you need standards and reporting that is also competitive with the countries taking our kid's jobs. Not fluffy words.</t>
  </si>
  <si>
    <t>When you have grade 8s and 9s assessed completely different than the rest of the school, the value of the courses are undermined. They are stigmatized as courses that don’t matter because the universities don’t recognize proficiency scale courses. Keep high school grading uniform from 8-12.</t>
  </si>
  <si>
    <t>Sounds good on paper to the ministry that doesn’t even teach in a classroom during pandemic years,  but this is time consuming for secondary teachers with over 200 students!</t>
  </si>
  <si>
    <t>Keep secondary reporting consistent throughout all grades. There is no need to switch to a completely different assessment practice at grade 10. This undermines the grade 8 and 9 courses, confuses the students and gives more work for the grade 8 and 9 teachers who are already stressed with behaviour</t>
  </si>
  <si>
    <t>I would like different ways to conference such as three way conferencing or even checklist style reporting.</t>
  </si>
  <si>
    <t>Consistency across all districts with performance scales.</t>
  </si>
  <si>
    <t>I like the idea if students taking ownership of their learning.</t>
  </si>
  <si>
    <t>Students are will be aware of their goals and they make their own goal.</t>
  </si>
  <si>
    <t>Important to include diversity in teaching.</t>
  </si>
  <si>
    <t>Less reporting and more conferencing.</t>
  </si>
  <si>
    <t xml:space="preserve">I like the break down of assessments into Emerging. Developing, Proficient, and Extending. Also I feel quite happy receiving 5 learning updates throughout the school term plus my child’s report card and IEP updates and  His medical Care plan, and academic plan. </t>
  </si>
  <si>
    <t xml:space="preserve">I like the break down of assessments into Emerging. Developing, Proficient, and Extending. Also I feel quite happy receiving 5 learning updates throughout the school term plus my child’s report card and IEP updates and  His medical Care plan, and academic plan. 
</t>
  </si>
  <si>
    <t xml:space="preserve">I do not like the letter grade system. It sends the wrong message to students and also students with a developmental delay etc. Why are we putting all the kids in the same box? They should just go off a percentage or something.  
</t>
  </si>
  <si>
    <t xml:space="preserve">Any other way of grading, scoring, some kids don’t preform well on tests. So any other tools we can use to evaluate our child’s learning  strengths and areas needing improvement I welcome this!! </t>
  </si>
  <si>
    <t xml:space="preserve">I think it is great to do a holistic approach and for the students to be  with n touch with their feelings and to encourage them to recognize these feelings thoughts and to feel comfortable saying I’m not ok, or knowing when they need a break or more of a balance. </t>
  </si>
  <si>
    <t xml:space="preserve">What great tools to teach the kids, teaches accountability, responsibility, and to know when your mind needs a break. </t>
  </si>
  <si>
    <t xml:space="preserve">I’m very happy with the plan the way it is. </t>
  </si>
  <si>
    <t>We get plenty of report cards now, but they're meaningless. Full of made up "strengths" but don't tell me where my kid is weak, don't give him an honest idea of what he needs to work on or what he should be doing better to be the most successful he can be in long game. It's all fluff, no substance.</t>
  </si>
  <si>
    <t xml:space="preserve">My child comes home so many days gutted, saying "why work harder, only special (gifted) kids get 4". I've seen his motivation plummet since letter grades went away and 1234 started. These are kids used to leveling up on every game you can imagine, and you've taken away a meaningful A to shoot for. </t>
  </si>
  <si>
    <t>My kids were so motivated in Grades 4-8 to get As. You took that away this year and I've watched them give up. Doing work grade level still can't get 4. It's awful and eldest is looking forward to get "real grades" again next year in Grade 10. They're smart kids. The 1234 system makes them not care.</t>
  </si>
  <si>
    <t>Absolutely no. My kids are going to go to Post-Secondary and the only reason to take away letter grades is to make the dumb kids feel less dumb. That's what's wrong with society and anti-vaxxers, they weren't told they DON'T know, and so they think they're smarter than Drs. People need to fail!!!</t>
  </si>
  <si>
    <t>Again, you're worried about the kids that are going to wait tables and stock store shelves. They should know their limits, know they failed, and know the Doctors and professionals ARE smarter than them. If you did that, we wouldn't have so many anti-vaxxers who think Google is smarter than a Dr!</t>
  </si>
  <si>
    <t>It's pointless. Curriculum is to show kids what level they need to meet, otherwise just homeschool! This gen needs clear standards, do XYZ to level up, and they'll do it. Child psych shows us adults need to set boundaries for kids, we need to set goals too, or they'll take path of least resistance.</t>
  </si>
  <si>
    <t>This is just another way of avoiding telling the kids who are going to be future service/retail that they aren't as smart as their peers. Grades and % clearly show what you can and can't do.</t>
  </si>
  <si>
    <t>Keep the old system of % and Grades</t>
  </si>
  <si>
    <t xml:space="preserve">Grades and % are fine. If kids want to dropout of Grade 10 and go work at 16, maybe that's what we should go back to. Stop being afraid to have some standards and tell them they failed. Because passing them through is destroying society, look at the anti-mask anti-vax pop you created. Just stop.
</t>
  </si>
  <si>
    <t xml:space="preserve">Many grey areas in this type of reporting </t>
  </si>
  <si>
    <t xml:space="preserve">I think a regular communication with home is important and holds us educators accountable to be transparent. </t>
  </si>
  <si>
    <t xml:space="preserve">I think that scale is helpful as I have been using it in the last year. It provides some helpful language. </t>
  </si>
  <si>
    <t>Letter grades and percentages DO NOT fit with descriptive feedback and proficiency. It is outdated and does not take the whole learner into account. Students and families tend to focus more on the grade and/or number/letter than the feedback. How can we support greater change and progress?</t>
  </si>
  <si>
    <t>I will be so glad to see the proficiency scale used in senior grades. The letter grades and percentages need to go and we need to move to better descriptors of learning. Teachers need to learn how to use descriptive feedback to support learner progress and relationships!</t>
  </si>
  <si>
    <t xml:space="preserve">YES! More student self-assessment for greater ownership of learning and metacognition. </t>
  </si>
  <si>
    <t xml:space="preserve">More goal setting and learner voice will create greater learner ownership of learning and metacognition. </t>
  </si>
  <si>
    <t xml:space="preserve">Finally! There has to be a nuanced approach with the whole learner in mind if we are going to change power structures in society.
</t>
  </si>
  <si>
    <t>I just think it is time to move on from numbers and percentages. Truly! What is the difference between 72 and 76? A test? How does one teacher justify 1-7 %? We need to simplify and spend more time focusing on descriptive feedback!!!</t>
  </si>
  <si>
    <t>Enough time has passed that I get a good update and frequent enough to identify issues to work on.</t>
  </si>
  <si>
    <t>It's not descriptive enough, would need more teaching materials to understand where my child is on the scale.</t>
  </si>
  <si>
    <t>Would be good as an alternative to minuses and pluses.</t>
  </si>
  <si>
    <t xml:space="preserve">Lack of clarity from the ministry on what this will actually look like. </t>
  </si>
  <si>
    <t xml:space="preserve">Students should reflect at the end of the year. </t>
  </si>
  <si>
    <t xml:space="preserve">This is not realistic for young children. </t>
  </si>
  <si>
    <t xml:space="preserve">I really like how many reporting periods there are to help keep informed as to what is happening at school. </t>
  </si>
  <si>
    <t>We already have this system in our school.</t>
  </si>
  <si>
    <t>I feel this is beneficial to know how our children feel and if they want to set goals.</t>
  </si>
  <si>
    <t>It's never to early to start setting goal and learning how to achieve them!</t>
  </si>
  <si>
    <t>I am really satisfied with the current reporting policy</t>
  </si>
  <si>
    <t xml:space="preserve">This is a make work project that has no value to parents. They are the ones that reporting is for and they don’t care about it. </t>
  </si>
  <si>
    <t xml:space="preserve">This is too difficult for many students at my grade level to comprehend. </t>
  </si>
  <si>
    <t xml:space="preserve">What does this actually look like? How is this different from an IEP? Need more info. </t>
  </si>
  <si>
    <t xml:space="preserve">It’s too difficult and time consuming </t>
  </si>
  <si>
    <t xml:space="preserve">More comm the better. Although, i do not think it has to be a report card everytime. Only a commitment from teachers to send 5 reports through out the year. </t>
  </si>
  <si>
    <t xml:space="preserve">It’s nice. But does not mean much to parents. We can hardly say that there are serious improvement to make (that are achievable). No student have to make an effort as everyone passes. </t>
  </si>
  <si>
    <t xml:space="preserve">Clear and covers both results and habits. </t>
  </si>
  <si>
    <t>Most times, this assessment is too complex to make for students. Most times, they hardly understand the meaning of the competencies and have to evaluate how they do? A self evaluation of effort and implications with rational criterias is more accurate. Can include responsibility, etc...</t>
  </si>
  <si>
    <t xml:space="preserve">I like to include everyone in the class. Best would be to do it part-time. Like half the day for some specific activities where kids with challenges can shine and not the opposite. </t>
  </si>
  <si>
    <t xml:space="preserve">We need a more clear scale and actions when in difficulty. We can address difficulties earlier and before we have to wait for an IEP or a designation. Parents would be more involved. </t>
  </si>
  <si>
    <t xml:space="preserve">Too generalized. Letter grades and percentages should be used from Grade 6 upwards. </t>
  </si>
  <si>
    <t xml:space="preserve">Don't see the point of using Provincial Proficiency Scale in Grades 10-12 when letter grades and percentages should be enough. </t>
  </si>
  <si>
    <t>"one written Summary of Learning at the end of the school year" ... this seems more appropriate for elementary than for high school report cards (particularly high schools that run on the semester system)</t>
  </si>
  <si>
    <t>Letter grades should be used for ALL high school students (including grades 8 and 9).</t>
  </si>
  <si>
    <t>Letter grades and percentages are fine.</t>
  </si>
  <si>
    <t>Self-assessment is important, but should not be included in reporting. Not all students are capable of giving themselves an unbiased evaluation.</t>
  </si>
  <si>
    <t>Students are not yet knowledgeable enough to give themselves S.M.A.R.T. goals. How can they set a goal when they don't know anything about the curriculum yet?</t>
  </si>
  <si>
    <t>Students need more access to supports (EAs, LST teachers, smaller class sizes, etc.)  It is better to direct our resources to giving students additional support, not more evaluation.</t>
  </si>
  <si>
    <t>High school students should get letter grades on their formal report cards.</t>
  </si>
  <si>
    <t>as a teacher, it is too many - the focus should be on teaching not reporting on it.  Too much time taken in the evenings to complete interim reports in addition to regular means I have no time for family</t>
  </si>
  <si>
    <t>Proficient is too vague, and covers the range of letter grades C- to A-.  It's like a pass/fail system, meaningless.  Kids don't know where they stand, this leads to apathy as they do the minimal and still pass.  Proficient is not a recognisable  grade for entry to a college/university outside of BC</t>
  </si>
  <si>
    <t>needed for college entry, and to promote kids taking care in their work</t>
  </si>
  <si>
    <t>its meaningless, see reasons above.  Our kids won't stand out when applying to colleges outside of BC.  They will lose out.</t>
  </si>
  <si>
    <t>the kids don't understand the core competencies, or care about them - it's meaningless data that takes time away from learning in order to complete something that \i find goes in the garbage.</t>
  </si>
  <si>
    <t>depends on the goal, they must be SMART and easy enough for little kids to understand the purpose. Most elementary kids wouldn't care.</t>
  </si>
  <si>
    <t>several items I am unhappy about</t>
  </si>
  <si>
    <t xml:space="preserve"> Interims not needed in elementary.  The 4 times per year report idea is pointless, the first would have to be out already and at this point in the year it is too early to report.  Proficiency scale and core competencies  need to go - meaningless. Goal setting only for older kids.</t>
  </si>
  <si>
    <t>I have felt up to date on my child's progress.</t>
  </si>
  <si>
    <t>This scale is useless and I strongly object to its implementation. It has never been a good indicator of a child's progress, gives no meaningful comparator and is incredibly subjective. Teachers have no motivation to actually assess a student's abilities. It seems geared for them to do less work.</t>
  </si>
  <si>
    <t>Letter grades and percentages are meaningful ways of assessing progress and necessary for scholarships, awards, and entry to post secondary learning.</t>
  </si>
  <si>
    <t>This is a good way to keep schools accountable.</t>
  </si>
  <si>
    <t>Self assessment is meaningless to children and of little interest to parents.</t>
  </si>
  <si>
    <t>How can they set goals when they have no control over their classes, teachers or the education they are getting. If a student were to say I am not meeting my personal inquiry goals (realistically a child would never say this), a teacher is not going to take the time to change the curriculum for them</t>
  </si>
  <si>
    <t>What does this mean? How is the current system failing students with disabilities? Definitely they should be assessed according to their abilities and needs.</t>
  </si>
  <si>
    <t xml:space="preserve">Children do not have the control over their environment to set and meet goals and it is meaningless when they are young. </t>
  </si>
  <si>
    <t xml:space="preserve">There's less than 10 months in the school year, every 2 months seems sufficient for an update. If there's concern from either school or home above and beyond that it should be brought up on an individual basis </t>
  </si>
  <si>
    <t xml:space="preserve">It is more general, which is sufficient for the early grades. It is phrased in the positive. </t>
  </si>
  <si>
    <t>It's an outdated system and many kids get too hung up on it. After high school I was never asked for my grades. Any post secondary schools should come up with a new system. The elementary version is not enough though, something else is needed.</t>
  </si>
  <si>
    <t>This is a start.</t>
  </si>
  <si>
    <t xml:space="preserve">We are usually hardest on ourselves. This would need to be framed in a way to discourage self hate and inadequacy. </t>
  </si>
  <si>
    <t>S.M.A.R.T. goals can be very powerful. Keep it attainable.</t>
  </si>
  <si>
    <t xml:space="preserve">We know one size does not fit all and kids learn differently </t>
  </si>
  <si>
    <t xml:space="preserve">I have not read the entire policy, but what is noted in the above survey seems encouraging. I thought we had moved away from percentages to letter grades to be more general and all encompassing </t>
  </si>
  <si>
    <t>This is difficult to do with younger children.</t>
  </si>
  <si>
    <t>This is very difficult to do with young children.</t>
  </si>
  <si>
    <t>Reporting on each subject every term</t>
  </si>
  <si>
    <t>It would be a lot more work for teachers to report on every subject every term. Furthermore, some subjects we don't even teach every term (e.g. science, social studies).</t>
  </si>
  <si>
    <t>The files an unavailable on the site to review. Notification was given a day before this closes. This was set up in an effort to NOT get responses and let it slip through unchallenged. Deplorable behavior, however sadly not unexpected. Even worse this will probably never be read.</t>
  </si>
  <si>
    <t>This is a "participation ribbon" system. Students/Parent given no clear guidance on how to improve. With a child currently forced into this system, the details are vague, overlap and are not used in a consistent manner. No value to the learnings of the student and offer no tangible information.</t>
  </si>
  <si>
    <t xml:space="preserve">This readies students for post-secondary and must remain in place.
</t>
  </si>
  <si>
    <t xml:space="preserve">Absolutely not! Handing out "participation ribbons" to any student, let alone ones preparing to embark on post secondary or enter the work force is nothing short of an utter and complete failure to our children. </t>
  </si>
  <si>
    <t xml:space="preserve">I feel student self reflection and assessment is a fantastic idea. However when this is done INSTEAD of a teacher evaluation, that is unacceptable and provides no teacher feedback to the parent. I would support both being done and provided to parents. </t>
  </si>
  <si>
    <t>I support this policy IF the teachers are involved in this process with each student. Asking a student to do this with no guidance or follow up, is detrimental to the child's self-esteem and emotional health. Given previous events I have no confidence there will be teacher involvement.</t>
  </si>
  <si>
    <t>Again, being unable to access the files and based only on the context above I agree that all students should be treated the same, always.</t>
  </si>
  <si>
    <t>The proficiency scale system is a joke.</t>
  </si>
  <si>
    <t>I think it's OK - we communicate often with students that are not successful with parents regardless of reporting periods anyway.</t>
  </si>
  <si>
    <t xml:space="preserve">I don't think grade 8s and 9s need to be on this scale anymore - they're in high school now and the change should be reflected in their asesssment to get ready for university. </t>
  </si>
  <si>
    <t>Yes that's fine - but I think 8 and 9s also need letter grades.</t>
  </si>
  <si>
    <t>If the proficiency scale is being translated into a percentage anyway, why bother reporting it twice?</t>
  </si>
  <si>
    <t>Many teachers are already getting students to reflect and self assess as it is for interims - I don't think it is required for a formal report.</t>
  </si>
  <si>
    <t>I already give students written reports of various lengths on many of their class assignments throughout the year (more relevant and specific than a general year end review we are asked to do).</t>
  </si>
  <si>
    <t>Very unclear.  All subjects 5 times? What are the requirements for the other 2 that are not written? Are these parent-teacher conferences, goal setting meetings, do we need to talk about student proficiency of every subject? 
This seems like a big addition to workload, not the same…</t>
  </si>
  <si>
    <t xml:space="preserve">The proficiency scale works well to communicate student progress. It is clear and fits well with the new curriculum. </t>
  </si>
  <si>
    <t xml:space="preserve">It does not make sense to change the way we communicate student learning in order to cater to post-secondary institutions. Using the proficiency scale fits well with the new curriculum. How can we say that percentages and letter grades are outdated and then use them? </t>
  </si>
  <si>
    <t xml:space="preserve">We cannot be expected to communicate learning in 2 different ways. Encouraging or offering the “choice” is not fair to teachers. It puts them in a very difficult spot to chose and downloads the responsibility onto the individual teachers. </t>
  </si>
  <si>
    <t>Although self-assessment has a very important role to play in student growth, it looks different at different ages. Self-assessment in the early years is a lot more teacher guided. I am concerned for teacher workload. Also, how do we include this? We are not able to add it into MyEd</t>
  </si>
  <si>
    <t xml:space="preserve">Again, in theory it sounds good for students to set personal goals, but they can be inauthentic and it adds significantly to teacher workload to be able to do this in a meaningful way. If we want to do this properly, something else has to go. Also, how do we include this in MyEd? </t>
  </si>
  <si>
    <t>Need more details on how</t>
  </si>
  <si>
    <t xml:space="preserve">All concerns are important, not just one change and we are good to go. </t>
  </si>
  <si>
    <t>If concerns were addressed and expectations and how-to were clear, I would still be concerned about our ability to do all of this WELL. Reporting 5x in ALL subjects, supporting self-assessment, supporting student goal setting. Something has to go, we will break. Parents need simple, authentic report</t>
  </si>
  <si>
    <t>We are putting less owness on students to succeed and just passing them along. Especially in the middle year grades.</t>
  </si>
  <si>
    <t>Because you are trying to generalize knowledge for all learners and pulling resources out of the classroom. Less EA, no resource and this is showing extreme effects in classrooms and student success.</t>
  </si>
  <si>
    <t>I feel that the current level of reporting is more than sufficient to track my children's progress through the school year.</t>
  </si>
  <si>
    <t>I feel like there isn't enough information presented as to how these performance levels are met or not. The students and parents could be given clearer guidelines on what the differences are between the levels and/or more commentary from the Teacher about what is required to make a certain standard.</t>
  </si>
  <si>
    <t>I don't think the proficiency scale is required in addition to letter grades and percentages. However, I'm only speaking from a parents point of view and perhaps there is a rationale for needing a 3rd scale to assess performance.</t>
  </si>
  <si>
    <t>Open communication regarding a students growth can only help foster ownership of their learning. It also opens a door to communication with a student based on what they feedback.</t>
  </si>
  <si>
    <t>I can't imagine why anyone would be against an inclusion policy. I would have hoped there wasn't a need for a policy to dictate such a practice and that as our school system this would be a given.</t>
  </si>
  <si>
    <t>I chose diversity on inclusion because if there are any gaps in this area, then this would be my priority over any of the others.</t>
  </si>
  <si>
    <t>Most parents don't even look at the report cards. I think frequent parent-teachers conference are more efficient and effective way to engage the parents in the learning process.  Formal reports are not as important as it use to be, everything is accessible online. Four formal reports are sufficient.</t>
  </si>
  <si>
    <t xml:space="preserve">Proficiency scale is an excellent way to report for earlier grades (grades 1-4). I believe there is too much ambiguity for parents on the proficiency scale versus a letter grade or percentage reporting. Letter grades and percentage reporting is universally understood by everyone.  </t>
  </si>
  <si>
    <t>Percentage reporting is sufficient. If this method of reporting is acceptable at grades 10-12, why not at grades 5-12. Instead of proficiency scale, I would recommend work habit should be  part of reporting. Work ethic is a big shortcoming of most kids in school and we need to formally emphasize...</t>
  </si>
  <si>
    <t>Proficiency scale is too ambiguous for reporting overall performance. I would encourage you to keep it status quo.</t>
  </si>
  <si>
    <t>Soon as you make this part of the report card, it looses it value. Student are not genuinely involved in the process. They are doing it for a grade on the report card. This should never be part of reporting but rather part of mindful of there learning.</t>
  </si>
  <si>
    <t>I think this will not change how we teach and assess students. The focus should on evolving teaching assessment and not the reporting. Proficiency scale does not provide any insight into overall performance. Proficiency scale any be used in informal and ongoing reporting but not in final reporting.</t>
  </si>
  <si>
    <t xml:space="preserve">It seems sufficient </t>
  </si>
  <si>
    <t>Seems to show what is needed</t>
  </si>
  <si>
    <t xml:space="preserve">Too much emphasis is put on grades. In order for universties to change, we need to change at the school level. </t>
  </si>
  <si>
    <t xml:space="preserve">In order for students to grow, they need to be in charge of their learning. </t>
  </si>
  <si>
    <t>Too many needs are not being met by the current ways of the system. By changing the reporting expectations, it will trickle down into daily learning.</t>
  </si>
  <si>
    <t>As far as I know my kids get 3 report cards per year, and I think that is satisfactory. I think five is too much. If there is an issue the teacher should talk directly to the parents.</t>
  </si>
  <si>
    <t>four levels are not enough and students need to know if they are failing rather sooner than later. And seriously, what does 'emerging' mean? sometime you have to name it in order to address it properly, and wrapping problems in nice words does not help anybody</t>
  </si>
  <si>
    <t>I think percentage is a good expression of evaluation and is what is used at universities. It prepares the student for university and allows a large range (1-100%)</t>
  </si>
  <si>
    <t>This is useless. Just stick to the percentage and use your common sense.</t>
  </si>
  <si>
    <t xml:space="preserve">I don't think students are capable of neutral self-assessment and it is rather a question of personality than real assessment. Often very good students underestimate themselves, while the not so good ones exaggerate their successes. </t>
  </si>
  <si>
    <t>I don't think that students are qualified to do a proper self assessment. This is just blabla and useless.</t>
  </si>
  <si>
    <t>I think we worry to much about students with abilities and never support the really bright students enough. Too much resources go to the lower 10% and nothing/very little to the top 10%</t>
  </si>
  <si>
    <t>It is important for students to know where they are standing. And I also think that percentages should be already used in middle school or earlier.</t>
  </si>
  <si>
    <t>A proficiency scale is not adequate for evaluation in grades 6 - 9. It needs to be more transparent with a letter grade and subsequent percentage needed to achieve for grade to be obtained.</t>
  </si>
  <si>
    <t>A proficiency scale is not adequate for evaluation. It needs to be more transparent with a letter grade and subsequent percentage needed to achieve for grade to be obtained.</t>
  </si>
  <si>
    <t xml:space="preserve">This does not speak to the semestered system. The lack of clarity that this document is providing leaves all teachers who work within a different system confused as to the expectations. Perhaps my reaction would be stronger if this was made clear. </t>
  </si>
  <si>
    <t xml:space="preserve">We are trading one method of assessing/grading for another. Has there been feedback from parent groups? Is this aligning with research and literature that investigates the impact of grading on young minds. Is this a meaningful change away from colonial structures of assessment or a token change? </t>
  </si>
  <si>
    <t xml:space="preserve">Same old same old. What is the point of making the changes at the k-9 level if not here? If we were to change the 10-12 to a proficiency scale how would we get post-secondary institutions on board. There also has to be time set aside to explain this change to students. </t>
  </si>
  <si>
    <t xml:space="preserve">This shouldn't even be entertained until a resolution with post-secondary institutions across Canada can be met. How can we expect students to apply and be accepted to institutions if their assessment isn't even valid in the eyes of the institutions. We cannot just consider BC but think nationally. </t>
  </si>
  <si>
    <t xml:space="preserve">Who is responsible for this at the secondary level? </t>
  </si>
  <si>
    <t>1st, 2nd and 3rd options</t>
  </si>
  <si>
    <t xml:space="preserve">This document is proposing a fragmented assessment system for students in BC that has no flow, room for adjustment between grades 9 and 10 and is unclear on its demands for secondary semestered teachers. </t>
  </si>
  <si>
    <t>I don't feel it would help students improve and see where they are going wrong.</t>
  </si>
  <si>
    <t xml:space="preserve">I think this would not at all help the kids. they need to know how they are doing, they need to know how they can improve for when things get harder in highschool. they need to get used to how things will be when they are older </t>
  </si>
  <si>
    <t xml:space="preserve">this helps students know how good or bad they are doing, they can see what parts of the course they are failing or doing good in. the percentages is a good way to show students this </t>
  </si>
  <si>
    <t xml:space="preserve">this keeps the oercent and letter grade scale but also introduces a new system that may or may not help </t>
  </si>
  <si>
    <t xml:space="preserve">in the past doings these have never actually helped me and I know a lot of people my age feel the same. every time we have to do these self assessments we all dread it and leave it to the last minute to put random stuff down </t>
  </si>
  <si>
    <t xml:space="preserve">Most kids when told to make goals just make up bullcrap instead of goals that they actually want to work towards, I feel like this doesn't actually help majority of kids </t>
  </si>
  <si>
    <t xml:space="preserve">everyone needs different things to help them proceed and get better </t>
  </si>
  <si>
    <t xml:space="preserve">This policy is not going to help anyone </t>
  </si>
  <si>
    <t>Reporting on all subjects individually is too much except in June. Formal written reports on LA; numeracy and student engagement in December or January and then more informal reporting on all subjects through out the year better suits reporting in real time. Plus 2 interview/student conferences.</t>
  </si>
  <si>
    <t>Subjects should be able to be combined when they are integrated into units. Separating each subject out is not realistic especially in younger grades.</t>
  </si>
  <si>
    <t>I don’t teach these grades so cannot answer</t>
  </si>
  <si>
    <t>Above answer</t>
  </si>
  <si>
    <t>We already do this. I wouldn’t want more to do</t>
  </si>
  <si>
    <t>Reporting on goal setting defeats the purpose.  Goal setting is not the end point.  It is a platform, an opportunity to develop, learn from and build skills that will help students take ownership over their personal and learning choices.  To start evaluating this would be a mistake.</t>
  </si>
  <si>
    <t>As a teacher this is insulting. I, we, already do this.</t>
  </si>
  <si>
    <t>My above answers speak to my reasons</t>
  </si>
  <si>
    <t xml:space="preserve">I believe it can influence students to commit to better learning outcomes. </t>
  </si>
  <si>
    <t xml:space="preserve">Another great way to keep students engaged in their performance. </t>
  </si>
  <si>
    <t xml:space="preserve">Yes. A great way to learn for students about how they compare provincial. 
</t>
  </si>
  <si>
    <t xml:space="preserve">Students can learn what steps to take to improve their results. </t>
  </si>
  <si>
    <t xml:space="preserve">A great help for students to see how they can accomplish their goals. </t>
  </si>
  <si>
    <t xml:space="preserve">Absolutely agree. Students should be awarded for all success they accomplish no matter the overall result. </t>
  </si>
  <si>
    <t xml:space="preserve">I believe that any steps taken to guarantee a strong start and continued growth in each school year for all Students, fast and slow learners, is welcoming. </t>
  </si>
  <si>
    <t>The amount of reporting is fine, but it will become too much under the new guidelines due to the new ways of reporting that are being proposed.</t>
  </si>
  <si>
    <t>The proficient scale is a more equitable way of reporting. The descriptive feedback is what worries me. How much description are we expected to do per student? We have 120 students per semester so a descriptive feedback will require extra work time. Are we going to get paid for that extra time?</t>
  </si>
  <si>
    <t xml:space="preserve">We need to choose one way of reporting. Are we doing proficiency scale, letter grades or percentages? If we are moving to a proficiency scale, what is the purpose for changing this to a percentage? it does not match the philosophy. </t>
  </si>
  <si>
    <t xml:space="preserve">This needs to be clarified if it is per course or per school year.  In a semester system, this would be very time consuming.  </t>
  </si>
  <si>
    <t xml:space="preserve">These standards are widely interpreted by teachers and parents do not always get a good sense of where their child is academically as they do not know how to interpret the meaning.  Waiting until Grade 10 to shift to letter grades is too late. </t>
  </si>
  <si>
    <t xml:space="preserve">Why are we shifting the reporting to satisfy the universities, rather than pressuring the universities to shift their acceptance practices to value the reporting theory of the school system?  If you want to overhaul the system, then the whole system should be included if this is based on research. </t>
  </si>
  <si>
    <t xml:space="preserve">I think letter grades and proficiency scales should be used, and percentages removed or replaced with levels like the AP (5 levels) or IB (7 levels). Percentages do not support holistic marking practices. </t>
  </si>
  <si>
    <t xml:space="preserve">Please do not make this a requirement for every subject, but incorporate it into particular courses like Careers. </t>
  </si>
  <si>
    <t xml:space="preserve">My concern is about students taking this seriously and not having accountability for meeting these goals. Which course will they set these goals?  Who will monitor their progress towards these goals?  </t>
  </si>
  <si>
    <t>Teachers need more in service and smaller class sizes to ensure that individual learning needs are met.</t>
  </si>
  <si>
    <t xml:space="preserve">Get rid of percentages in Grade 10-12 if you are getting rid of letter grades from K-9.    </t>
  </si>
  <si>
    <t>The use of the word "minimum" and the fuzzy language being used to describe the written reports.</t>
  </si>
  <si>
    <t>In a senester system, teachers would be spending an excessive amount of time writing reports. Time used for marking and course planning/prep would be eroded.</t>
  </si>
  <si>
    <t>The proposed frequency of reporting seems to suit elementary school and make sense for the 5th to be a summary of learning, However, this does not make sense for high school especially in a semester system.  A summary of learning at the end of the year - is that a report card with all courses?</t>
  </si>
  <si>
    <t xml:space="preserve">This seems better suited at an elementary school level but not for Grades 8 &amp; 9. A letter grade at least gives parents and students an indication of their ability to demonstrate their learning. The feedback would take hours to do for teachers with up to 120 -133 students in a semester.  </t>
  </si>
  <si>
    <t xml:space="preserve">Grades 10 -12 is the graduation program which is trying to prepare students for life after high school. Many students will go on to some sort of post-secondary institution.  Students (and parents and institutions) want a percent to indicate their level of understanding. </t>
  </si>
  <si>
    <t>No one will care.  The time required for a teacher to do this for 120 students in a semester would not be worth it.</t>
  </si>
  <si>
    <t>In Grades 8 - 12, who is responsible for reporting of this?  How is that going to be inputted so it can be reported? Where doe the time come from?</t>
  </si>
  <si>
    <t xml:space="preserve">In Grades 8 - 12, who is responsible for reporting of this?  How is that going to be inputted so it can be reported? Where doe the time come from? Are students going to see any value in taking this seriously? </t>
  </si>
  <si>
    <t>If this is important, why is there less money and time given to Learning Support Teams and Educational Assistants who do help students with disabilities and diverse abilities.  They also help teachers to be inclusive of the learners. Where is the time going to come from?</t>
  </si>
  <si>
    <t xml:space="preserve">Stop trying to use Elementary school ideas for High schools.  Just because they work in Elementary schools does not mean that is best practice in a High school. </t>
  </si>
  <si>
    <t xml:space="preserve">All teachers have been great when asked or emailed for additional reporting on the progress of my students. I feel like if I want more updates they are easy to acquire from my students' teachers. </t>
  </si>
  <si>
    <t xml:space="preserve">This evaluation of student progress has just further 'water down' academic rigor and expectations of our BC students. </t>
  </si>
  <si>
    <t>This form of evaluation should occur for all students in 'high school' grades (8-12)</t>
  </si>
  <si>
    <t>There is no point. What is wrong with letter grades and holding students to a higher standard.
Are you trying to stop student ranking or any sort of hierarchy of academic success because those that do not achieve as well 'get their feelings hurt?'</t>
  </si>
  <si>
    <t xml:space="preserve">Students don't care about this. It is a waste of time for the vast majority of my students and their friends. </t>
  </si>
  <si>
    <t xml:space="preserve">Students already do this. </t>
  </si>
  <si>
    <t>Doesn't this already occur?</t>
  </si>
  <si>
    <t xml:space="preserve">Stop 'water downing' educational requirements. Our student are capable of more. </t>
  </si>
  <si>
    <t xml:space="preserve">Graduation requirements have had a steady decrease in basic requirements since the 2000s. Time to up the rigor and expectations of our BC students to allow them to compete in an international job market. 
We are falling behind the rest of the world. </t>
  </si>
  <si>
    <t xml:space="preserve">The ranges of proficiency are too broad. It doesn’t provide motivation for a student to try for incremental improvement. In my experience they feel there is no point to try to improve their work because they will still likely be in the same part of the scale. </t>
  </si>
  <si>
    <t xml:space="preserve">As above, it can provide self motivation to improve one’s grade. </t>
  </si>
  <si>
    <t xml:space="preserve">Get rid of the proficiency scale. It is neither informative, nor helpful. </t>
  </si>
  <si>
    <t xml:space="preserve">The Proficiency scale seems to exist so students don’t feel bad about their grades. As a parent of 3 I can attest that all it serves to do is eliminate self-motivation from the equation. Kids need goals to strive for. </t>
  </si>
  <si>
    <t>I feel that this number of written reports is sufficient and spaced well enough throughout the year to be able to assess and ask for assistance if needed.</t>
  </si>
  <si>
    <t>I think this is helpful information and a great motivator for children in these grade levels, but that it also provides a point for discussion if improvement is needed.
It is generally something that has been an extra boost for my child on top of their mark and feedback.</t>
  </si>
  <si>
    <t>I am happy that this is included particularly when children are applying for universities and colleges, and other post secondary institutions, as this may make the difference in terms of admittance over other students applying.</t>
  </si>
  <si>
    <t>I am not decided on whether this adds to a students individual progress overall.</t>
  </si>
  <si>
    <t>This is important to make sure that students' assessments align with teacher feedback and also prepare them more for later in their work life.
I think it promotes ownership and responsibility as well as opportunities for improvement or adjustment by the student early on and throughout the year.</t>
  </si>
  <si>
    <t>As with the overall assessments, this is good training and a way to focus students on how they wish to do and prepares them for most of their decisions going forward in life.</t>
  </si>
  <si>
    <t>I think that this is also important as everyone has things to contribute and being mindful of the needs of others, when different from each other, is a good life lesson and promotes tolerance, patience and understanding. It also often allows for unique views to be shared amongst all students.</t>
  </si>
  <si>
    <t>As noted above in comments, I am not totally sure this is a true assessment of student performance or that it aids in an individual student's learning outcomes either way.</t>
  </si>
  <si>
    <t>This seems excessive. I would demand we be granted report card writing days where the students are not present.</t>
  </si>
  <si>
    <t>This is the same as the letter system (A, B,C, etc.) just with different wording. it is still a four point system.</t>
  </si>
  <si>
    <t>Grade 10 seems late to start this.</t>
  </si>
  <si>
    <t xml:space="preserve">We need a provincial standard for this reporting. Most schools do this as a last thing in June and it is not effective. It feels like it is just something to check off the list of things to do. </t>
  </si>
  <si>
    <t>This is good, but the curriculum is so dense and there are only so many hours in a learning day, and very little preparation time fo the teacher. I would suggest providing a province wide template teachers can use with their students, to not spend time creating a template themselves.</t>
  </si>
  <si>
    <t>Great, will you be providing more funding so we can hire more Education Assistants to help support learner diversity in the classroom? It is difficult for one individual to adapt such an assessment for 25+ individuals without help.</t>
  </si>
  <si>
    <t xml:space="preserve">Allotting more time to teachers to fill out assessments </t>
  </si>
  <si>
    <t>Writing these assessments for an entire classroom takes a lot of time. And teachers still have plan and deliver lessons. Teachers need allotted time to write these reports within their work hours (e.i: report card writing days with no students, NID day for report card writing).</t>
  </si>
  <si>
    <t>A written summary of learning at the end of the school year is overly burdensome for the teacher, especially when at the secondary level, a teacher may have up to 210 students. (I'm assuming that the report needs to be highly personalized.)</t>
  </si>
  <si>
    <t xml:space="preserve">When students leave grade 9, having used these codes over several years, I find that they are somewhat shocked to receive numerical scores, percentages, and letter grades. An APPLYING code, for example, can cover a wide range of achievement. </t>
  </si>
  <si>
    <t>This type of feedback is clearly understood by students and parents and provides more specific feedback.</t>
  </si>
  <si>
    <t>A student will be dealing with percentages and grades at post-secondary school and will need to be prepared for that.</t>
  </si>
  <si>
    <t xml:space="preserve">Students need a lot of guidance with such an activity. School staff will need to be shown how to offer this guidance in a meaningful way. While this is theoretically a very good exercise, I have found that students often do not put enough serious thought into a formalized self-assessment activity. </t>
  </si>
  <si>
    <t>This is a lot of work for the teacher, too much, in fact. Students need to be formally taught how to set goals, but will this take away from my trying to teach them the material in my curriculum?</t>
  </si>
  <si>
    <t>Teachers need time and support.</t>
  </si>
  <si>
    <t>The frequency remains the same; consequently, I am neutral on that point. However, the scope and detail of the reports, as outlined in the draft, appear to require significantly more time from teachers. Where will that time come from? I am already running out of evenings and weekends.</t>
  </si>
  <si>
    <t>I support the rationale of using the proficiency scale to reflect students progress, thereby lessening the "marks as currency" mindset. However, the draft outlines such significant and comprehensive reporting that I wonder where that time will come from, to create reports for over 200 students!</t>
  </si>
  <si>
    <t xml:space="preserve">This is where the rubber meets the road. As long as students move into grades that use letters and percentages, the shift to proficiency-based assessment will be incomplete. </t>
  </si>
  <si>
    <t>Still more work for teachers, and a mixed message to students and parents. Is it worth it to keep parallel records if grades and percentages are what the stakeholders are ultimately interested in?</t>
  </si>
  <si>
    <t>I agree with the rationale for this. However, I am concerned about the time involved in collecting, processing, and reporting out on this student-generated data.</t>
  </si>
  <si>
    <t xml:space="preserve">I agree with the rationale for this. However, I am concerned about the time involved in collecting, processing, and reporting out on this student-generated data. Once again, more and more is being asked of teachers, without the time to meaningfully handle it. </t>
  </si>
  <si>
    <t>I think we already do this in the secondary system. However, my reporting will continue to focus on the student's attainment of the learning standards of the course (within the context of their IEP), rather than on the attainment of the IEP objectives themselves (Resource can address this).</t>
  </si>
  <si>
    <t>scope and detail required in reporting</t>
  </si>
  <si>
    <t>As previously stated, I am concerned about the time required to create reports as comprehensive and detailed as what's outlined in the draft. Unless we are given enough time for the ongoing assessment and reporting expected, I cannot be satisfied. Why is this box so big if it cuts me off after a cou</t>
  </si>
  <si>
    <t>Reporting in a timely and consistent manner (every few months) gives students, parents, and educators a good look at how learning is going.</t>
  </si>
  <si>
    <t>The scale focuses on positive development, ranging from a start to a strong indication. The scale focuses on growth, however small the start. It's easy for kids to comprehend. (At my school we compare it to a seed developing into a strong plant.)</t>
  </si>
  <si>
    <t xml:space="preserve">Letter grades and percentages are more precise than categories (such as  emerging, developing, etc.), and for higher grades this is helpful. A score is typically based on the number of questions answered correctly, which is a direct correlation with understanding of a topic.  </t>
  </si>
  <si>
    <t>The proficiency scale is really a  'quick guide' to seeing how someone is doing with their learning. In addition to grades, this would be helpful to the student and parent.</t>
  </si>
  <si>
    <t xml:space="preserve">Self-assessment for younger students proves to be difficult. Young students are not strongly aware of 'how have I been doing working towards this or that goal?' Students often 'live in the moment' and reflecting on an extended period of time is very hard. They often say 'I don't know.'  </t>
  </si>
  <si>
    <t xml:space="preserve">Setting goals for younger grades takes a lot of time on the part of the teacher. It is difficult for young students to take ownership of consciously working towards and reflecting on goals. It is often the teacher that needs to point things out, and (in my opinion) it is no longer authentic then. </t>
  </si>
  <si>
    <t>Assessment needs to be diverse and inclusive. At my school we engage in student-led conferences, during which students show parents what they have been working on. Prior to the conferences, students meet with the teacher to create a script.</t>
  </si>
  <si>
    <t>Student self-assessment is time-consuming and often not authentic (students often need to be pointed out by the teacher or parent what their strengths and areas for growth are, and hence, because of this adult involvement, the assessment is no longer authentic in my opinion.</t>
  </si>
  <si>
    <t xml:space="preserve">It is already too much reporting. If parents are concerned they can contact the teacher. I find that parents rarely read the reports that teachers spend hours preparing anyway. </t>
  </si>
  <si>
    <t xml:space="preserve">I feel that the language is not clear enough to actually state if a student is not meeting expectations. The word emerging still makes it sound like they are able to complete the requirements. Also, grade7, 8 and 9 students should have actual letter grades. </t>
  </si>
  <si>
    <t xml:space="preserve">Students need to become comfortable with receiving actual letter grades. Unless post secondary moves away from letter grades, senior high school grades should also have letter grades so it isn’t a complete shock when they leave the public school system. </t>
  </si>
  <si>
    <t xml:space="preserve">This will become a huge increase of work load to teachers and most parents won’t even read them. </t>
  </si>
  <si>
    <t xml:space="preserve">Self assessment is a great tool for students do use to reflect on their learning and to grow. </t>
  </si>
  <si>
    <t xml:space="preserve">This would only work if the progress report is done by the students. Also, which teachers are responsible for facilitating this at the secondary level? These details matter. </t>
  </si>
  <si>
    <t xml:space="preserve">Is this not already happening? </t>
  </si>
  <si>
    <t xml:space="preserve">Way too much added to teacher work load for no real reason as most parents won’t read it. </t>
  </si>
  <si>
    <t>You need sufficient time between reporting periods to do adequate assessment.</t>
  </si>
  <si>
    <t>I like the range of assessment in younger children.   No quibbling between a 60 or a 75.</t>
  </si>
  <si>
    <t>Kids need to take responsibility for their learning.</t>
  </si>
  <si>
    <t>Is this realistic? Give it a try and see if it works. Some kids with major challenges may not be able to make suitable  goals.</t>
  </si>
  <si>
    <t xml:space="preserve">I've been through the system with my own two kids since 2004. Change is often good. Some teachers give extremely little feed back. I'm seeing too many students being dummied and passed forward with little or no support. </t>
  </si>
  <si>
    <t xml:space="preserve">Should be grade 7 to 12.  Not just 10 to 12. Too much is missed prior to grade 10. Again to many kids being dummied by poor policies </t>
  </si>
  <si>
    <t xml:space="preserve">Why ? These kids don't need to be wasting their focus and time on these weak exams. Allot of stress for poor results. </t>
  </si>
  <si>
    <t xml:space="preserve">About time terns are taught how to be accountable </t>
  </si>
  <si>
    <t xml:space="preserve">Not enough support in classrooms. Not near enough resources for these kids in rural areas. We need more in class help and support. As well as better resources that intrigue interest not archaic artifacts for resources. </t>
  </si>
  <si>
    <t xml:space="preserve">In high school the need to.practice goal setting toward their futures. Middle years need to learn and understand then practice healthy choices including goal setting. </t>
  </si>
  <si>
    <t xml:space="preserve">Already wrote an answer but not enough word count and timed out. So in brief - written summaries are a waste of time for the student, teacher and parent. Stop putting elem ideas into the Gr. 8-12 level. </t>
  </si>
  <si>
    <t xml:space="preserve">Proficiency scales are fine at the K-7 level, but lack relevance 8-12. I want to know that my child is PROFICIENT/COMPETENT when they complete a course in gr. 8-12. Emerging/Developing does not meet this standard. So what are your definitions of emerging/developing?  </t>
  </si>
  <si>
    <t xml:space="preserve">Letter grades &amp; %s are necessary in gr. 8-12 throughout the learning on assign's &amp; mid-term, course end report cards. This is the reality of the world. </t>
  </si>
  <si>
    <t xml:space="preserve">"option" &amp; "encouraging" are misleading words as are "emerging" &amp; "developing". Again elem idea into Gr 8-12. Especially for Gr. 10-12, there needs to be full competency which is the reality of the world. </t>
  </si>
  <si>
    <t xml:space="preserve">This is a waste of time. Reflection has to be authentic to be effective - students do it for themselves not for parent/report card. Reflections are seen as a hoop that is dismissed, resented &amp; causes more harm than good. Perhaps done 2x per year in general vs. every course on every report card. </t>
  </si>
  <si>
    <t>Again RIDICULOUS waste of time. Not authentic process. Instead set 1-2 goals at beginning of year, reflect on mid-year progress, but certainly NOT needed on the report card. Over 90% of kids don't know NOR should they be expected to know their career-goals.</t>
  </si>
  <si>
    <t xml:space="preserve">As a parent with a child who has an IEP this is a good idea, BUT our current system does not support this. It is again a RIDICULOUS expectation at the 8-12 level. Only possible for teachers who have a TOTAL of 30 kids. Impossible for a teacher to deliver and assess ~200 individual needs. </t>
  </si>
  <si>
    <t>ALL</t>
  </si>
  <si>
    <t xml:space="preserve">K-12 differs from 8-12: STOP putting elem ideas into 8-12. Simply learning STANDARDS should be met at the end of a course (meaning fully proficient) So emerging/developing are not passing levels. DEFINE your TERMS. Keep % throughout learning which captures level of proficiency more effectively. </t>
  </si>
  <si>
    <t>The frequency of reporting is reasonable if it is flexible. The question statement of reporting as an event is of concern!  The learning updates need to be timely, meaningful and ongoing - not locked into set times. The policy feels like a step backward to three report cards and two interims.</t>
  </si>
  <si>
    <t xml:space="preserve">Use of this scale is inclusive and allows for learning to be on a continuum extending infinitely out at either end. The four point scale provides a clearer indication of how a student is doing compared with a 100 point scale. </t>
  </si>
  <si>
    <t>We know percentages vary greatly for the same course between schools and within.  The Proficiency scale is far more equitable for indicating learning performance.  Our assessment should not be driven by post secondary.</t>
  </si>
  <si>
    <t>This is a step in the right direction. However, if we allow the option of continuing to use percentages and letter grades our assessment practices will likely be stalled at the secondary level.</t>
  </si>
  <si>
    <t>Goal setting and self reflection are important skills for students and will provide them greater ownership and responsibility over their learning.</t>
  </si>
  <si>
    <t>In the Grades 10-12, at a minimum, the proficiency scale need to be the stand for Learning Updates with no option for percentages and LG, otherwise our assessment practices will be stalled in secondary. This will also help in decolonizing aspects of our assessment practices.</t>
  </si>
  <si>
    <t>We are already doing this and it works well for K-9</t>
  </si>
  <si>
    <t>Why are we adding one more part to this? The scale can be used in classes to help determine a letter grade or percentage.</t>
  </si>
  <si>
    <t>This hugely subjective and may not be indicative of how students are actually doing in the core competencies.</t>
  </si>
  <si>
    <t>This will be indicated in marks that students have earned. Teachers can address this in classes but should not be included in reporting.</t>
  </si>
  <si>
    <t>I am insulted that this is even mentioned!! We do this!!!</t>
  </si>
  <si>
    <t>Post secondary requires percentages and letter grades.</t>
  </si>
  <si>
    <t>I think the proficiency scale is most useful in earlier grades, K-5. I think in  9-12 more traditional grades are best, and middle school (6-8) a combination of the two systems.</t>
  </si>
  <si>
    <t>This scale would become as arbitrary and demeaning as any scale used after a while.</t>
  </si>
  <si>
    <t>Redundancy and confusion to have two distinct reporting scales.</t>
  </si>
  <si>
    <t>Students would self-assess then teachers would report out on this as part of the reporting process? This is within the context of reporting to parents, so if students are self-assessing, wouldn't this just be a conversation between child (student) and parent?</t>
  </si>
  <si>
    <t>What is the curriculum for? or professional teacher autonomy?</t>
  </si>
  <si>
    <t>Simply insulting to imply this isn't already occurring</t>
  </si>
  <si>
    <t>cause i don’t like it</t>
  </si>
  <si>
    <t xml:space="preserve">do not ever do this it’s terrible </t>
  </si>
  <si>
    <t>nobody would read it</t>
  </si>
  <si>
    <t xml:space="preserve">it doesn’t reflect my learning or understanding </t>
  </si>
  <si>
    <t>it accurately reflects my learning and understanding</t>
  </si>
  <si>
    <t xml:space="preserve">the 4 point scale is not a good way of marking and is not as accurate as percentages
</t>
  </si>
  <si>
    <t>the student assessment is just completed because it is required</t>
  </si>
  <si>
    <t>nobody would remember their goals</t>
  </si>
  <si>
    <t>i don’t have an opinion</t>
  </si>
  <si>
    <t xml:space="preserve">the percentage and letter grades show where you are in learning </t>
  </si>
  <si>
    <t>a summary at the end of year is unnecessary. i would rather have a few little things pointed out throughout the year saying what i need to improve on.</t>
  </si>
  <si>
    <t>Letter grades and percentages are far more informative. the 4 point scale is just confusing and doesn’t help at all.</t>
  </si>
  <si>
    <t>i love letter grades
pls keep</t>
  </si>
  <si>
    <t>letter grades are good enough</t>
  </si>
  <si>
    <t>this does nothing for me and is just more unneeded work</t>
  </si>
  <si>
    <t>i could not care less</t>
  </si>
  <si>
    <t xml:space="preserve">it’s unnecessary </t>
  </si>
  <si>
    <t xml:space="preserve">I will not read it and and I think that the teacher should just tell me in class </t>
  </si>
  <si>
    <t xml:space="preserve">I understand my learning when it has a percentage rather than 1-4 because it is more specific </t>
  </si>
  <si>
    <t xml:space="preserve">I love letter and percentage because it is more specific to my learning and how I am doing </t>
  </si>
  <si>
    <t>I only want letter and %for grade 10-12</t>
  </si>
  <si>
    <t xml:space="preserve">I do not like self assessments it makes me feel uncomfortable </t>
  </si>
  <si>
    <t xml:space="preserve">Teachers should continue to control our learning </t>
  </si>
  <si>
    <t>The letter grade gives more info</t>
  </si>
  <si>
    <t xml:space="preserve">Again, it doesn’t tell you where you are accurately, I know from experience </t>
  </si>
  <si>
    <t xml:space="preserve">I like letter grades </t>
  </si>
  <si>
    <t>Letters are objectively better</t>
  </si>
  <si>
    <t>I know from experience that I don’t even use the core competencies for self reflection at all</t>
  </si>
  <si>
    <t>It should be up to the student to figure out their goals themselves</t>
  </si>
  <si>
    <t>Letter grades do this better</t>
  </si>
  <si>
    <t xml:space="preserve">Eradicate its existence </t>
  </si>
  <si>
    <t>4 point scale is objectively worse than let Ye r grades</t>
  </si>
  <si>
    <t>I have to rush in work to put in my report cards</t>
  </si>
  <si>
    <t>I don't think it is helpful or useful to other things</t>
  </si>
  <si>
    <t>I takes class time which makes decreased time for other work. In addition, I don't think it is helpful</t>
  </si>
  <si>
    <t xml:space="preserve">I think 5 is a good number of reports </t>
  </si>
  <si>
    <t xml:space="preserve">I think this scale is very un informative </t>
  </si>
  <si>
    <t>I believe that the letter grades and percentages are very helpful for me to understand my learning</t>
  </si>
  <si>
    <t>I think we should stick to just letter grades and percentages no need for 4 point scales</t>
  </si>
  <si>
    <t xml:space="preserve">I believe that the self assessment isn’t helpful personally </t>
  </si>
  <si>
    <t>I’m not sure</t>
  </si>
  <si>
    <t xml:space="preserve">I think what we do it pretty good </t>
  </si>
  <si>
    <t>They should stick with only 2 report 
It's the perfect amount</t>
  </si>
  <si>
    <t xml:space="preserve">This is a terrible idea it does not reflect students learning and growth
</t>
  </si>
  <si>
    <t xml:space="preserve">The letter scale is way better for expressing student growth and knowledge </t>
  </si>
  <si>
    <t>It should always stay letter grades because it really shows how it work and child's growth</t>
  </si>
  <si>
    <t>The core competencies are useless and don't show anything cause most students don't care or try</t>
  </si>
  <si>
    <t>Setting goals is always good it life</t>
  </si>
  <si>
    <t>There should always be things to help special ed kids with all help they need</t>
  </si>
  <si>
    <t>Should all be letter grades</t>
  </si>
  <si>
    <t xml:space="preserve">The written summaries will not be read and are counter productive </t>
  </si>
  <si>
    <t>The 4 point scale has too broad of categories to accurately describe where you are at in learning</t>
  </si>
  <si>
    <t>Having numbers for grades has a really broad scale and doesn’t accurately describe the specific level of learning</t>
  </si>
  <si>
    <t>The written surveys are not reflecting of the students growth because lying is always a factor. It just extends student egos to say how great they are without evidence</t>
  </si>
  <si>
    <t>It leads to dumb ideas, such as the 4 point scale</t>
  </si>
  <si>
    <t>Letters</t>
  </si>
  <si>
    <t>Numbers suck</t>
  </si>
  <si>
    <t xml:space="preserve">While the idea of reporting is good, that many reports for EVERY student is too much for high school teachers in a semester system.  I'd prefer to keep it at a progress, midterm and final report.  The teacher has the discretion to write interim reports for the few students not meeting expectations. </t>
  </si>
  <si>
    <t>I think this scale has some merit to assess skills and proficiency, but if you ask students and parents if they want a four point scale assessment, or a letter grade and % like grades 10 to 12 get - they want the latter.  I think that Grades 8-12 should be on % and letter grades.</t>
  </si>
  <si>
    <t xml:space="preserve">It gives the student a clear reflection of performance and standing within a course.  I do use the proficiency scale and there is APPLYING - there can be a low level applying 74% and a high level applying 84%, but the scale only shows APPLYING, the % better shows achievement level. </t>
  </si>
  <si>
    <t xml:space="preserve">Using proficiency scale would be the worst idea ever for grades 10-12, they need % to get into University and post secondary.  I think proficiency scales are fine for elementary students, but when marks count - numbers (and letter grades) matter. </t>
  </si>
  <si>
    <t>I think its good for students to self-assess.  I check in with students to see how they feel they are meeting the expectations of the course.</t>
  </si>
  <si>
    <t>Again, not a bad idea in principle but who is going to have to compare goals to outcomes, students or teachers??</t>
  </si>
  <si>
    <t>I think teachers do their best to accommodate a range of learning in their classrooms already.  If you are teaching math, and students can't add single digit numbers together in Math 10, should there be accountability for that?</t>
  </si>
  <si>
    <t>I think that the proposed framework has too much reporting.  If you teach secondary, and teach 200 different students over the course of 1 year, reporting 5 times for each student,  amounts to 1000+ reports.  Simply too much!! In semester schools, that is reporting once a month!!</t>
  </si>
  <si>
    <t xml:space="preserve">Written feedback is important but there is a disconnect between the amount of time/effort being put in by teachers and the value to students and families. </t>
  </si>
  <si>
    <t xml:space="preserve">This performance scale is more accurate and relevant at the elementary level than letter or number grades. </t>
  </si>
  <si>
    <t xml:space="preserve">It should be required throughout the school year but not for every reporting period. </t>
  </si>
  <si>
    <t xml:space="preserve">I think goal setting is valuable throughout the year and agree it should be included in reporting. However, it should not be required for every reporting period. </t>
  </si>
  <si>
    <t>There is no difference so I don't have an opinion</t>
  </si>
  <si>
    <t>These words are meaningless. My son failed 5 tests in a row (less than 50%) and somehow he was proficient.  I have heard from teachers that proficient can be 55-95%. Marking on a 4 point scale, gives you limited percentages. Not everyone fits in a 4 point scale.</t>
  </si>
  <si>
    <t xml:space="preserve">Yes, letter grades and percentages are great but should be used for grade 4 and up! </t>
  </si>
  <si>
    <t>Get rid of the proficiency scale! Students can only get 25, 50, 75, 100% It is very limiting and difficult to get good grades. Can only get an A if you get 100% many times to bring your 75% up to it. Those 25 and 50% marks kill your grade!</t>
  </si>
  <si>
    <t xml:space="preserve">This is such a waste of time. My children just put what their teachers want them to put or they mark themselves lower. It would be embarrassing to say they are doing well but the teacher says they aren't so they write that they aren't working hard and then happy when the teacher says there are. </t>
  </si>
  <si>
    <t xml:space="preserve">Only appropriate for intermediate and high school students. </t>
  </si>
  <si>
    <t>It doesn't tell the parents how their child is doing. It's actually the competencies that are ambiguous and meaningless. No one knows what they mean. Please go back to the old reporting system with curriculum outcomes! Those were English and easy to understand by parents.</t>
  </si>
  <si>
    <t>I would prefer more specific learning rather than the teacher providing basically a 4-choice multiple choice type report card with 1 sentence at the end.  The feedback is minimal.  Student led conferences are a joke with the teacher doing nothing.</t>
  </si>
  <si>
    <t>Letter grades should start in grade 8 or 9.</t>
  </si>
  <si>
    <t>I see the Provincial Proficiency Scale to be lacking in any feedback.   A direct grade and custom written feedback is far more preferred.  The difference of a student scoring in the "proficient" quartile, would roughly be equivalent to a students mark between 50 to 75%, or a B+ to a D.</t>
  </si>
  <si>
    <t>The more students are included in the feedback the better it is.  Learning should be a partnership between students, teachers, and the parents.. and not viewed as the student vs. everyone else.  I like this idea.</t>
  </si>
  <si>
    <t>This is the way things operate at multiple businesses I assist.. they have to set goals and meet these conditions for funding or assistance and helps with accountability</t>
  </si>
  <si>
    <t>I think students should be placed in the best opportunity to learn on meritocracy.  If that means changing classes, or moving up or down a student in their grade that gives them the best chance.  As soon as "feeling and inclusion" start to enter this, it doesn't "bring up" the person having issues.</t>
  </si>
  <si>
    <t>The most important aspect of someone going to school is learning and meeting a level required for employment afterwards.  The Proficiency Scale doesn't give specifics enough to help.  As a business, a "proficient" student can be from 50-75% in a range, and I view them all as 50% to mitigate risk.</t>
  </si>
  <si>
    <t>reasons for my choice above would be the developing applying and extending grading doesn't give us a deep understanding to our learning and could be very confused by this choice of grading. in my opinion the other grading format provides us with high in-tell. KEEP THE A,B,C'S!!!!!!!</t>
  </si>
  <si>
    <t xml:space="preserve">my reason is that why are you changing all the grading systems from the ones we know </t>
  </si>
  <si>
    <t xml:space="preserve">that would make the most sense but why don't grades 8 and 9 get to have percentage grades even k-7 should have percentage grades to they are getting to know the really grading system </t>
  </si>
  <si>
    <t xml:space="preserve">no comment </t>
  </si>
  <si>
    <t xml:space="preserve">why stress us out </t>
  </si>
  <si>
    <t xml:space="preserve">yes goals are important </t>
  </si>
  <si>
    <t xml:space="preserve">as you said this is the grading format colleges as university use so why change our grading format now just to go back to it in the future </t>
  </si>
  <si>
    <t>We teach a lot of students at the high school level and lots of comments will take a lot of time for them to valuable feedback for our learners. Unless we had prep time to fill them out.</t>
  </si>
  <si>
    <t xml:space="preserve">Not enough differentiation. In other words, more levels, maybe 9 different grades. </t>
  </si>
  <si>
    <t xml:space="preserve">Good for students who wish to continue to university. </t>
  </si>
  <si>
    <t xml:space="preserve">I don't understand why there is a proposed change for student reporting at the secondary level that doesn't match up with the universities' style of reporting. It doesn't make sense </t>
  </si>
  <si>
    <t>Teachers are already communicating student learning in a number of ways, including live, on-line reporting on MyEd.  The focus should be more on authentic communication of learning, and less on just adding more communication dates or formal reports that will simply add to the workload of teachers.</t>
  </si>
  <si>
    <t>The descriptors are flawed and vague.  Emerging is meant to be meeting outcomes at minimal levels, yet the descriptors match what we have previously considered not meeting expectations in the past.  There are no exemplars for teachers to use to anchor their understanding of these levels.</t>
  </si>
  <si>
    <t xml:space="preserve">Allows for more accurate reporting of where students sit in their abilities.  Only letter grades are necessary for this - percentages are flawed.  A 6-point scale in the areas of reading and writing would be better than percentages. </t>
  </si>
  <si>
    <t>As long as it remains the teacher's autonomy to use the proficiency scale alongside letter grades and percentages.  Sometimes a proficient is an A if you get all the answers right.  Extending has a different expectation.  Unclear for post-secondary.  Needs to remain concrete.</t>
  </si>
  <si>
    <t>What will this look like?  This should be the student's responsibility.  Not a teacher-assessed element.  Some students do not value this or do not apply the descriptors accurately out of choice or ignorance, in spite of it being part of most courses today.</t>
  </si>
  <si>
    <t>Is this in every course? Whose responsibility is it to ensure that students do this.  Will there be a consequence for not completing?  Students are still learning the intrinsic value of education and some do not reach a level of understanding before they graduate.</t>
  </si>
  <si>
    <t>What does this mean?  This is vague.  Of course this should be what all educators are doing, but there are too few supports in our classrooms to meet the individual needs of all learners in the way we would like.  The range in ability in the classroom is problematic.  Will we have more support?</t>
  </si>
  <si>
    <t>Adding to the workload of teachers without giving the appropriate time to provide authentic reporting is a wasted endeavor.  Give secondary teachers release time to provide authentic reporting of up to 196 students instead of telling them to do more inauthentic reports in survival mode.</t>
  </si>
  <si>
    <t>Letter grading and percentages should be introduced before grade 10</t>
  </si>
  <si>
    <t>The number of reporting periods is fine - but we should have more for the "at risk" students.</t>
  </si>
  <si>
    <t>I previously taught elementary.  I am familiar with this system and most importantly parents and students understand it.</t>
  </si>
  <si>
    <t xml:space="preserve">I am not a big fan of percentages.  They are seen by parents and universities as definitive, but they are arbitrary.  Some teachers are better at writing exams than others  Some teachers are better at assessing than others.
</t>
  </si>
  <si>
    <t>I do like that there is carry over.</t>
  </si>
  <si>
    <t>Depending upon the responsibility of the students and their level of self awareness.</t>
  </si>
  <si>
    <t xml:space="preserve">I like the idea, just concerned about how it will be executed by teachers and students.
</t>
  </si>
  <si>
    <t xml:space="preserve">This is important - why it has not always been the case is an important question.
</t>
  </si>
  <si>
    <t xml:space="preserve">As I stated earlier, percentages are arbitrary.  One teacher may have the opinion a student is at an 86 percent another teacher may think the student is an 84%.  This could play a huge role in university admissions.
</t>
  </si>
  <si>
    <t>Elementary student has a dashboard to see ongoing progress.  High school student - gets email introductions, reporting and paper reporting of progress.</t>
  </si>
  <si>
    <t>Yes to grades.</t>
  </si>
  <si>
    <t xml:space="preserve">Using both would ensure dual framework for assessment and grading.
</t>
  </si>
  <si>
    <t xml:space="preserve">How will students know if they are ready for the next level. No one will know where they stand </t>
  </si>
  <si>
    <t>Parents are looking for official report cards. Points of progress are unclear, labor intensive and often not received by parents.  Report cards are received.</t>
  </si>
  <si>
    <t>I am happy that we no longer have letter grades. Students and parents just insert the proficiency scale in place of letter grades (ie. proficient means a B or C+). I would much rather see the removal of any such scale and let us write quality comments.</t>
  </si>
  <si>
    <t>If we are going to recognize the the wide diversity of student needs we should also be able to include the supports for those students. In many cases those supports no longer exist and are glaringly missing.</t>
  </si>
  <si>
    <t>The new reporting requires increase workload on already exhausted teachers.
Get rid of the proficiency scale as well. It is vague and means very little to students and parents. Quality comments mean something.</t>
  </si>
  <si>
    <t>Four learning reports and a summary of learning with two being written is excessive.  Teachers would be creating a report card every 6 weeks to be able to produce 5 report cards.  We would also need to have time for the parent responses and meetings.  Excessive.</t>
  </si>
  <si>
    <t xml:space="preserve">I feel that descriptive feedback is important but I do not agree that the proficiency scale gives as much information as grades in percentages.  The proficiency scale is also difficult to create effectively for all subjects using the curricular competencies and content.  </t>
  </si>
  <si>
    <t>I feel that percentages are the best for showing how proficient a student is at the content and competencies.</t>
  </si>
  <si>
    <t>This seems extremely excessive.</t>
  </si>
  <si>
    <t>Including the student's self-reflection on the official documents will not really keep the students mindful of their growth.  Many students (especially middle school students) are not thinking about their core competency development.  They actually hate doing the core competency reflections.</t>
  </si>
  <si>
    <t xml:space="preserve">The student goal setting does not have to be on the official reporting document.  It is important but does not need to be immortalized on the report cards. </t>
  </si>
  <si>
    <t>All students should be assessed.</t>
  </si>
  <si>
    <t>The number of reports is excessive.  I also do not agree that the proficiency scale is the best way to show student growth and achievement.</t>
  </si>
  <si>
    <t>Wish there was more 1:1 help.</t>
  </si>
  <si>
    <t>Wish there was more about bulling in middle schools</t>
  </si>
  <si>
    <t>I think the idea of 3 formal and 2 informal reports. I think it keeps a good communication with parents throughout the year</t>
  </si>
  <si>
    <t xml:space="preserve">I really like this scale for Grade 1-9 but I just don't think this language works for Kindergarten or at least not for all 8 subject areas. </t>
  </si>
  <si>
    <t>I would eventually like to see the proficiency scale used in Grade 10-12</t>
  </si>
  <si>
    <t xml:space="preserve">I don't think it works well to use both the proficiency scale and letter grades, they are 2 totally different ways of assessing students' learning. </t>
  </si>
  <si>
    <t>Having to assess all students based on grade level expectations on a proficiency scale is not realistic for students on highly adapted IEPs. Students with IEPs should be assessed based on their IEP goals not widely held grade level expectations.</t>
  </si>
  <si>
    <t>Assessing all 8 subject areas and comment</t>
  </si>
  <si>
    <t xml:space="preserve"> This is not how we teach. We are teaching cross curricular units that incorporate all subject areas and core competencies. Feedback and assessment is given as a whole not based on individual subject areas. I would have preferred to see a focus on literacy and numeracy in first and second term </t>
  </si>
  <si>
    <t>I would prefer to do 2 written reports and 3 conferences. More can be said in an interview than what can be written in a report card. Report cards are not truthful as the word always have to be sugar coated and sandwiched. Reports cards are updated by the time they are sent home.</t>
  </si>
  <si>
    <t xml:space="preserve">Ambigulous terminally. Unless parens are well educated they do understand what these words mean. </t>
  </si>
  <si>
    <t>yes, letter grades and percentages are very clear and understandable. Should be for all grade 4 and up.</t>
  </si>
  <si>
    <t xml:space="preserve">Don't need this. Marking on a 4 point scale is very limiting and not fair to the student. </t>
  </si>
  <si>
    <t xml:space="preserve">Such a waste of time, especially in primary. They all put exceeding as they have the ability to sell assess. Obviously its not important as I was told to recycle a students self assessment when they did not pick it up at the end of the school. If it had value, it would have been put in their files. </t>
  </si>
  <si>
    <t>This is very time consuming but I can see the importance. More time should be given to teachers to write report cards.</t>
  </si>
  <si>
    <t xml:space="preserve">Too time consuming and they have very little meaning to parents. Report cards are such a waste of time with. every subject needing an individual comment. Lets go back to check marks! </t>
  </si>
  <si>
    <t xml:space="preserve">Providing comments on all subjects, 5x/year, esp for intermediate grades (12 subjects), will drive teaches away from meaningful, individualized feedback and to meaningless comment banks.  Due to lack of funding I currently spend 80% of my day offering counselling support.  Reports happen... when? </t>
  </si>
  <si>
    <t xml:space="preserve">If the scale made the third option active (instead of Proficient, Applying), I would be more in favor.  I would be even more in favor of a scale that allowed for precise placement on the continuum, so as to further avoid just a transference of an A. B. C. C- mentality to four renamed boxes.  </t>
  </si>
  <si>
    <t xml:space="preserve">Asking teachers to do both - Proficiency Scale AND letter Grades - completely invalidates the meaning of the proficiency scale and encourages parents and students to view the scale as A, B, C, C- just renamed. </t>
  </si>
  <si>
    <t xml:space="preserve">Please come into my classroom and tell me how and went to find the time to do this in a meaningful way several times during the year while also providing free counselling and LSS support due to lack of funding - and teach and report on 11 subjects.  </t>
  </si>
  <si>
    <t>Unless the province is able to dramatically increase funding for counselling support and LSS support, and to recognize that most needs as not designated and therefore are not visible in budgets, it is highly unrealistic to think we can meet this goal.</t>
  </si>
  <si>
    <t xml:space="preserve">stop calling them reports.  We should be emphasizing that this is communicating student learning.  I like the format of 2 written reports, but the first one should NOT include ALL areas of learning; rather it should focus on numeracy, literacy and social-emotional aspects only.  </t>
  </si>
  <si>
    <t>works well</t>
  </si>
  <si>
    <t>we need to shift the policy AWAY from letter grades and percentages for secondary students.  Letter grades and percentages is an outdated framework for communicating student learning.  This will force post secondary institutions to shift as well.</t>
  </si>
  <si>
    <t>Do not leave the door open for including letter grades and percentages.  It is backwards thinking.</t>
  </si>
  <si>
    <t>this needs to be further emphasized</t>
  </si>
  <si>
    <t xml:space="preserve">Four times a year seems like enough extra work for teachers and administration. </t>
  </si>
  <si>
    <t xml:space="preserve">I like it better than the letter grade system that was used when I was in school. </t>
  </si>
  <si>
    <t xml:space="preserve">I understand that it needs to be done to fit into the existing system but grade 10 becomes very stressful. </t>
  </si>
  <si>
    <t xml:space="preserve">It still gives you more insight into your child’s overall development in each subject. Grades don’t do that. </t>
  </si>
  <si>
    <t xml:space="preserve">It helps the child feel more invested and also helps them hold some accountability for their learning. </t>
  </si>
  <si>
    <t xml:space="preserve">Same reasoning as my previous answer. </t>
  </si>
  <si>
    <t xml:space="preserve">I can hardly believe that this needs to be said but I’m glad it has been. The fact that this is one of the questions shows us that we have more work to do on inclusion and equality. </t>
  </si>
  <si>
    <t>The timeline given for the first report is unrealistic for high school. It’s hard to know what to say that’s meaningful about students 25% into a course. Furthermore, how would we report on students that transfer in after the first week. Will there be any accommodations regarding reporting?</t>
  </si>
  <si>
    <t>We see a lot of potential in using a provincial proficiency scale and Standards Based Reporting in general. The options and language about communicating student progress offer a lot of potential and facilitates more holistic learning, not just getting into post-secondary (which many students may not</t>
  </si>
  <si>
    <t>We feel that the proficiency scale should be mandatory for K-12, not just for K-9. Allowing letter grades for grades 10-12 defeats the purpose of making the shift to a proficiency scale. Post-secondary institutions need to start making a shift in their assessment too.</t>
  </si>
  <si>
    <t>Descriptive feedback is undeniably valuable. But, requiring it in high school is a huge undertaking. Secondary teachers have up to 120 students a semester. How is it possible for me to write meaningful feedback for all? Are we getting more time to do this? It seems that this is going to add stress</t>
  </si>
  <si>
    <t>Has to be meaningful to parents.  Not worth it if it doesn't make sense to the common person, or if the information isn't getting home.</t>
  </si>
  <si>
    <t>Do NOT agree with the words chosen.  Do NOT believe the words are useful to all learning areas in school.  Parents do not understand the language.  Should be at least a 5 point scale.</t>
  </si>
  <si>
    <t>Makes sense for students and teachers.  Make sense to post secondary institutions.</t>
  </si>
  <si>
    <t>Not necessary.  Teachers are already communicating proficiency through letter grades.  The information is there.  Comments are already being used where proficiency comments are always given by teachers.</t>
  </si>
  <si>
    <t>Teachers need TIME to do this effectively.  Not just another thing to do.  Time to teach students what these mean.  I don't think most parents even understand the core competencies.  Who is teaching them?</t>
  </si>
  <si>
    <t xml:space="preserve">Again.  Time and realism.  Get into a class so see how this fits in?  Does it?  When? How?  Teach is to the home.  Use language that common people (outside the education system) can understand.  </t>
  </si>
  <si>
    <t>I hope all teachers are already doing this.  I think we are.</t>
  </si>
  <si>
    <t>Letter Grades and Percentages SHOULD be a requirement in Grades 10-12 reporting.</t>
  </si>
  <si>
    <t>same as before, make logical sense with the concept of semester school years.    My main concern is that there needs to be a written summary of learning at the end of semester one, for semester schools.  This needs to be include and there needs to have time given to finish the summary.</t>
  </si>
  <si>
    <t>Most students are extrinsically motived and want the external validation of their achievement.  Proficiency scale lessens the importance of the content, which in my courses is just as important as the competencies.  A lot of parents do not understand how to interpret a scale focused report card.</t>
  </si>
  <si>
    <t>Letter grades, with descriptive feedback, is the best way for students and parents to understand the student's strengths and weaknesses.  This is the best way to inform people about student performance in relations to the core competencies, curricular competencies, and content learning standards.</t>
  </si>
  <si>
    <t xml:space="preserve">Trying to integrate student assessment into reports does not work as the time to create and insert these assessments is to long for the time given to teachers to complete report cards.  Most students do not take self assessments seriously and are not valid representation of their learning. </t>
  </si>
  <si>
    <t xml:space="preserve">Most students do not take self assessments seriously and are not valid representation of their learning. </t>
  </si>
  <si>
    <t>About time</t>
  </si>
  <si>
    <t>Grade 9s are part of secondary school and should be included in the Grade 10-12 reporting - should be Grade 9-12 reporting.</t>
  </si>
  <si>
    <t xml:space="preserve">Written summary of learning for 210 students is a massive increase in workload. </t>
  </si>
  <si>
    <t xml:space="preserve">Not a significant change from the status quo, but may mislead parents. </t>
  </si>
  <si>
    <t xml:space="preserve">They already get percentages.  The letter grade will be meaningless. </t>
  </si>
  <si>
    <t xml:space="preserve">Adding another layer serves no purpose. </t>
  </si>
  <si>
    <t xml:space="preserve">They already do this. </t>
  </si>
  <si>
    <t xml:space="preserve">Great if they actually do it. </t>
  </si>
  <si>
    <t xml:space="preserve">We already try to do this but it can always be improved. </t>
  </si>
  <si>
    <t xml:space="preserve">Too many scales already. </t>
  </si>
  <si>
    <t>Change all of the above</t>
  </si>
  <si>
    <t xml:space="preserve">This is unattainable for a Gr 8 - 12 high school teacher who has about 200 students. It is also a lot of unnecessary information versus articulate succinct assessment reporting. </t>
  </si>
  <si>
    <t xml:space="preserve">While this may work for K-7, Gr. 8 &amp; 9 students need and want more accurate reporting on authentic proficiency meaning how well they are performing in their competency. The wording "emerging" &amp; "developing does not effectively reflect competency which is what the "successful" standard should be. </t>
  </si>
  <si>
    <t xml:space="preserve">There definitely should be both %s and letter grades at the Gr. 10-12 level. HOWEVER, these hold NO meaning without a connection to the proficiencies meaning % and letter grades should be reported throughout the course and on all assignments or else how do you know the standard for success? </t>
  </si>
  <si>
    <t xml:space="preserve">The "optional" and "encouraging" is wishy-washy and ineffective. Again as stated above there needs to be a connection between letter gr/% and how that is relevant to proficiency. Is proficiency 50% as the standard for success in a course? The proposal is inconsistent and ill considered. </t>
  </si>
  <si>
    <t xml:space="preserve">Busy &amp; inauthentic work for students! By gr 10-12 this should be more naturally considered. Do a competency self-assessment once a year &amp; it certainly should NOT be reported to parents -who is the self-assessment really for in this case. High school students should be indep learners by this point . </t>
  </si>
  <si>
    <t>Again a redundant ineffective task for students. They disengage &amp; see through this inauthentic work. Set a goal at the beginning of their school year and do an inform reflection part way through the year. It is NOT student ownership if they are writing for their parents on their report card!!!</t>
  </si>
  <si>
    <t xml:space="preserve">Again completely UNATTAINABLE for a gr 8 - 12 teacher with 7 classes of 30 students!! Thats 210 students!!! This is addressed with IEPs and adaptations with consultation of support learning teachers. </t>
  </si>
  <si>
    <t xml:space="preserve">This proposal takes elem philosophy &amp; blankets it over K-12 yet then tries to suggest indiv learning needs. It is hypocritical &amp; ill considered. The unnecessary &amp; inauthentic reporting doesn't communicate effective learning standards &amp; levels to parents nor inform for meaningful student growth. </t>
  </si>
  <si>
    <t>I feel we provide adequate feedback to parents
teacher already have so much on their plates we do not need more work</t>
  </si>
  <si>
    <t xml:space="preserve">My kindergarten students are not ready for this yet
They are unaware of the concept of time as it is not taught until later grades
</t>
  </si>
  <si>
    <t>Yes we need to support all learner types but to do all our students justice we need more funding for smaller classes and more EA time</t>
  </si>
  <si>
    <t>We should be shifting to portfolios, so having 2 written reports is unnecessary if portfolio requirements are put in place in a way that support communication of students learning and next steps through the year. I agree with the summary of learning at the end of the school year.</t>
  </si>
  <si>
    <t xml:space="preserve">I believe that parents and some teachers still don't understand "extending" as a concept. Clear criteria and descriptor, especially in French, need to be provided and an information session should be held by the Ministry of Ed for parents. </t>
  </si>
  <si>
    <t xml:space="preserve">This should be a K to 16 conversation so that Post-secondary institutions are making the same changes that we are in primary schools to have a continuation of meaningful assessment practices. We should be collaborating through the years all the way to University. </t>
  </si>
  <si>
    <t xml:space="preserve">I believe that having a self-assessement is good as long as there are proofs of learning collected throughout the school year for student to reflect on their growth. Having a portfolio is a meaningful way of having these self-assessments done and connected to curriculum learning. </t>
  </si>
  <si>
    <t xml:space="preserve">What supports and tools will be put in place for teachers and students in kindergarten and grade 1?Will there be a ministry of ed example. Right now, with school districts all doing their own thing, some of us have really bad examples, or some that require lots more work than others. </t>
  </si>
  <si>
    <t>This is so important. However, I am worried about the lack of support and ressources to support students and teachers in this goal. More money will have to be given to support teachers through training.</t>
  </si>
  <si>
    <t xml:space="preserve">I want to see us move to a portfolio continuous learning communication that shows progress over time instead of 4 informal and written reports + a summary at the end. </t>
  </si>
  <si>
    <t>I wish that I could know in advance that our students need more support and get better communication regarding their progress.</t>
  </si>
  <si>
    <t xml:space="preserve">It's a really vague way to indicate how a student is progressing. </t>
  </si>
  <si>
    <t xml:space="preserve">Documents leave room for too much error and bias. Daily observation, intervention, communication, is what’s needed. Not more paperwork. Meeting children where they are at, meaningful conversations, teachable moments and teaching the whole child (emotional, physical, spiritual (FN), intellectual). </t>
  </si>
  <si>
    <t xml:space="preserve">More emphasis on verbal communication with parents. These proficient scales are user friendly and easily allow parents to know where their child stands in each subject. </t>
  </si>
  <si>
    <t>If universities are using letter grades, it seems that we should prepare teens for this.</t>
  </si>
  <si>
    <t>For some students, letter grades may not be the best way to show support and help them become life long learners.</t>
  </si>
  <si>
    <t>Students start to take responsibility for their progress. More student led assessment is best.</t>
  </si>
  <si>
    <t>This is tough for some students who have other issues. It’s hard to set goals when you are hungry, lonely, abused, depressed, sad, angry, isolated….etc. This creates more feelings of failure.</t>
  </si>
  <si>
    <t>Not enough support for these learners is provided. Support workers jumping around all over the place, autistic children left alone, minimal help, ADD, ADST, Fetal Alcohol, etc. It’s embarrassing how this is called ‘inclusion’. It’s not inclusion: it’s lets pretend it’s inclusion. Not enough help.</t>
  </si>
  <si>
    <t xml:space="preserve">We need more help within the classroom, especially in primary. We don’t need more workload, doing meaningless and useless paperwork. Government keeps asking for more and more data that is not relevant to the life of the student, nor does it demonstrate compassion. It’s exclusive. It’s hurtful. </t>
  </si>
  <si>
    <t>To give authentic and accurate information about student learning teachers need time to prepare and to communicate. The current early 2-hour dismissal for goal-setting conferences doesn't approach the time teachers need.</t>
  </si>
  <si>
    <t>It provides a platform for authentic reporting as well as being student centered.</t>
  </si>
  <si>
    <t>Students and families have a difficult time accepting the validity of the proficiency scale in early grades due to the eventual usage of letter grades. It keeps students in a competitive mindset in their early learning and affects intrinsic motivation.</t>
  </si>
  <si>
    <t>Same as for early grades.</t>
  </si>
  <si>
    <t>Students need to develop intrinsic motivation early in their lives to sustain them through adulthood and employment.</t>
  </si>
  <si>
    <t>It helps students know themselves which develops intrinsic motivation, offers a clearer path to success and helps maintain mental health.</t>
  </si>
  <si>
    <t>Student centred learning makes it possible to be more inclusive. It's one of its strengths.</t>
  </si>
  <si>
    <t>i think a minimum is required to ensure information is shared.  in most instances communication/sharing is more often than just that.</t>
  </si>
  <si>
    <t>The process of deciding on the wording is always an issue.  i think the work will come with ensuring understanding of the scale and consistent use throughout.  exemplars are always a bonus.</t>
  </si>
  <si>
    <t>This is a tough culture to change but it is too bad that folks believe the percentages are an exact science.  the richness will come from the descriptive feedback and ongoing communication with families</t>
  </si>
  <si>
    <t xml:space="preserve">i am not certain there is a place for comparison of the scale with that of percentages.  it does defeat the purpose
</t>
  </si>
  <si>
    <t>The more students are involved in their learning and goal setting the more ownership they will have.  we want students who are able to advocate for themselves.</t>
  </si>
  <si>
    <t>seeing growth and an ability to see the direction of all their efforts</t>
  </si>
  <si>
    <t>Understanding that all students have goals some specified in IEP's and reporting should be linked to the progress on those goals</t>
  </si>
  <si>
    <t>Not necessarily the frequency but the requirement to report with a system (Ie MyEd ) for consistency and data collection reasons</t>
  </si>
  <si>
    <t>I teach kindergarten, I don't think they should be clumped in with K-9. The scale cannot be the same for all of these grades, they should be unique to each grade and cater to the learning needs for each grade.</t>
  </si>
  <si>
    <t>I think we are moving beyond the need for letter grades and percentages. We spend a lot of time and energy in the early grades telling parents that this is not what student performance is about, that it should be student centred, grades and percentages do not reflect this.</t>
  </si>
  <si>
    <t>This is in conflict with percentages and grades. Students don't take this seriously if they no that it actually means nothing in the end, they're just going to get a grade and percentage.</t>
  </si>
  <si>
    <t>I'm not sure this new reporting system shows how it is going to meet the needs of diverse learners.</t>
  </si>
  <si>
    <t>This is too broad of an age range.</t>
  </si>
  <si>
    <t xml:space="preserve">Provides enough information as to how the children are doing. If there are concerns, teachers contact parents to let them know about their child's learning.
</t>
  </si>
  <si>
    <t xml:space="preserve">Highschool should be different as children are getting ready to go into University, Trades, or Colleges. </t>
  </si>
  <si>
    <t>Student goals are fluid and can change often or still need to require the same goal depending on the child's learning. Mandating student goals to be reported on isn't necessary to see growth in their learning.</t>
  </si>
  <si>
    <t>Where is the support to allow this to happen? Clearly the government has not been to elementary, especially primary classes in awhile to see how children are not properly supportive with inclusion. Disruptive behaivours affect all learners.</t>
  </si>
  <si>
    <t xml:space="preserve">This system is too subjective and doesn't relate to high school or post secondary </t>
  </si>
  <si>
    <t>just no</t>
  </si>
  <si>
    <t xml:space="preserve">I don't remeber doing anything like any of those ever </t>
  </si>
  <si>
    <t xml:space="preserve">The four point things was always one of the many things I dreaded and I hated it. It doesn't show anyone's learning at all </t>
  </si>
  <si>
    <t xml:space="preserve">I don't care that much </t>
  </si>
  <si>
    <t>Never even heard of that being a thing</t>
  </si>
  <si>
    <t>Hate the core competencies with a fire passion</t>
  </si>
  <si>
    <t>It would be better if I actually ever achieved the goals I set but it's cool I guess</t>
  </si>
  <si>
    <t xml:space="preserve">The written learning updates will require more time to produce than current report card expectations. Without more time given to teachers and some clear examples of what we would be expected to produce, this would end up being an unreasonable amount of work. </t>
  </si>
  <si>
    <t xml:space="preserve">I have no problem using proficiency scales but the written descriptive feedback takes more time. Teachers should be given time to do this. </t>
  </si>
  <si>
    <t>There does not seem to be a clear understanding of what to do with the core competencies. Yes, we all understand that these are the things that students should be working on throughout their schooling but how to implement these reflections meaningfully?</t>
  </si>
  <si>
    <t xml:space="preserve">I am all for goal setting and encourage my students to do so but who would be required to track, document and report the progress? </t>
  </si>
  <si>
    <t>Where is the money for this? Things that would help support all learners, like access to audio books need funds. Will there be time/help to allow teachers to adapt courses?</t>
  </si>
  <si>
    <t xml:space="preserve">Have the student goal setting and Core Competency self-assessment 2 times per year, not at all written learning updates and summary of learning
</t>
  </si>
  <si>
    <t>Please revise the entire document. How is this helpful to students now and in the future?</t>
  </si>
  <si>
    <t xml:space="preserve">Think letter grades should be used for grades 9 and up </t>
  </si>
  <si>
    <t xml:space="preserve">Once a Year is sufficient for student self assessment. </t>
  </si>
  <si>
    <t>But how will you apply this to the current FSAs</t>
  </si>
  <si>
    <t xml:space="preserve">Every reporting period does not need this </t>
  </si>
  <si>
    <t>For primary teachers (esp k/1), I feel this is a lot to ask.  Many of the new students do not know their letter sounds. The needs are VERY high.  Expecting them to report formally on all subjects every term seems unreasonable when focus has to be literacy/numeracy with a cross-curric approach/themes</t>
  </si>
  <si>
    <t>Expecting high school teachers to formally report using both methods is a lot to ask. They are very different styles of assessment.</t>
  </si>
  <si>
    <t xml:space="preserve">This workload is unsustainable for teachers and would likely result in less accurate and/or individualized reporting. </t>
  </si>
  <si>
    <t>I have found the Proficiency Scale terminology to be an effective model for communicating student progress.</t>
  </si>
  <si>
    <t>I wonder if the transition from the Proficiency Scale back to percentages will be challenging for Grade 10 students after not having them from K-9.</t>
  </si>
  <si>
    <t xml:space="preserve">I believe that developing routines and strategies for practicing self-assessment is vital skill and that students should be given the opportunity to reflect on their personal growth as often as possible. </t>
  </si>
  <si>
    <t xml:space="preserve">Goal setting and practicing strategies to see one's goals through is another vital life skill. </t>
  </si>
  <si>
    <t>An unsustainable workload will result in teacher burnout and we are already facing a TTOC shortage. The past two years have been incredibly challenging and have taken an unbelievable toll on the mental/physical health of our teachers, and increased frequency of reporting is extremely ill advised.</t>
  </si>
  <si>
    <t>While frequency of reporting appears to be the same, the draft policy requires reporting on more subjects 5 times a year and is more prescriptive. The proposal will inevitably lead to increased teacher workload.</t>
  </si>
  <si>
    <t>Setting a standard for the category words across the province is valuable. The word proficient is not one I would choose to use.</t>
  </si>
  <si>
    <t xml:space="preserve">Shifting students to letter grades and percentages at grade 10 is late. The beginning of high school is a better time to shift them to this system so they have experience with it well before they are earning marks that will be used to apply for post secondary educational programs. </t>
  </si>
  <si>
    <t>This amounts to reporting results in two systems ("double reporting"). This will lead to confusion, comparison of the two systems and "translations" that may not be accurate. Pick one system that works for students, teachers and the post secondary systems (BC and non-BC) and stick to it.</t>
  </si>
  <si>
    <t>Including goal setting in reporting elevates it to another level of ongoing evaluation. Not all students (and families) buy into goal setting and constant improvement. Imposing it as another area of assessment sets students up for further monitoring and evaluation. This also requires teacher time.</t>
  </si>
  <si>
    <t>Frequency and increased scope of reporting requirements will increase teacher workload. As more teacher time is required to meet administrative reporting duties something will have to give. The capacity of teachers is limited. Energies would be better directed to relationships and instruction.</t>
  </si>
  <si>
    <t>The number of reporting periods is not the problem….its the type of reporting that is.</t>
  </si>
  <si>
    <t>The language is open to different interpretations.  I also have found that there is no descriptive feedback to go along with the proficiency scale language. For example, last year my child was given developing for language arts with no feedback as to why she is at that level or how she can improve.</t>
  </si>
  <si>
    <t xml:space="preserve">Parents and students understand it. </t>
  </si>
  <si>
    <t>Why even bother when they need to be given a percentage at the end of the course for post secondary. No need to confuse things. Once again left up to interpretation of what “proficient” means as a percentage or letter grade.</t>
  </si>
  <si>
    <t xml:space="preserve">I would rather have the teachers assessment. </t>
  </si>
  <si>
    <t>Setting goals is good for them to learn and strive to reach.</t>
  </si>
  <si>
    <t>My child has been receiving reports with this new proficiency scale for 6 years now and I still don’t like it. I was looking forward to grade 8 when they would get letter grades again. I am not sure why the ministry groups K-9 when elementary is K-7 and high school is 8-12</t>
  </si>
  <si>
    <t>I like the idea of the core competencies, but it is still difficult to imagine what it looks like on a month to month level. We have been distracted from the core competencies for the last 3 years, focusing on indigenous education, anti-racism training, covid and proficiency scales. Need support.</t>
  </si>
  <si>
    <t>Very difficult to do. Who is going to follow up on their "personal inquiry goal". I don't have enough time for that.  In terms of learning goals, the large majority will just need to learn the content that is being taught - what other goal would they have?   Only core competencies provide a venue.</t>
  </si>
  <si>
    <t xml:space="preserve">This seems utterly impossible. What are you talking about? If I were to measure all students using the proficiency scale, and all levels were included in my class, there would be a bunch that would always get "IE"  Insufficient Evidence.   Or in letter-grade land they would simply get an F. </t>
  </si>
  <si>
    <t>It is utterly unrealistic and you haven't justified getting rid of the "modified" and "adapted" curricular measuring sticks. It sounds like you just want to take away all the supports students get and put all levels in one class and have the teacher just deal with it. craziness.</t>
  </si>
  <si>
    <t>I like to know what my child is doing so that I can help my child if they need it.</t>
  </si>
  <si>
    <t>It could help me see in what ways my child is learning.</t>
  </si>
  <si>
    <t>I understand the grade points better</t>
  </si>
  <si>
    <t>Then I would be able to understand the reason for the letter grade.</t>
  </si>
  <si>
    <t>I like to know so that I can see if that pattern exists outside of school</t>
  </si>
  <si>
    <t>Goals seem to help them try to get better at what they need</t>
  </si>
  <si>
    <t>I think it's a great idea. But the students that can't do their own assessments may have a hard time or become stressed</t>
  </si>
  <si>
    <t>I think it's all good</t>
  </si>
  <si>
    <t>My high school includes grade 8 &amp; 9 and we work on a semester. 5 reporting events per year is not an even amount per semester. If the ministry is requiring 5 per semester, that is way too many. Currently we report 3 per semester plus teacher conferences.</t>
  </si>
  <si>
    <t>4 point scale is too limiting. Grade 8 &amp; 9 are high school and I would have 120 of these report cards to do. If a student is emerging in math 8, do they move on to math 9? My interpretation of emerging is that their skills are just beginning to develop and they would not be ready for the next grade.</t>
  </si>
  <si>
    <t>If the requirement would be a percentage or letter grade in the end, why change? This will only confuse students and parents. I foresee many parents challenging a teacher’s numerical interpretation of the proficiency language. It’s a recipe for disaster.</t>
  </si>
  <si>
    <t>High school students in my district have 8 courses per year with different teachers. Are they required to do this in all 8 classes with 8 different teachers for all 4 competencies? Need more clarification. The way that it is currently being done has no meaning to students.</t>
  </si>
  <si>
    <t xml:space="preserve">Goal setting is important to teach but difficult to implement in a semestered high school setting when each student has 8 different teachers. It should be attached to a specific course. </t>
  </si>
  <si>
    <t>Assessing on a four point rubric is difficult for some courses. For example; math and science where learning certain skills is needed to further other learning. It is sometimes done in isolation and not on a continuum. A student may be proficient with integers but not with solving equations.</t>
  </si>
  <si>
    <t xml:space="preserve">Not enough communication between teacher and parent(s)/guardian(s). </t>
  </si>
  <si>
    <t>I have been involved in the Communicating Student Learning (CSL) group using the online e-portfolios for 5 years now.  I feel with the online posts that are done at least once a month by my Gr. 4 and 5 students, that reporting twice a year is sufficient. I type comments for the assignments posted.</t>
  </si>
  <si>
    <t>I have been doing this for 5 years now on the summary of learning progress reports as well as on my students' online e-portfolios.</t>
  </si>
  <si>
    <t>It would help the post-secondary institutions understand the students' marks (letter grades and percentages) more easily since that is the method they use too.</t>
  </si>
  <si>
    <t>I do not teach Grades 10 to 12.</t>
  </si>
  <si>
    <t>This is currently done at my school.  Students reflect on the Core Competencies on some of the assignments done and posted to their online e-portfolios.</t>
  </si>
  <si>
    <t>The goal setting I do with my students is part of their Career Education mark.</t>
  </si>
  <si>
    <t xml:space="preserve">I am a teacher and I spend a lot of time marking my students work and writing feedback about their assignments on their online e-portfolios.  I am giving feedback all year.  The parents are able to view my feedback online.  Currently I write two reports (in February and in June).  </t>
  </si>
  <si>
    <t xml:space="preserve">3 formal reports should be enough </t>
  </si>
  <si>
    <t>Kindergarteners/primary are very different than intermediates to grade 9. Not all grades need a proficiency scale in each subject. Not all subjects need a 4 proficiency scale at all.</t>
  </si>
  <si>
    <t xml:space="preserve">This is good to keep the students in charge/involved in their own learning. </t>
  </si>
  <si>
    <t xml:space="preserve">Shouldn’t have to report on all subjects at every time. The primary focus should be on literacy and numeracy </t>
  </si>
  <si>
    <t xml:space="preserve">I teach elementary school </t>
  </si>
  <si>
    <t xml:space="preserve">Student ownership over learning is important </t>
  </si>
  <si>
    <t>Focus on literacy and numeracy instead of reporting on every subject</t>
  </si>
  <si>
    <t xml:space="preserve">May be the same “number” of communications but the amount of time and work it takes to do written reports is far greater. It takes hours and hours of non working (unpaid) hours to write during a high stress (still covid) year. </t>
  </si>
  <si>
    <t>Most parents focus on the slider which shows their progress (akin to a grade). Writing a descriptive comment about pe/adst/art/music/French is adding unnecessary loads to teachers plate. Writing comments for the core subjects (math la science socials plus any additional stand out subject is enough)</t>
  </si>
  <si>
    <t>Don’t teach high school</t>
  </si>
  <si>
    <t>If you’re actually in a classroom, you’d see that though we do our best to teach these, it takes students such a long time and is difficult to grasp. We try our best to teach to these but adding the layer of expectation to report…</t>
  </si>
  <si>
    <t xml:space="preserve">It’s not that we don’t do this throughout- passionate teachers do. But again, the extra time it would take to meaningfully report on this each written report? If there was time given to teachers to do all of this assessment, fine, but otherwise it’s just adding to our overflowing plates. </t>
  </si>
  <si>
    <t xml:space="preserve">Yes as it should be. But what exactly do you mean by this- isn’t this a given already? If not, what examples/supports will the vsb put out? </t>
  </si>
  <si>
    <t>Overall, this proposed reporting policy isn’t reading the room. I’ve never seen such burn out and amount of work expected from teachers so early in the year. Please, teachers are trying their best to do all the requirements and extras, please don’t add more with no supports/time to do it</t>
  </si>
  <si>
    <t>This scale is fine for the elementary grades, but do not agree with it as students approach high school. Way too vague.</t>
  </si>
  <si>
    <t>Think grade 9 students (and even grade 8) need letter grades, so that they have a year or two to adjust to the expectations associated with letter grades.</t>
  </si>
  <si>
    <t>Scale totally unnecessary at the senior grades!</t>
  </si>
  <si>
    <t>Self-assessment as part of learning is a useful tool, but not sure it is necessary as part of a formal report. For high school students, I don’t think it will be truly self-reflective, teens will regard it as just another thing they are forced to do.</t>
  </si>
  <si>
    <t>Goal setting is fine, but students often cannot identify areas they truly need to work on.</t>
  </si>
  <si>
    <t>Fine in theory, but does this include students who are non-verbal, or who have severe disabilities. Not practical in all cases. Wording is too general.</t>
  </si>
  <si>
    <t xml:space="preserve">As a teacher, I work endless hours - evening, weekends. Every report card term, I spend on average 36 hours to complete a class set of report cards at the primary level. (Yes, I keep track of the hours!) This just seems like more work for teachers! I make a concerted effort to keep parents informe
</t>
  </si>
  <si>
    <t>There should be room for greater differentiation within the categories. For example, there is a big difference between the top end of Proficient and the bottom end, so being being able to show this with qualifiers or a sliding scale would be helpful.</t>
  </si>
  <si>
    <t>The proficiency scales should not be used for 10s-12s. However, it might be a good idea to use just letter grades for 10s and then letter grades and percentages for 11s and 12s. I agree that these grades are readying students for post-secondary.</t>
  </si>
  <si>
    <t>This would create unnecessary extra work for teachers, who already have a huge work load. It is also unnecessary as students will be receiving letter grades and percentages. Doubling up on reports with the proficiency scale doesn't add any value to the reports.</t>
  </si>
  <si>
    <t>This would create a huge burden for teachers (especially at the secondary level). Any self assessment should be maintained by the students themselves, and the students could show these to parents. It is unnecessary and provides no added value to the school report cards.</t>
  </si>
  <si>
    <t>See above. This would create a huge burden for teachers (especially at the secondary level). Any self assessment should be maintained by the students themselves, and the students could show these to parents. It is unnecessary and provides no added value to the school report cards.</t>
  </si>
  <si>
    <t>Will more teachers and support staff be hired so that teachers can provide such individualized learning and evaluation to all learners. If classes aren't made much smaller then this is an impossible task for teachers.</t>
  </si>
  <si>
    <t>Student goal setting and assessment should be separate, maintained by the students and shared by the students with the parents, and not any part of official reporting.</t>
  </si>
  <si>
    <t xml:space="preserve">It seems logical and expected to have set reporting intervals as the school year progresses. Concerns can be identified and plans can be implemented and evaluated throughout the year. </t>
  </si>
  <si>
    <t xml:space="preserve">I think self assessment would benefit older grades, not younger students </t>
  </si>
  <si>
    <t xml:space="preserve">The self-assessments are a ridiculous waste of time. I just give the students a list of things to write, and have them pick a couple for each CC. I don't care in the slightest what they pick!
</t>
  </si>
  <si>
    <t xml:space="preserve">I don't feel like I am overly aware of how well my kids are doing in school. I am confident, however, that the teachers would contact me if they become concerned. In a perfect world I would love to see an update from the teachers on my kids' growth, but that is not reasonable for the teacher to do. </t>
  </si>
  <si>
    <t>I like the descriptor words instead of fixating on grade numbers and striving for perfection</t>
  </si>
  <si>
    <t>My kids are not in that age group but as a university educated person, I get the need for it. I would support a letter system as opposed to fixating on a percentage.</t>
  </si>
  <si>
    <t>Why? That seems like more work for the teachers than necessary. The grade should be enough of a gauge to know how the child is doing in a particular subject. They're old enough to understand and accept it by grade 10.</t>
  </si>
  <si>
    <t xml:space="preserve">Yes! I like this idea. Teach them to goal set and be intrinsically motivated. I think it would help them understand themselves better and guide them into a suitable career path more effectively. </t>
  </si>
  <si>
    <t>of course, why would it be any other way?</t>
  </si>
  <si>
    <t>This method of reporting will indeed put more pressure on the teacher.</t>
  </si>
  <si>
    <t>The language is vague - grade 10 is too late for letter grades- it should be once the students enter high school- grade 8</t>
  </si>
  <si>
    <t>Letter grades should be used at a younger grade level</t>
  </si>
  <si>
    <t xml:space="preserve">I’m sure that this was already in practice in most settings </t>
  </si>
  <si>
    <t xml:space="preserve">The language is vague </t>
  </si>
  <si>
    <t xml:space="preserve">With high school teachers it seems their written information during reporting isn’t specific to the student but very generic statement used for most students. </t>
  </si>
  <si>
    <t xml:space="preserve">Think it’s captures enough </t>
  </si>
  <si>
    <t xml:space="preserve">I think letter grades and percentage is very important for this grade levels as it sets the tone for what will be required for post secondary </t>
  </si>
  <si>
    <t xml:space="preserve">Again seems the assessment isn’t as specific </t>
  </si>
  <si>
    <t>I don’t believe most individuals even adults find it easy to self assess</t>
  </si>
  <si>
    <t>I am not really sure that students have an awareness of what they would like to pursue, what is the percentage for students knowing what they would like to study or become?</t>
  </si>
  <si>
    <t xml:space="preserve">I think this is extremely important as students and adults all learn differently </t>
  </si>
  <si>
    <t xml:space="preserve">Again I think challenge for one to self assess </t>
  </si>
  <si>
    <t xml:space="preserve">There should be letter grades/percentages with high-school grades at the latest (by Gr.8). </t>
  </si>
  <si>
    <t xml:space="preserve">Teachers should be providing the goals for learning and benchmarks for each grade level.  Children can be involved with their own assessments of progress, but should not take the place of more objective assessments. </t>
  </si>
  <si>
    <t>If there are no objective assessments at the later middle-school grades and early high school, there seems to be little motivation for many children to work towards improvement.  Peers continue to proceed without reaching grade level proficiency so there is little motivation to do more than pass.</t>
  </si>
  <si>
    <t>The reports we are required to do are 5-6 pages per student which is far too long!</t>
  </si>
  <si>
    <t xml:space="preserve">I think self assessment three times a year for elementary school age students is too much!  </t>
  </si>
  <si>
    <t xml:space="preserve">Five is every other month. Students need time to learn and progress between reports. Many parents also do not even read the reports. </t>
  </si>
  <si>
    <t xml:space="preserve">Students are horrible at self assessing themselves. They hate it and are either too hard on themselves or too easy on themselves. These self assessments would waste valuable teaching time. </t>
  </si>
  <si>
    <t xml:space="preserve">Students are also horrible at setting goals. </t>
  </si>
  <si>
    <t xml:space="preserve">I would need more information to answer this question </t>
  </si>
  <si>
    <t xml:space="preserve">Kids hate doing this and are not good at it. </t>
  </si>
  <si>
    <t xml:space="preserve">I like a moderate frequency of reporting. I really prefer 3-4 solid reports (including year end) that include ALL subject areas the students are required to be assessed and not 5-6 reports that only include 1 or 2 subject areas at a time. </t>
  </si>
  <si>
    <t xml:space="preserve">These terms are educational jargon and most parents do not have a good idea of what they really mean. Not all teachers give great descriptive feedback and rationale for any particular category they assess the child at. </t>
  </si>
  <si>
    <t xml:space="preserve">I worry about using jargon terms for the majority of a student's career and then all of a sudden switching them to letter grades and percentages - sure hope when my kids reach this there is some transition and explanation of going to a proper grading system. I want letter grades much earlier. </t>
  </si>
  <si>
    <t xml:space="preserve">I would rather that letter grades and percentages be introduced earlier (about grade 8) than continuing use of the proficiency scale. </t>
  </si>
  <si>
    <t>Self assessment is a valuable thing that should be taught</t>
  </si>
  <si>
    <t xml:space="preserve">I want cohesive overall picture of how my child is doing in all areas of schooling, with layperson terms and measurable results. I do not want piecemeal bits of information subject by subject (has happened in our district). I want an earlier transition to letter grades. </t>
  </si>
  <si>
    <t>Its fine but not perfect</t>
  </si>
  <si>
    <t>It doesn't show the difference between a 86% percenter and a 100% percenter.</t>
  </si>
  <si>
    <t xml:space="preserve">r </t>
  </si>
  <si>
    <t xml:space="preserve">With all of the holidays, this seems like a next to impossible task. 5 total reports…that’s 1 every 2 months (less when you consider Christmas and spring break). When will the teachers actually have time to teach it all they have to do is assess and report every five seconds? </t>
  </si>
  <si>
    <t>These grades are completely subjective and everyone knows it. Let’s stop pretending. Give the teachers some standard resources and a scope and sequence THEN we can talk about a grading system that is remotely reliable.</t>
  </si>
  <si>
    <t>Waste of time. One a year. Is there any evidence to support this being more useful than instruction?</t>
  </si>
  <si>
    <t xml:space="preserve">Goals are great, but students have undeveloped brains and this is good practice but not particularly reliable/useful/taken seriously. Have you ever met a 10 year old boy? </t>
  </si>
  <si>
    <t>This seems like a rubber stamp. Are teachers supposed to evaluated non verbal learners with severe autism against typical learning outcomes? Or spend all day writing 30 individualized reports.</t>
  </si>
  <si>
    <t xml:space="preserve">Descriptive feedback is a waste of everyone’s time. Checklists give more succinct information </t>
  </si>
  <si>
    <t>I feel I’ve been quite clear in my feelings. Work on fixing the curriculum, provide resources, and let teachers teach. 
Also, I notice the teacher has to come up with 400 plans to support any student- even with IE? What onus is on us as parents to do ANYTHING? Stop making teachers’ lives harder</t>
  </si>
  <si>
    <t>Same as has been in the past.</t>
  </si>
  <si>
    <t>Letter grades motivate my child.  An A is $5, a B is $3 etc.  There will be no motivation to try hard in school.</t>
  </si>
  <si>
    <t>Universities need these for entrance requirements to compare students across high schools and select the best students.</t>
  </si>
  <si>
    <t>Not useful for getting in to University.</t>
  </si>
  <si>
    <t>Students don't understand the competencies.  They understand can I read? Can I write? Can I do the math I am being asked to do?  Not Can I think?  Can I communicate my ideas?</t>
  </si>
  <si>
    <t>The goal should always be to improve in all areas.  What other goal do children need?  Adults have a hard time setting goals, how are children supposed to do this?</t>
  </si>
  <si>
    <t>I don't understand this question.</t>
  </si>
  <si>
    <t>Kids need letter grades to be motivated in school.  It gives them a way to compare themselves to others and teaches them healthy competition and a reason to try harder.</t>
  </si>
  <si>
    <t xml:space="preserve">1. I give very detailed comments on report cards for my grade 8 and 9 students- and they often go unread. 
2.  120 students x 3 written reports.  Where the time to TEACH???
3. Files for incoming grade 8s have become increasingly wordy, and increasingly useless. And parents can't decode the truth. </t>
  </si>
  <si>
    <t xml:space="preserve">Too subjective in interpretation for the teachers, parents and students. Also, not nearly enough span to clearly delineate between developing and proficient. Plus, all students should be developing, so silly word choice. Plus, parents don't get the true picture. </t>
  </si>
  <si>
    <t xml:space="preserve">Survey results very open to misuse on this question.  Of course, the senior courses need % reporting as required in post-secondary applications. But I'm very DISSATISFIED if letter grades are not used in 8 and 9 grades. </t>
  </si>
  <si>
    <t xml:space="preserve">The people who speak in favour of this are generally: 1. not actually teaching or 2. not teaching a core academic subject. or 3. planning to find a lazy way to do this.  It doesn't really matter for drama or art where the judgements are highly subjective, but it really matters for core academics. </t>
  </si>
  <si>
    <t xml:space="preserve">Students are learning to 'publicly' curate how their learning LOOKS vs. becoming better people. Hardcore research shows evaluation of these kind of qualities actually works AGAINST their true development. Everyone is getting on the bandwagon without really thinking critically, ironically. </t>
  </si>
  <si>
    <t xml:space="preserve">All students should be in programs that maximize their learning. All deserve understanding and compassion.  All should be graded on standards set for the learning that they are doing. It is an insult to grade a student against themselves vs. an objective standard. </t>
  </si>
  <si>
    <t>Overall, makes grades less meaningful as recent elementary files show. But this entire project is seriously misguided and is (falsely) seen as 'progressive.' I can see the appeal, but people are not thinking deeply enough about the damage of vague feedback and teaching children to lie.</t>
  </si>
  <si>
    <t>It' s not the number of reports that matter it's the quality of the report that matters more.</t>
  </si>
  <si>
    <t xml:space="preserve">Grade 11 and 12 matter for college and university, student should learn to be graded with the scale for grade 10 to 12 when they are in high school to be prepared, not at the last minute.
</t>
  </si>
  <si>
    <t>It's the minimum that I expect to prepare student who will continue to university or college.</t>
  </si>
  <si>
    <t>I don't see how the provincial proficiency scale would add more information that the letter/percentages in grade 10-12. There should not be a disconnect between the two of them.</t>
  </si>
  <si>
    <t>I have seen student self assessment and it can stress the student, so I am not sure it needs to be done in such a structured way.</t>
  </si>
  <si>
    <t>I don't think students need to share personal goal with school staff, in some cases it's none of their business.</t>
  </si>
  <si>
    <t>not all teachers are aware of the student abilities, when information from third parties are given to the school about a student learning disability for example. Not sure how they are going to do a good job regarding that. Some teachers may need to pay attention to the students!</t>
  </si>
  <si>
    <t>It's not very helpful. The written part usually says,  the student learned about xxxx . That's useless, we o that the teacher will follow the curriculum and teach the different concept. I would prefer a much shorter report with some valuable information and not a list of things that were tought,</t>
  </si>
  <si>
    <t>There is too much emphasis on summative reporting, especially at the elementary level, and especially with separate subject areas when we have a beautiful redesigned curriculum focusing on Big Ideas, Core Competencies, Growth Mindset, and opportunities for cross-curricular exploration. It's archaic.</t>
  </si>
  <si>
    <t xml:space="preserve">Standards-based assessment and strength-based feedback is what motivates students. Letter grades and percentages demotivate and damage. Research supports this. Best practice supports this. Some of us have been doing this for years. It's about time! These should NOT be "translated" to letter grades. </t>
  </si>
  <si>
    <t>Post-secondary institutions need to get with the times. Standards-based assessment is objective, fair, and strength-based. Points-based grading undermines learning and creativity, rewards cheating, encourages students to avoid challenging work, and teaches students to value grades over knowledge.</t>
  </si>
  <si>
    <t>Continuity is good. Strength-based assessment is good. Proficiency Scales / standards-based language are good. Letter grades and percentages are not good. Continuing to use these is archaic and defeats the purpose of using the better system. As long as they exist, families will ignore all the rest.</t>
  </si>
  <si>
    <t>Students learning from an early age to take ownership of their own learning, set goals for themselves, and reflect on their progress as they go—these are invaluable skills! However, as long as letter grades exist, no one will look at these documents in the report cards as anything but fluff. Alas!</t>
  </si>
  <si>
    <t>We in elementary have been doing this for years. Is this new? It's valuable. Goal setting goes hand-in-hand with self-reflection and critical thinking.</t>
  </si>
  <si>
    <t>This is great! ...on paper. In practice, this will be impossible without significant extra support: meeting the diverse needs of up to 30 individual learners requires more time &amp; support than we currently have with the measly 110 mins of prep and 45 mins of pull out group resource support per week.</t>
  </si>
  <si>
    <t>Frequency of Reporting; Letter Grades &amp; Percentages as a requirement; Separate Subject Areas</t>
  </si>
  <si>
    <t>With the integrated curriculum, especially in Elementary, reporting should be less frequent, more holistic, and only standards-based. Report on achievement in Language Arts &amp; Math, and more generally on *what* was learned in other areas, focusing on love of learning, Work Habits, EFS, Competencies!</t>
  </si>
  <si>
    <t xml:space="preserve">Needs clarification for semester schools for required # of reports. 5 in a semester, too many! Please provide specifics re: frequency &amp; requirements especially for 2 formal written reports AND summative. How detailed do the written reports have to be for secondary level. Is there a template? </t>
  </si>
  <si>
    <t xml:space="preserve">There needs to be universally defined criteria for the proficiency scale for each level for each subject. More detailed than what is currently provided. Please provide exemplars for what this may look like at secondary level. </t>
  </si>
  <si>
    <t xml:space="preserve">The additional workload is extremely stressful.  The workload is already overbearing! Foresee proficiency scale at grade 10-12 to be only used for curricular competencies. Since percentages AND letter grades are still required. </t>
  </si>
  <si>
    <t>Is this self-assessment requirement for every class at secondary level? If so, then it would be too redundant and adds no value for students. Should be completed independently by students, or specific class. Please provide exemplars for what this may look like at secondary level.</t>
  </si>
  <si>
    <t xml:space="preserve">This is already embedded and goal setting in certain situations is occurring naturally in a math classroom. Is it something that needs to put formally and recorded?  How will it be documented. Please provide exemplars for what this may look like at secondary level. </t>
  </si>
  <si>
    <t>Seems like there is no change for secondary academic subjects, designated students are still provided a letter grade/percentage.</t>
  </si>
  <si>
    <t xml:space="preserve">Need a soft start for implementation – teachers already familiar with proficiency scales can start initial run, those unfamiliar will have a model that already has been worked out thoroughly.  Need subject specific exemplars!  More Pro-D needed!
2022/2023 - soft start 
23/24 - full implementation
</t>
  </si>
  <si>
    <t xml:space="preserve">I agree with 5 reports but I think that it should be a maximum of 5 reports that are required, not a minimum.  Teachers can also provide more reports than that if they choose to do so, but more than 5 should not be required or implied. </t>
  </si>
  <si>
    <t>Parents &amp; students still refer to this scale like it aligns with letter grades but the philosophy of it doesn't do so. The Developing category is too broad when applying it to learning. The 4 categories are shown as being equally distributed on gov't docs but that's not how they play out in reality.</t>
  </si>
  <si>
    <t>This system makes sense for students. They can see exactly how they are doing - particularly with percentages - and so grades are more motivating for them.  Plus, the universities still rely on percentages for admittance so students need those reference points. Percentages still = 'currency'.</t>
  </si>
  <si>
    <t xml:space="preserve">The 2 systems of reporting are very different and are based on different philosophies. By trying to combine the 2 systems, we'll just end up back where everyone refers to the Proficiency Scale as letter grades and then we'd be back to where we started and we may as well have not changed at all. </t>
  </si>
  <si>
    <t xml:space="preserve">This is important to do but it has to be guided and followed up on or there's no point in doing it. Students also have to see the value in doing it or they will just think that it's another sheet to fill in and won't necessarily make it meaningful. </t>
  </si>
  <si>
    <t>Same as comment for self-assessment.</t>
  </si>
  <si>
    <t xml:space="preserve">Absolutely, it's important that all learners are included. That being said, an inclusive model also has to be funded properly so that all learners have the supports in place that they need to be successful. Current funding doesn't meet the learning needs of all students. </t>
  </si>
  <si>
    <t>Learning update in first 25% of year</t>
  </si>
  <si>
    <t>The 4 Learning Updates should include 2 Interim Learning Updates and 2 Learning Updates. Within the first 25% of the year, an Interim Learning Update is feasible but a full Learning Update with descriptive feedback is not. The Interim version would indicate student achievement on the Prof Scale.</t>
  </si>
  <si>
    <t xml:space="preserve">Primary students need the teacher to do this for them. They don't know how to do this </t>
  </si>
  <si>
    <t>Very difficult and time consuming task
for teacher and students</t>
  </si>
  <si>
    <t>It is too much! Too much.
Why is the government continually springing new responsibility and work on teachers without giving them time and support to learn it, understand it, and perform it?  Our workload just keeps increasing, with no extra time or pay.</t>
  </si>
  <si>
    <t>Quantity of reporting is less important than quality of reporting. Our school has piloted the Proficiency Scale for reporting &amp; I find it completely lacking in thoroughness and transparency, it is too subjective. Would take fewer reporting events if it meant using something more practical &amp; targeted</t>
  </si>
  <si>
    <t xml:space="preserve">Proficiency scale is not transparent, our school has piloted this &amp; I found it a complete muddle.Teachers were unable to explain their marking, students did not have clear goals.Parents have little indication of where their child is at. It's find for K-3 but letter grades should be used after.  </t>
  </si>
  <si>
    <t>As an adult, life is about metrics, you don't get a yearly bonus for trying hard, you get one for meeting targets.  Letter grades provide a clear &amp; concise exercise &amp; prep for life; having exact goals &amp; map to achievement. Setting students for failure when they don't have to deal with it until Gr10.</t>
  </si>
  <si>
    <t>Grades 11/12 are used for post-secondary assessment, proficiency scale should not be used, will put BC students at disadvantage.</t>
  </si>
  <si>
    <t>My child has been doing self-assessment in school for several years now, there has been no effect on his level of engagement in the learning process. It can continue to be a classroom exercise, but I see little point in reporting it.</t>
  </si>
  <si>
    <t xml:space="preserve">Goal-setting is a good exercise for all, not just students.  It's a simple but useful life skill that should be taught. Which is why letter grades are important in intermediate grades, helps with the practice of goal-setting. </t>
  </si>
  <si>
    <t xml:space="preserve">Square peg-round hole.  Humans are different with different abilities.  To assume you can develop a scale that works for all is simply unrealistic. Rather than putting all students on proficiency scale, perhaps those with IEP or learning disability OPTIONALLY use a different scale. </t>
  </si>
  <si>
    <t>Proficiency scale is suitable for primary grades. Intermediate needs the practice of setting SMART goals - letter grades are measurable &amp; should be justifiable by teacher, proficiency scale is not measurable in a meaningful way, especially for those with post-secondary goals.</t>
  </si>
  <si>
    <t>The two written reports ask for a rating and comment for each subject; however, we have been tasked with creating cross-curricular activities.  Which is it?  Discrete subjects, or integrated subjects?  Pick a lane.</t>
  </si>
  <si>
    <t>By the late secondary years, it's important to have a more concrete picture of student performance.  The proficiency scale is too broad of a tool to be applied at this level.</t>
  </si>
  <si>
    <t>Seems like overkill and twice the work for teachers.</t>
  </si>
  <si>
    <t>Students struggle to make sense of these broad categories, especially in the younger primary years.  The descriptors are too large for them to understand.  For primary-aged children, the Core Competencies need to be greatly simplified.  Add more for intermediate, and then in its current form for sec</t>
  </si>
  <si>
    <t>This needs to be simplified for younger students.</t>
  </si>
  <si>
    <t>In my experience, parents don't even read the report cards provided, especially as they've moved to an electronic format.  Why make teachers do work for no particular reason?  When parents want to know, they can reach out to teachers, and we provide information.</t>
  </si>
  <si>
    <t xml:space="preserve">Option A allowed us to report formally in January and June. Delaying the first formal report until January was the most important change we made to support formative assessment and to underscore the value of the assessment to instruction cycle. </t>
  </si>
  <si>
    <t>Using percentages means there are 100 levels of achievement possible. Our grades can’t be accurate and consistent with so many levels. Letter grades in their current format include 6 levels of achievement. This is reasonable, and would lead to more valid, reliable reporting.</t>
  </si>
  <si>
    <t xml:space="preserve">Using the proficiency scale alongside percentages defeats the purpose. Is there a desire to have more than four levels of achievement in grades 10-12? How many levels of achievement is enough? Rather than work with three systems at grades 10-12, why not land on one and be consistent. </t>
  </si>
  <si>
    <t>Teachers engage in ongoing conversations around core competencies. Reporting on these takes time and coordination and comes at the expense of something else. Let’s honour the work and professionalism of teachers and understand that core competencies are embedded in planning and instruction.</t>
  </si>
  <si>
    <t>Setting goals is a critical part of learning, and teachers work with students to set micro goals regularly. Many also provide structures for more formal goal-setting. It’s also true that self-assessment and goal-setting fatigue is real. We don't need to report on something for it to be valued.</t>
  </si>
  <si>
    <t xml:space="preserve">I agree that regular reporting procedures should be used for students with disabilities or diverse abilities and that in a limited number of cases there may be replacement learning standards. For every student, timely, descriptive feedback is what supports learning. </t>
  </si>
  <si>
    <t xml:space="preserve">I want teachers to focus entirely on formative feedback in the fall. Summative assessment too early takes time away from the feedback cycle. I'd prefer descriptive feedback only--no grades at all until June. This would lead to more of a focus on learning. </t>
  </si>
  <si>
    <t>The important thing is that there be no percentages. Whether we use grades or proficiencies or colours doesn't matter as long as there are few enough levels that there can be consistency. With fewer levels, there's more of a chance that my kid would be assessed the same at one school or another.</t>
  </si>
  <si>
    <t>We need to move away from %. There is no consistency class to class with one hundred levels. Let's consider the research around valid reporting and the number of levels that teachers can use before reliability falls. There's too much that's arbitrary in a % grade.</t>
  </si>
  <si>
    <t>Proficiency scales and letter grades and %? Why? That just means time has to be spent converting from one system to another. Why is that valuable? Why not choose one system (with few enough levels to be reliable) and use it?</t>
  </si>
  <si>
    <t xml:space="preserve">I trust this happens within the context of the classroom--and this is where it has the most value. My kids all complain about the amount of self-assessment they have to do. It's also something else the school needs to complete and this time could be better spent on other initiatives. </t>
  </si>
  <si>
    <t>My kids are having to set micro-goals all the time within their classes. I don't need to see these on a report card. We don't need to report on something for it to be valued. It risks becoming just another thing to have to do and this will de-value it and have the opposite effect you're hoping for.</t>
  </si>
  <si>
    <t>Sounds reasonable.</t>
  </si>
  <si>
    <t>At the most I'd like to see a formal report card 1/2 way through a course and again at the end. I'd prefer just at the end. Descriptive feedback 1/4 way through a course.  Otherwise I'd like teachers' time to be spent planning engaging lessons and quality instruction.</t>
  </si>
  <si>
    <t>English and French</t>
  </si>
  <si>
    <t>What the information is shared is more important than written but clarity on form (conference, portfolio, written report) is needed. Focusing comments on what a students can do and on next steps is of prime importance. Reporting percentages and numbers hinder student learning.</t>
  </si>
  <si>
    <t xml:space="preserve">These scales are still in draft form and being piloted. They may not provide the information needed for parents not match the progressive curriculum. We have a curriculum that can foster student growth and reconciliation, will our reporting policy and measures be a stick or and aid. </t>
  </si>
  <si>
    <t xml:space="preserve">If percentages are included they must be at the end only. This must be clear. They have a negative impact on student learning and reflection. It is difficult to actually meet the curriculum while using percentages. University course often use descriptive feedback so can we. </t>
  </si>
  <si>
    <t xml:space="preserve">This is assuming the proficiency scales a usefully. The performance standards are/were helpful to communicate learning, direct teaching, and set goals. Rubrics and scales can also be misused and have pointless descriptors. Will there be training? </t>
  </si>
  <si>
    <t xml:space="preserve">Students must be involved in their learning by reflecting on their strengths and stretches. How is this documented and supported? </t>
  </si>
  <si>
    <t xml:space="preserve">Goals should be set by and with students. They are capable, and they know what they need if we share our power and let them share theirs. </t>
  </si>
  <si>
    <t xml:space="preserve">The policy said nothing about inclusion other than a definition and that individualized plans will be created.  What reporting will happen? Who is responsible? How will the province actually be supporting inclusion? How are we communicating supports accessed and available to students. </t>
  </si>
  <si>
    <t xml:space="preserve">Letter grades harm learning and get in the way of students being part of goal setting. Including letter grades is a contradiction in the policy and does not match the curriculum. </t>
  </si>
  <si>
    <t>Based on 4 years of conducting 3 way conferences with teachers/ students/parents I have seen that flexibility in reporting (outside of literacy/numeracy) has allowed for better communication with parents.   Requiring the Provincial Proficiency Scale to be used for every subject area would not.</t>
  </si>
  <si>
    <t>Students understanding their learning targets is key to developing students who own t</t>
  </si>
  <si>
    <t>As outlined above.   Early in the year a focus on Literacy, Numeracy and Social development in communication with the parents has been very powerful.  Our parents surveys indicate that they understand our process .  Their greatest take away to know what their child can do as well as the next steps</t>
  </si>
  <si>
    <t xml:space="preserve">I teach solely in an asynchronous online school. The current number of reporting is already far too much work. </t>
  </si>
  <si>
    <t>In an online asynchronous school, students in a class/course are not all progressing at the same rate, and completing work in a linear fashion. The amount of work to search all student work, formal assessment etc complete within the reporting period would be astronomical.</t>
  </si>
  <si>
    <t>Percent and LG would be direct correlation between student understanding and the learning standards. Use proficiency scales would seem forced and artificial. Further, certain subject areas are better suited for reporting with proficiency scales.
Lastly, the four scale descriptors are not appropriate</t>
  </si>
  <si>
    <t>Teachers already informally use proficiency scales when they provide written comments.</t>
  </si>
  <si>
    <t>A year end self assessment of core competencies is more than sufficient. I would support providing students periodic times to gather and organize evidence to support the year end self assessment.</t>
  </si>
  <si>
    <t>This can be covered like it used to be in the old guidance course.</t>
  </si>
  <si>
    <t>Scrape the whole thing and stick to pre-current curriculum.</t>
  </si>
  <si>
    <t>Most of the new policy seems like 'fluff' and not substance. Parents understand % and LG as scale of achievement in relation to learning standards.</t>
  </si>
  <si>
    <t xml:space="preserve">Depends on how the 4 updates are delivered. I have found that the only report of value that we have received so far in this non-graded reporting system is the end of year descriptive report.  Personally, I still find percentages a better reflection of progress. </t>
  </si>
  <si>
    <t xml:space="preserve">This scale may be sufficient for elementary school but I strongly disagree with its use in high school. It has resulted in the elimination of testing students which is not universal and puts our students at a disadvantage in learning environments outside of BC. </t>
  </si>
  <si>
    <t xml:space="preserve">Agree with this statement, however, letter grades should start at grade 6. </t>
  </si>
  <si>
    <t xml:space="preserve">The provincial proficiency scale should be optional for grades 6 and up. Bring back letter grades. </t>
  </si>
  <si>
    <t>It’s good for students to reflect on their learning but the actually need to take action and the teachers need to offer more feedback if at all</t>
  </si>
  <si>
    <t xml:space="preserve">In high school,  haven’t seen any follow up to these goals and the teachers don’t even read what they write. </t>
  </si>
  <si>
    <t xml:space="preserve">Should be a combination of letter grades, reflection proficiency scale. Some subjects would benefit from grades (e.g math) whereas others don’t need them (eg phys ed, gym). Teachers have stopped testing students since the scale was introduced. There should be somewhere compromise. </t>
  </si>
  <si>
    <t>What does this mean for high school teachers on semester?  Currently we do 4 reporting events per semester for a total of 8 in the year.  Are we now to do 5 per semester for a total of 10.  This is unnecessary.  Students marks don't tend to change that drastically, an extra report is a waste of time</t>
  </si>
  <si>
    <t>This four point scale is too broad and vague.  Teachers can't agree on what these terms mean.  Developing and Proficient are too broad, and students are often surprised when they later get letter grades and find out specifically where they stand.  Fine for primary, but should expand by intermediate.</t>
  </si>
  <si>
    <t xml:space="preserve">It is good to fit with post secondary.  Parents know what these categories mean.  A system that notes incremental improvement can be motivating for students trying to achieve the next level.   </t>
  </si>
  <si>
    <t>In combination with letter grades and percentages, teachers should have the autonomy to use additional language to describe their students' progress.  Though they should be able to choose the language best suited for the student and their individual situation.</t>
  </si>
  <si>
    <t xml:space="preserve">Some student reflection is good, particularly about their level of effort and their challenges (individual).  Even high school students are not good at assessing skill levels (comparative).  Some are too generous with their abilities, and others are too harsh. </t>
  </si>
  <si>
    <t>Personal goal setting is something to be learned.  But their goals are vague, or unrealistic, and often clueless at the beginning of a course as to what they need to work on.</t>
  </si>
  <si>
    <t>Assessment should be individually tailored to each student, as long as students and parents can tell from the assessment where they stand in relation to the average ability of students at that level.</t>
  </si>
  <si>
    <t>Time requirement</t>
  </si>
  <si>
    <t>Increased frequency, student goal setting, and the increased reporting required to explain where the student is on the reporting scale, all increase the amount of time a teacher will need to spend on reporting.  Teachers don't have more time. These changes will reduce actual teaching and learning.</t>
  </si>
  <si>
    <t>The outline above does not take into consideration the move to the semester system.  The semester system has been a great change for my student.  The reporting structure should reflect the semesters.  3 reports during a semester would be more beneficial.  A summary at year end doesn't fit.</t>
  </si>
  <si>
    <t xml:space="preserve">It is very unclear as to what the levels mean.  There was inconsistency in interpretation of the levels between teachers.  The confusion and the large chunking of the levels was very demotivating for students.  They system doesn't prepare students for grades 10 - 12 structures. </t>
  </si>
  <si>
    <t xml:space="preserve">It is clear measurable and not subject to interpretation.  It provides clear feedback for students and opportunities for them to understand exactly what they need to address to improve and demonstrates their improvement.  </t>
  </si>
  <si>
    <t>The proficiency scale doesn't give students any meaningful feedback and is highly subjective.  The achievement groupings are large and chunky there is not motivation to improve because there is no recognition of improvement or change.  The system is very subjective and opinion based.</t>
  </si>
  <si>
    <t>Students are not trained to do assessment and including their self-assessments in official reporting is inappropriate, putting too much pressure on the student.  To let them provide feedback as part of an informal report in a conversation such as the K-7 parent conferences is beneficial.</t>
  </si>
  <si>
    <t>Goal setting is a good process for students to learn but including it in the formal assessment process is inappropriate.  Students should be encouraged to set their own goals and reflect on these in a personal and confidential manner.  They should not be part of official assessment and reporting.</t>
  </si>
  <si>
    <t>I think letter grades and percentages should start with the transition to the high school years.  Students should be transitioned to letter grades and percentages starting in grade 8.   Provincial Proficiency Scale is an ineffective and demotivating method of providing feedback to students.</t>
  </si>
  <si>
    <t xml:space="preserve">Fairly generic and not specific reporting until the final report. </t>
  </si>
  <si>
    <t xml:space="preserve">Again very vague and often not specific on where they need help or growth. </t>
  </si>
  <si>
    <t xml:space="preserve">Give a better picture as to where they need help. Especially showing percentage for different ‘assignments/tests within the subject. You can really see where they may be struggling and help give more specific support. </t>
  </si>
  <si>
    <t xml:space="preserve">Pointless without specifics </t>
  </si>
  <si>
    <t xml:space="preserve">I feel it is good for kids to reflect on their own learning and see their growth. </t>
  </si>
  <si>
    <t xml:space="preserve">Keep letter grades and percentages </t>
  </si>
  <si>
    <t>I have two kids that are very different when it comes to school. One thing that they have in common is a drive to do better when they started to see that percentage. It seems like they could have cared less about the proficiency scale.</t>
  </si>
  <si>
    <t xml:space="preserve"> Nepali </t>
  </si>
  <si>
    <t>Being a recently graduated student, I know from experience that this system is very easy to cheat through. It also gives students a distorted view of their grades that will fail them in post secondary. If anything here is written weirdly it's because I have been taught with competency charts.</t>
  </si>
  <si>
    <t xml:space="preserve">In my grade 10 English class, I told my teacher I wanted 98% in the class and she said "okay." I did not deserve that grade and boy-oh-boy did I learn that the hard way in grade 11 English </t>
  </si>
  <si>
    <t>I have a learning disability. I get assistance so I can work towards the same grades as everyone else. I would hate to think that the standards were lower for me. Posy secondary won't lower standards for students so if you do this in high school students will fail.</t>
  </si>
  <si>
    <t>It's just better! I am in first year university and am struggling. I cannot imagine how much worse it would be if I had done competency charts. If schools want to prepare students for "the real world" then don't do competency charts!</t>
  </si>
  <si>
    <t xml:space="preserve">It is frustrating enough having these types of scales in elementary, in middle school children need to strive and work towards goals I have two very different children and both would fit into one category so the one that works harder and studies would not be rewarded and see their efforts </t>
  </si>
  <si>
    <t xml:space="preserve">Because grades differentiate between someone who is just barely meeting and someone who is fully meeting again rewards them for hard work </t>
  </si>
  <si>
    <t xml:space="preserve">No point the letter grade and percentages  are enough to tag proficient or developing is redundant add it don’t add it I don’t care because they will only care about the percentages and grades </t>
  </si>
  <si>
    <t>Don’t care at all I think that self assessment should not change the grade if used should only be a tool for the student and not for a teacher to base their grade on as some do</t>
  </si>
  <si>
    <t xml:space="preserve">If it works great as long as it doesn’t take up too much learning time the goal is to learn the curriculum and good study habits </t>
  </si>
  <si>
    <t xml:space="preserve">I have no idea what this is asking. Sounds like a bunch of buzzwords with no real meaning.  All children have a right to be treated individually while still within the learning group </t>
  </si>
  <si>
    <t>Letter grades and percentages from grade 8-12</t>
  </si>
  <si>
    <t>For students to be competitive in post secondary they need to show grade and percentages.  Grade 8 the last year of middle school will help them to prepare for high school and be responsible for their learning. A test is marked by correct answers not with a word -in life  not everyone gets a trophy</t>
  </si>
  <si>
    <t>More written reports needed</t>
  </si>
  <si>
    <t>No letter grades. Cannot have concrete way to measure success or areas of improvement. Math tests show results. Other provinces in Canada have letter grading system. Prepare our kids please for the real world where letter grades and percentages show real results!</t>
  </si>
  <si>
    <t>Letter grades and percentages are used worldwide so let’s prepare our kids to compete globally!</t>
  </si>
  <si>
    <t>Too much “learning to drive” scale. We want our children to become adults. Would we have kids learn to pretend drive in the living room? No. Do NOT encourage the Proficiency Scale. It only sets them up for failure.</t>
  </si>
  <si>
    <t xml:space="preserve">Kids can self assess well but need adult guidance </t>
  </si>
  <si>
    <t>Seems to work well and motivates students to think of future plans.</t>
  </si>
  <si>
    <t>Students need to know that there are right and wrong answers to math equations, no guessing. Proficiency scale is confusing to students and parents as it is not black and white</t>
  </si>
  <si>
    <t xml:space="preserve">5 reports over 10 months of learning seems like a lot of information about how my child is doing </t>
  </si>
  <si>
    <t>This just seems like another variation on letter grades or of the minimally meeting, meeting, fully meeting or a 1-2-3-4 scale. another language change is confusing and will need a lot of information to communicate how this is different to parents</t>
  </si>
  <si>
    <t>If the shift is towards proficiency scale language, there will only be buy in from the public when high schools and universities recognize this rather than letter grades. So including both is a good intermediate step</t>
  </si>
  <si>
    <t>As a parent I like that my child has to take time to self reflection on their growth.</t>
  </si>
  <si>
    <t xml:space="preserve">For system change and buy in from the public into the proficiency scale language to truly happen, I think letter grades and percentages need to be ditched from the senior secondary grades as well. </t>
  </si>
  <si>
    <t>Having 5 reporting events is too many when the school is using the semester system, especially if two of the reports have to be written for 90-100 students per semester. One report should be optional - only for failing students in the second half of the semester.</t>
  </si>
  <si>
    <t>Universities admissions require percentages.  
I use a 4 point scale yet still transfer marks to a percentage easily.</t>
  </si>
  <si>
    <t xml:space="preserve">I am not opposed to using the Provincial Proficiency Scale as long as it is optional.  I would like a lot of flexibility in how I report, especially when teaching alongside other programs (AP, IB) which may require another set of marking guidelines.  </t>
  </si>
  <si>
    <t xml:space="preserve">This takes more time away from instructional time.  I barely get through the class content.  </t>
  </si>
  <si>
    <t>I have experienced goal setting as a student in a different country, and it felt like something forced upon you.  Goal setting can be encouraged informally.</t>
  </si>
  <si>
    <t>We need more support in the schools to meet the needs of these students.</t>
  </si>
  <si>
    <t>I need to use instructional time to cover course content.  There is not enough time.</t>
  </si>
  <si>
    <t xml:space="preserve">This amount of reporting in appropriate, meaningful, and manageable for students/parents and teachers. </t>
  </si>
  <si>
    <t>The 4 point scale can be possibly very subjective, and open to wide degree of variation.  Additionally, for students looking to transfer between 
schools, districts and provinces, equivalency would be hard to quantify. 
Most US schools require grade 9 marks as % to be accepted to their universities.</t>
  </si>
  <si>
    <t>Gives teachers/students/parents a clear indication of level of understanding
Most teaching practices allow for student to show understanding in a variety of ways
that can be numerically assessed.
Allows for clear communication of marks to post secondary institutions</t>
  </si>
  <si>
    <t xml:space="preserve">This is already done in a variety of different ways, including
anecdotal comments, student reflection, 
However, the time commitment to such reports may be onerous and not valued </t>
  </si>
  <si>
    <t>Self reflection is often built into to many classes. 
but is the self-reflection linked to proficiency? 
Are we asking students to quantify their self-reflection?
What will be done the information/data about the self-reflection? 
How will this data be collected &amp; will there feedback to anyone?</t>
  </si>
  <si>
    <t xml:space="preserve">This is a huge part of the Career Education curriculum, and
needs to be continually valued. </t>
  </si>
  <si>
    <t xml:space="preserve">This is already in place, and the language implies that is not the case. </t>
  </si>
  <si>
    <t xml:space="preserve">This could be a very burdensome task.  
Student would be asked to take time away from their learning to assess themselves.
How would this be managed?  Who would be in charge of collecting this data?
IF this is a requirement, what are the consequences if a student does not complete the?
</t>
  </si>
  <si>
    <t>In addition to all of the responsibilities that are currently mandated for teachers to complete, this is a significant additional requirement. What is being taken off our plate to allow for this. Do we as teachers have to collect and input the self-assessment? Do we have to design the self-assessmen</t>
  </si>
  <si>
    <t>Goals are living documents that are adjusted frequently. Why would we want to have a temporary and movable item follow a student for their duration of their learning years?</t>
  </si>
  <si>
    <t xml:space="preserve">Who is going to do this?  Classroom teachers? Special Ed teachers? </t>
  </si>
  <si>
    <t xml:space="preserve">Because it adds hours of not days onto the report card process. What is more important, the thoughtful and comprehensive teacher comments or something that students complete because they have to. </t>
  </si>
  <si>
    <t xml:space="preserve">This language is confusing for parents.  It makes sense to us teachers but parents ask me all the time "what does this mean?" </t>
  </si>
  <si>
    <t>While I think this is the minimum, more communication Between parent and teacher is necessary to ensure that learning is happening and that there is sufficient time for the student to be caught up to speed with parent involvement if necessary.</t>
  </si>
  <si>
    <t xml:space="preserve">The scale is too subjective and does not allow for a student or parent to see where the student is sitting academically. It is also a lot more open to interpretation as well as much more subjective. Using percentages in letter grades, is much more tangible and can assist in the learning process. </t>
  </si>
  <si>
    <t>This is the reason why I think letter grade should be used below grade 10.</t>
  </si>
  <si>
    <t>More information on this is necessary. However it also adds another opportunity to assess learning and should align with letter grades.</t>
  </si>
  <si>
    <t>This is an important step to ensure that students are heavily involved in their learning process. Understanding and knowledge of their own contributions is essential</t>
  </si>
  <si>
    <t>Depending on the learning capabilities of a student, there may be a requirement for separate/unique assessment and evaluation</t>
  </si>
  <si>
    <t>Using letter grades from grade 3 and up</t>
  </si>
  <si>
    <t>It is a lot of work to do both report cards and conferences the way my district has us do them.</t>
  </si>
  <si>
    <t>This language is a lot more parent friendly and isn't as cut throat as "not yet meeting"</t>
  </si>
  <si>
    <t>I don't give letter grades in grade 1.</t>
  </si>
  <si>
    <t>I do not teach high school.</t>
  </si>
  <si>
    <t>It is very inauthentic doing this with young children as it is very teacher directed.</t>
  </si>
  <si>
    <t>It is difficult for young students to come up with a goal independently.</t>
  </si>
  <si>
    <t xml:space="preserve">As teachers we have a lot on our plates and increasing the amount that we report/the subjects that we report on with the addition of after school conferences.. that is too much.  If all districts either did reporting on all subject areas with NO conferences that would be sustainable </t>
  </si>
  <si>
    <t>Does not necessarily align with Indigenous Principles of learning.</t>
  </si>
  <si>
    <t>Why trivialize someone's and everyone's learning as a letter. What is the distinguishable difference between 77% and 78%? And it measuring growth or current competency? Practical application or memorization?</t>
  </si>
  <si>
    <t>Dump the letter grades and %.</t>
  </si>
  <si>
    <t>I really like this but policies like these are have not been supported with enough people, time, and other resources.</t>
  </si>
  <si>
    <t>Turns learning into a high stakes game where As and 100% are goals and gatekeepers instead of the learning itself.</t>
  </si>
  <si>
    <t>I am fine with doing the reports the way they are.</t>
  </si>
  <si>
    <t xml:space="preserve">We do 3-way conferences with parent and child and then a written report to summarize our discussion.  The proficiency scales are NOT a part of this as we talk about where the child is at &amp; answer questions which is better than the proficiency scale.  </t>
  </si>
  <si>
    <t>We do this already at our school.</t>
  </si>
  <si>
    <t xml:space="preserve">I agree but this can be challenging for grades K - 2 as they are not always able to voice their abilities.  </t>
  </si>
  <si>
    <t xml:space="preserve">Our 3-Way conference does not work with the proficiencies nor do conversations through Zoom/Teams which can be one of the reporting possibilities.  </t>
  </si>
  <si>
    <t xml:space="preserve">The reports are lengthy and wordy. I have found over the years that parents don't care about more reporting. Parents want to see their child happy, learnring and demonstrating skills. More reporting is not the answer. </t>
  </si>
  <si>
    <t>A scale is still a ranking of their abilities. Even though it's not a percentage mark, it still represents a level. Parents will only look at the number, and they won't care as much about the comments. Same reason that there was so much pushback when we went gradeless. Non-educators can't interpret.</t>
  </si>
  <si>
    <t xml:space="preserve">We can't ask them to self-assess in all competencies in each term, its too busy and wordy and the kids find it tedious. Most self-assessments have been lack-lustre and the kids don't understand how to go deeper. Maybe at a higher grade, but at grade 5-6 they are not at the introspective point. </t>
  </si>
  <si>
    <t xml:space="preserve">At Grade 5-6 their goals are not focused on their learning. They are not introspective enough to think about their skills that way. They are more interested in well, being interested. Things need to be fun and engaging. </t>
  </si>
  <si>
    <t xml:space="preserve">Frequency - Less formal reports, more examples of learning. </t>
  </si>
  <si>
    <t xml:space="preserve">In our digital age, parents spend less time sitting and discussing with their children (They should! But don't). Instead to demonstrate learning there should be examples, videos, pictures, assignments sent home. </t>
  </si>
  <si>
    <t>It’s too frequent to allow meaningful formative assessment to take place and to report out in a substantial, beneficial way</t>
  </si>
  <si>
    <t xml:space="preserve">If students only received proficiency grades (which are a more equitable and reliable form of assessment) post secondary institutions would be forced to adapt </t>
  </si>
  <si>
    <t xml:space="preserve">It happens to frequently to be done in a meaningful way. Students and teachers need more tools to support integration of core competencies to make self assessment meaningful </t>
  </si>
  <si>
    <t>Students and teachers do this all the time informally. Formalizing it adds additional burden to the teacher and does not allow flexibility to include it most meaningfully in the class</t>
  </si>
  <si>
    <t>This needs to come with funding</t>
  </si>
  <si>
    <t xml:space="preserve">See previous </t>
  </si>
  <si>
    <t>I am disappointed that the order continues to require letter grades and percentages in grades 10-12. We know the impact of letter grades and percentages on student motivation and engagement. If we continue to focus on these grade markers, students will continue to focus on grades and not learning.</t>
  </si>
  <si>
    <t>The proficiencies are an excellent way for teachers and students to consider learning targets, success, criteria, and competency-based assessment. I encourage the Ministry to put resources toward the operationalization of the scale.</t>
  </si>
  <si>
    <t>Letter grades and percentages have a detrimental effect on student engagement in competency-based strategies. If we want students to focus on continuous learning and growth mindset within the curricular framework, letter grades and percentages work against this vision.</t>
  </si>
  <si>
    <t xml:space="preserve">The proficiency scale should be the foundation for assessment and grading in grades k-12. </t>
  </si>
  <si>
    <t xml:space="preserve">I am in favour of continuous self-assessment of the CORE competencies. I would suggest that the order could ask teachers to share these reflections throughout the year rather than embed them in a learning communication. </t>
  </si>
  <si>
    <t>We need to move away from letter grades and percentages. We want students to focus on the learning and not the result. Timely and meaningful feedback is better received when learning growth is at the centre of our strategy. Letter grades and percentages thwart this intent.</t>
  </si>
  <si>
    <t xml:space="preserve">People are too sensitive and those types of grades are not at all motivating or clear. </t>
  </si>
  <si>
    <t>Percentages tell a lot about how a student is doing in the class and are very clear.</t>
  </si>
  <si>
    <t>Proficiency scale Not necessary when there are percentages.</t>
  </si>
  <si>
    <t xml:space="preserve">Not necessary. </t>
  </si>
  <si>
    <t>Proficiency scale makes a joke of school grades.</t>
  </si>
  <si>
    <t xml:space="preserve">I find that this reporting system fails to give students, like myself, an accurate picture of how they are doing in the course. Every one of my classmates much prefers letter grades or percents because they precisely know how they are doing without much unnecessary sugar coating. </t>
  </si>
  <si>
    <t>I was recently in grades 8 and 9 and  I found that letter grades greatly upped my knowledge and drive. Without letter grades, it is really hard to get a clear picture of how you are doing. Most students I know much prefer letter grades</t>
  </si>
  <si>
    <t xml:space="preserve">I don’t mind the proficiency scale being used as long as it is accompanied by a letter grade or percent for knowledge </t>
  </si>
  <si>
    <t>Sort of a waste of time overall but not bad. It seems unnecessary and most students don’t actually gain anything from doing these</t>
  </si>
  <si>
    <t xml:space="preserve">Goal setting is not helpful unless students are doing it on their own time. It takes the meaning out of goal setting when it becomes an assignment and takes time away from learning the actual curriculum </t>
  </si>
  <si>
    <t>I'm not sure how much weight report cards actually have other than they are needed grades 10-12 for post-secondary. I think it would be helpful for the ministry to give clear guidelines with the provincial proficiency scale completed and ready to go for teachers of each grade and subject area.</t>
  </si>
  <si>
    <t>The language is already being used in elementary schools and is not so New</t>
  </si>
  <si>
    <t>It is still a very old, old system</t>
  </si>
  <si>
    <t>These students are already working on goals. If we are really talking about a needs basis then letter grades should be completely eliminated.</t>
  </si>
  <si>
    <t xml:space="preserve">I would prefer a letter grade to the current proficiency scale as there is quite a bit of grey area between for example proficient and developing. If a student is sitting in between two grades it is more difficult to “put them in a box” and label them as one or the other. </t>
  </si>
  <si>
    <t xml:space="preserve">Easy to read and improve on skills and develop. </t>
  </si>
  <si>
    <t xml:space="preserve">Grading should be either letter grades or the proficiency scale but not both. If one student uses the proficiency scale and the other uses letter grades, the grading is uneven, therefore unfair. </t>
  </si>
  <si>
    <t xml:space="preserve">It can help a student reflect on past work and work habits but over time becomes extremely repetitive. </t>
  </si>
  <si>
    <t xml:space="preserve">It is important to set goal for yourself and look to better your learning, yet becomes repetitive over time. Every teacher uses basically the same template, therefore going from class to class doing the same thing becomes annoying and leads you to become less motivated and focus the task at hand. </t>
  </si>
  <si>
    <t xml:space="preserve">Everyone should feel included and welcomed in a school setting. </t>
  </si>
  <si>
    <t xml:space="preserve">Reasons were listed above. </t>
  </si>
  <si>
    <t>Enought time between reports to see changes.</t>
  </si>
  <si>
    <t>Sufficient feedback from the teacher about student development.</t>
  </si>
  <si>
    <t>Keep with the standard</t>
  </si>
  <si>
    <t>Great for students to see themselves and talk about it.</t>
  </si>
  <si>
    <t>Should be guide it with tutor or education expert. So each student bring out their best.</t>
  </si>
  <si>
    <t>Measure critical thinking</t>
  </si>
  <si>
    <t>Should emphasize not only in academics but also in other cognitive aspects such as critical thinking, problem solving, self control</t>
  </si>
  <si>
    <t>The written reports become too prescribed and inauthentic and hidden in teacher jargon. Actual progress becomes hidden in writing. What works best is real conversations and a portfolio of work that teachers-students- and parents see.</t>
  </si>
  <si>
    <t>The use of Extending vs Proficient. Proficient catches a wide range while extending is a very narrow range for at the top.</t>
  </si>
  <si>
    <t>Grades and percentages give clarity to all. We are a global society that is used to this process.</t>
  </si>
  <si>
    <t>Again what are we doing for an A proficient student vs an A+ extending student? How do the letters and percentages alongside the scale match? We'd need clear benchmarks and moderation of assessments to encourage teachers to apply the scale consistantly.</t>
  </si>
  <si>
    <t>This is great when students have one or two consistent teachers, who 'owns' this in secondary school? It cannot be one subject teacher alone.</t>
  </si>
  <si>
    <t>What method or strategy would encourage this? Would we engage in K-12 portfolios?</t>
  </si>
  <si>
    <t>This isn't a change in practice and is already happening.</t>
  </si>
  <si>
    <t>common and clear provincial benchmarks for all subjects</t>
  </si>
  <si>
    <t>There is too much discrepancy amongst our learners and educators. What really is an A? What really is 'Proficent'?  The need for benchmarks and learning maps is evident.</t>
  </si>
  <si>
    <t>too much reporting and time spent measuring instead of teaching</t>
  </si>
  <si>
    <t>The old performance standards and rubrics in reading and writing were the best thing from the previous curriculum; we still use them. glad this is becoming the norm. Finally.</t>
  </si>
  <si>
    <t>This is archaic and needs to go away. Post secondary institutions are using outdated practices that the latest educational research does NOT support. They should be updating their entrance requirements to reflect graduation documents, not the other way around. Progress moves forwards not backwards.</t>
  </si>
  <si>
    <t>Letter grades and percentages give a false sense of objectivity and mathematical accuracy to what should be a descriptive process. The difference between "Proficient" and "Extending" is obvious. The difference between "84%" (B) and 86%" (A) is meaningless. Proficiency Scales should be used alone.</t>
  </si>
  <si>
    <t>Combined with proficiency scales, this would make very comprehensive report cards showing student growth and self-reflection. As long as letter grades are included, parents and post-secondary institutions will look at nothing but the letter grades.</t>
  </si>
  <si>
    <t>Will extra funding and support accompany these new mandates for extra work?</t>
  </si>
  <si>
    <t>Extra work without extra support sounds like a recipe for burnout, or lower quality teaching, or lower quality reporting, or all three. These guidelines sound GREAT on paper, but you can't squeeze water out of a rock. Teachers, and the education system, have nothing left, after 20 years of cutbacks.</t>
  </si>
  <si>
    <t>I am satisfied with these criteria if it is in fact PER YEAR as described. If, however, we are on a semester system again next year and the requirement is 5 PER SEMESTER then this would mean 10 reporting events PER YEAR which is TOO MANY. Your statement here needs clarification.</t>
  </si>
  <si>
    <t>Assessment using these proficiency scales is vague and restrictive. The choices for this question option seem skewed - of the 5 choices (not including 'no opinion' only 1 suggests 'not satisfied' - all other choices indicate at least partial satisfaction, skewing responses to the desired result...?</t>
  </si>
  <si>
    <t>Unless universities are going to change requirements for entry, this is essential. However - the change in assessment practices from junior grades to senior grades is a problem. Students may be entering higher grades unprepared in many ways (lack of understanding, no test-taking skills, etc.)</t>
  </si>
  <si>
    <t>No. Different forms of assessment with no obvious benefit. Having a combination of forms does not eliminate the emphasis or requirement of percentages and letter grades for post secondary acceptance. This would just add another layer of complexity.</t>
  </si>
  <si>
    <t xml:space="preserve">Student self-assessment of the core competencies is good. But how is it to be done? How will it be reported? </t>
  </si>
  <si>
    <t>Again, great idea in theory. How will these be monitored and achievement assessed? By the student?</t>
  </si>
  <si>
    <t>Yes - but we must also balance this with course requirements and expectations. Future courses in a subject area build on prior knowledge, understanding and thinking skills. Too many extreme accommodations will impact the possibilities for future success.</t>
  </si>
  <si>
    <t>Use of the proficiency scales does not seem to be supporting many students in advancing students towards life long learning and achievement of their learning goals. Students are propelled through secondary school without acquiring the necessary thinking skills and work ethic they need.</t>
  </si>
  <si>
    <t>I need more frequent reporting</t>
  </si>
  <si>
    <t xml:space="preserve">I like the idea of acknowledging diversity </t>
  </si>
  <si>
    <t>A lot more written reporting is required for same number of reporting periods. No time is given to do this.</t>
  </si>
  <si>
    <t>The rubrics to assess competencies are not standardized outside of a classroom. They can be different from class to class and district to district. Proficient assessment is far too broad. A student assessed at one end of the scale is much different than at the other end of the scale.</t>
  </si>
  <si>
    <t xml:space="preserve">Letter g. and % require little explanation to parents. Proficiency scale requires a lot of explanation. % is more precise of assessment. Proficiency is less precise. % is understood in other places outside of B.C. whereas Proc. is not.  </t>
  </si>
  <si>
    <t>These should be done outside of the reporting order.</t>
  </si>
  <si>
    <t>These should be done outside of the reporting order</t>
  </si>
  <si>
    <t>Regular reporting ensures parents are well aware of their child's progress and enables support in any areas in a timely manner</t>
  </si>
  <si>
    <t>The proficiency scale does not always provide a clear picture of where a child's learning is in relation to the provincial curriculum.  I think it is not standardized enough and varies from teacher to teacher.  The descriptive feedback is very important.</t>
  </si>
  <si>
    <t>Provides information on student progress based on measurement to a provincial standard.</t>
  </si>
  <si>
    <t>Self assessment is a valuable tool and can indicate gaps between student and teacher perceived strengths/weaknesses.  Self reflection is important for growth.</t>
  </si>
  <si>
    <t>Goal setting and plans/action to achieve goals are important life skills.  When students have more say in their learning goals they may feel more empowered and motivated to meet their goals.  Regular reflection on progress to meeting goals is an important part of the process.</t>
  </si>
  <si>
    <t>I see no reason why these practices wouldn't be inclusive of all learners</t>
  </si>
  <si>
    <t xml:space="preserve">I would like more information on how teachers in K-9 assess based on the provincial proficiency scale.  Does this give parents and students a clear picture of the child's progression and achievement or where their learning is at on a provincial level?  </t>
  </si>
  <si>
    <t>Monthly should be required. I also don't think the existing policy is followed.</t>
  </si>
  <si>
    <t>Too much of a challenge for moving into grade 10. Doesn't give enough information. Seems subjective. Not clear to the students or parents.</t>
  </si>
  <si>
    <t xml:space="preserve">This is needed for post secondary. But why switch then? When it's getting too late to do anything? </t>
  </si>
  <si>
    <t>As long as the students receive support in developing their goals and are provided some direction.</t>
  </si>
  <si>
    <t>As a parent if I was more aware of what my child was working on and where they need more help I could try to assist. Right now I'm in the dark (despite reaching out to the teacher).</t>
  </si>
  <si>
    <t>On devrait réduire le nombre de rapports écrits et plutôt mettre l'importance sur un portfolio de qualité!</t>
  </si>
  <si>
    <t>Je mettrais plus l'accent sur les discussions avec les élèves et l'auto-évaluation que des critères d'évaluation.</t>
  </si>
  <si>
    <t>Il faudrait que le post secondaire s'ajuste à la réalité de 2021.  Les notes sont une chose du passé.  L'entrevue serait une meilleure façon. Puisque nous devrions focuser sur les compétences essentielles, les notes deviennent donc inutiles.</t>
  </si>
  <si>
    <t>Il faut en garder un et le garder pour plus que 5 ans.</t>
  </si>
  <si>
    <t>Mais pas évaluer obligatoire avant la troisième année même si c'est enseigné dès la maternelle</t>
  </si>
  <si>
    <t>C'est une bonne idée, mais pas évaluer obligatoire avant la troisième année même si c'est enseigné dès la maternelle</t>
  </si>
  <si>
    <t>Il faut absolument que les enseignants soient formés pour qu'ils se sentent compétents, qu'ils aient plus de temps et 'aide dans les classe pour que ça fonctionne.</t>
  </si>
  <si>
    <t>Les enseignants doivent avoir plus de temps pour se former et pour enseigner. Si les rétroactions sont faites sur le moment, c'est plus valable que tous les bulletins du monde.  C'est l'enfant qui apprend pas le parent.</t>
  </si>
  <si>
    <t>I am secondary teacher in the largest district which is semestered. A year end report is useless as half the student's learning is completed by the end of January. Teachers would not have any way to give valid assessment 5 months after the learning activities for a course have been completed.</t>
  </si>
  <si>
    <t>Difficult to make descriptive reports at the secondary (grade 8-12) level.  Teachers have between 100 - 120 students per semester. Even taking only 10 minutes to write a report per student (unrealistic at best) requires 17 hours just to write.  This time is not provided in the work week.</t>
  </si>
  <si>
    <t>How are teachers to shift from proficiency scale to letter grades? How are students to understand how to transition? For what purpose are these scales used? How are these more or less important depending on student post-secondary goals?</t>
  </si>
  <si>
    <t xml:space="preserve">How will these be used by post-secondary? How will students know if they meet standards for further education? </t>
  </si>
  <si>
    <t xml:space="preserve">Younger students (grade 8, 9) have limited base knowledge and experience in order to reflect accurately.  </t>
  </si>
  <si>
    <t>Younger students (grade 8, 9) have limited base knowledge and experience in order to set goals.  Students do not know what they do not know.  Expectations for goal setting at younger ages is leading to highly increased levels of anxiety in teens.</t>
  </si>
  <si>
    <t>clearer uses of reporting</t>
  </si>
  <si>
    <t>I believe it's important to get specific written feedback during the school year so I know how my children are doing.</t>
  </si>
  <si>
    <t xml:space="preserve">I like the idea of words that describe where my child is at rather than a letter grade. </t>
  </si>
  <si>
    <t>I don't like the idea of my children getting different grades in 10-12 than they got before.</t>
  </si>
  <si>
    <t xml:space="preserve">Including this information is helpful, but it will be confusing to get two different kinds of grades. </t>
  </si>
  <si>
    <t xml:space="preserve">I think giving students opportunities to give their input is very important. </t>
  </si>
  <si>
    <t xml:space="preserve">I like the idea of my child being able to express their goals for learning. This is an important skill to learn and develop. </t>
  </si>
  <si>
    <t>I think all students should be treated equally in report cards</t>
  </si>
  <si>
    <t xml:space="preserve">I would like to see no letter grades at all. </t>
  </si>
  <si>
    <t>This seems fine.  The focus on descriptive feedback is excellent.</t>
  </si>
  <si>
    <t>letter grades and percentages hamper an environment of learning.  It makes the grade the focus and goal of the student.  Learning needs to be the focus.  Portfolios and interviews for post secondary acceptance would be better.  We've all seen the doctor that got 100% but can't communicate.</t>
  </si>
  <si>
    <t>I agree with assessment continuity.  Current non-uniform assessments are confusing for parents.  It would be better to continue to work on ways to report the goals of the new curriculum rather than revert back to what we did before.</t>
  </si>
  <si>
    <t>self assessment allows ownership and reflection time for the student.  Core competencies focus on skills that are integral in all areas of life.</t>
  </si>
  <si>
    <t>Involving students in their goals allow them to gain meaning and ownership of their education.</t>
  </si>
  <si>
    <t>Public school needs to be for all learners.  Reporting should be individualized and fit individual need as much as possible.</t>
  </si>
  <si>
    <t>Letter grades and percentages put a limit on high performing academic students.  They also are a barrier to success for our vulnerable learners.</t>
  </si>
  <si>
    <t>Unclear as to reporting requirements
Increased teacher workload (at a time when teachers are close to their breaking point)
Lack of vision for future needs (digital portfolios, etc)</t>
  </si>
  <si>
    <t xml:space="preserve">Not every subject is taught every term (for many reasons - sharing resources in schools, scheduling, job sharing, etc.)
Increased teacher workload
</t>
  </si>
  <si>
    <t>Either we support the proficiency scale or letter grades - choose</t>
  </si>
  <si>
    <t>Increased teacher work load
Doesn't allow time for instruction</t>
  </si>
  <si>
    <t>Increased teacher work load
challenging at the elementary level (usually something to teach and develop - rather than assess)</t>
  </si>
  <si>
    <t>I'm not sure my lens is appropriate for answering this question</t>
  </si>
  <si>
    <t>I think the whole thing needs another look - perhaps have more "in the trenches" educators working on the transformation of the policy.</t>
  </si>
  <si>
    <t>I agree with providing feedback to parents but needing to comment on each subject in the first 25% of year is not easy, with September focus on routines and community building as well as social emotional learning and then FSA in October. There is not enough time to accurately assess every subject.</t>
  </si>
  <si>
    <t>I like the 4 point scale but assessing every subject in first 25% of year is not realistic or accurate given the short time and emphasis on other things. In grade 5, French is not covered much in the first 2 months. 1/3 of the way through would allow for more accurate assessment.</t>
  </si>
  <si>
    <t xml:space="preserve">Some students are very accurate with these self assessments and others see themselves as proficient or extending in every competency so this form of formal assessment does not always accurately reflect student growth. </t>
  </si>
  <si>
    <t xml:space="preserve">Goal setting and self assessment on how students are progressing with goals is important but adding comments on success of goal setting to each report to parents adds to work load and is not realistic. Some goals need a longer time period to be worked on. </t>
  </si>
  <si>
    <t>If we had sufficient support for all learners this would be ideal but we do not have support for many students and many learning needs are unmet every single day. Expecting individual assessments for every child is not possible.</t>
  </si>
  <si>
    <t>First 25% of year is not realistic for elementary classes. Including portfolios instead would give parents a more accurate idea of where their child is at.
I also believe we need more support for students in order to address diversity and inclusion</t>
  </si>
  <si>
    <t>the timing and amount of reports was fair.</t>
  </si>
  <si>
    <t xml:space="preserve">It is clear to me </t>
  </si>
  <si>
    <t>not there yet</t>
  </si>
  <si>
    <t xml:space="preserve">self assessments are great tools and i was happy to see that school has them, but it may be stressful for children to grade themselves and I hope that any student who is experiencing confidence issues to do the self assessment with a councilor or helper of some sort. </t>
  </si>
  <si>
    <t xml:space="preserve">that is a good idea </t>
  </si>
  <si>
    <t xml:space="preserve">Under the proposed system, a semester school would be spending exorbitant amounts of time devoted to "paper work" rather than on teaching the curriculum. </t>
  </si>
  <si>
    <t>What would the summary of learning look like.  I would prefer having the option of a written report in June (summary) and a portfolio showcase as one of the 5 of sharing student learning.</t>
  </si>
  <si>
    <t>I would prefer to use the scale that we are using now.  Beginning Developing, Applying and Extending</t>
  </si>
  <si>
    <t>My own children seem more engaged with this now that they are receiving letter grades and percentages.</t>
  </si>
  <si>
    <t>Reducing the number of goal areas to focus on would be easier and might lead to more student success.</t>
  </si>
  <si>
    <t>I would again like to see School Districts use their existing language that is already in place</t>
  </si>
  <si>
    <t xml:space="preserve">This works well with our semester system at secondary. </t>
  </si>
  <si>
    <t xml:space="preserve">Concern that a 4-point scale does not provide specific enough information to parents. </t>
  </si>
  <si>
    <t xml:space="preserve">This allows for more accuracy when reporting out to parents as well as clearer information provided to universities etc.
</t>
  </si>
  <si>
    <t>While reporting on competencies and proficiencies aligns with the new curriculum, by ADDING this into reporting, we increase time/organization needed for reporting out (and assessing students in general).  
There is some concern that a 4-point scale is limited in the information that it provides.</t>
  </si>
  <si>
    <t>The idea of student self-reflection is good. What is more challenging is providing authentic ways for students to do this meaningfully - this may be more challenging in a secondary system in which no one teacher/class is responsible for this (or should be responsible for this).</t>
  </si>
  <si>
    <t>Great idea; challenging to put this into practice in meaningful ways (often with students that don't care about the process). Also concerned about who will be responsible (which course in the secondary or all? and concerns about how much time this may take).</t>
  </si>
  <si>
    <t>This should already be the case. Where is the training/support/time for this to be done?</t>
  </si>
  <si>
    <t>Concern that this will take up significant time with limited benefit.</t>
  </si>
  <si>
    <t>Written reports are too long.  Parents who d not speak English don't read them.</t>
  </si>
  <si>
    <t>It can be shocking to students and parents when students get to grade 10 and all of a sudden get percentages.</t>
  </si>
  <si>
    <t>Parents and students want to know exactly what they are achieving.  Marks are easy to understand rather than paragraphs where they have to read between the lines.  Students are getting ready for university entrance and need to get used to being marked this way.  And universities want to see the mark</t>
  </si>
  <si>
    <t>Why do teachers need to use both. Universities, parents and students want to see grades.</t>
  </si>
  <si>
    <t>How would this work?  Students write it and then it gets printed on the report card?  Who will be responsible for this?  Will this be done once per year? at each reporting? for each class?</t>
  </si>
  <si>
    <t xml:space="preserve">How would this work?  Students write it and then it gets printed on the report card?  Who will be responsible for this?  Will this be done once per year? at each reporting? for each class? </t>
  </si>
  <si>
    <t>Reporting is too frequent.  How much can a child improve in a few weeks?  Teachers too busy constantly writing reports.  For example, this year we wrote reports mid October and again in mid November.  How much can they progress in 3 weeks?</t>
  </si>
  <si>
    <t>too many reports and students/parents dont read them, they are too close together</t>
  </si>
  <si>
    <t>students still want grades and more information</t>
  </si>
  <si>
    <t xml:space="preserve">it sets people up for post secondary </t>
  </si>
  <si>
    <t>The current recommendation is worded much too broadly, more broadly than requirements were under the previous guidelines. 5 reporting periods are too many, especially if we are in a semestered system. Over-evaluation is not just a source of stress for teachers, but also for students</t>
  </si>
  <si>
    <t>Removing emphasis on letter grades and percentages puts the focus back on the learning. Please implement this system for grades 10-12.</t>
  </si>
  <si>
    <t xml:space="preserve">We are not in the service of post-secondary institutions. This antiquated emphasis on letter grades and percentages drives grade inflation, and puts unrealistic pressure on our students, who then might resort to cheating or pleading for marks rather than putting more effort into learning. </t>
  </si>
  <si>
    <t>In addition to letter grades and numbers is redundant. Choose one system for all grades.</t>
  </si>
  <si>
    <t>In theory this is a good idea, but not if it puts more stress on students.</t>
  </si>
  <si>
    <t>The wording of using "minimum" of five reporting events per year is a problem. This wording may lead to districts deciding to change this number to many more reports should they choose. This is a huge problem for teacher workload and consistency throughout the province.</t>
  </si>
  <si>
    <t>The language may be difficult for parents to understand.</t>
  </si>
  <si>
    <t>Students should be self assessing their growth in the CORE competencies. Teachers should not be assessing it.</t>
  </si>
  <si>
    <t>It is good to involve students in the goal setting so it becomes a large part of their learning journey.</t>
  </si>
  <si>
    <t xml:space="preserve">As stated before about the wording of "minimum" in the number of reporting events during the year.
	</t>
  </si>
  <si>
    <t>We are trying to move classrooms forward into online reporting through the scholantis portal. This increases student engagement and deepens communication with parents.
It is however WAY more work to create a post with pictures and explanation to what is happening, so now less people will do this.</t>
  </si>
  <si>
    <t>I agree with this but many teachers still do not know WHY this is. There needs to be more pro-d on why these should be explicitly taught. Many teachers have the mindset of “I do this anyway so I don’t need to explicitly teach”</t>
  </si>
  <si>
    <t>Yes but this is even more work for teachers especially in primary.</t>
  </si>
  <si>
    <t>Teachers using online portals to report should have to report less because it is deeper but way more work.</t>
  </si>
  <si>
    <t>You are saying that this is the same number, but it is not the same in terms of work.   As well, there is no need for a Proficiency Scale report early in the year.  Students are still getting bearings and providing a scale mark could be discouraging.  A work habits mark would be fine, but not skills</t>
  </si>
  <si>
    <t xml:space="preserve">Much better than numbers in terms of supporting student esteem and communicating valuable information.  </t>
  </si>
  <si>
    <t xml:space="preserve">Proficiency scale is good enough.  A % is only needed on the final report card, not each term, until grade 12, when they are needed for post-secondary admissions.  </t>
  </si>
  <si>
    <t xml:space="preserve">Again, "in addition to" is overkill.  % should only be used provide information to Post-secondary institutions.  Letter grades are meaningless.  Love the proficiency scale.  </t>
  </si>
  <si>
    <t xml:space="preserve">Love the idea, but the infrastructure needs to be provided so that it's not repetitive and perhaps happens during FIT time rather than taking one teacher's class.  </t>
  </si>
  <si>
    <t xml:space="preserve">Again, it needs to be set up so that it's meaningful.  Students need to be taught how to do this.  </t>
  </si>
  <si>
    <t>Too broad for only 4 scales, not detailed or specific enough. 10 scales or ABCDE are better</t>
  </si>
  <si>
    <t>We have enough work as it is and adding more reporting time while we have limited prep time to do so is unreasonable.</t>
  </si>
  <si>
    <t>I don’t mind a scale for reporting.</t>
  </si>
  <si>
    <t>Do not teach secondary.</t>
  </si>
  <si>
    <t>Not teaching secondary.</t>
  </si>
  <si>
    <t xml:space="preserve">Getting student comments is very difficult and time consuming. </t>
  </si>
  <si>
    <t xml:space="preserve">Too much to report and teachers do not have time. </t>
  </si>
  <si>
    <t xml:space="preserve">All reports already do this. </t>
  </si>
  <si>
    <t xml:space="preserve">Teachers volunteer their time already and doing more reporting is unfair and reasonable! </t>
  </si>
  <si>
    <t>If teachers are putting all that time and energy into eportfolios why do they need to do 2 written reports in addition?
One summary of learning at the end of the year would suffice.</t>
  </si>
  <si>
    <t xml:space="preserve">SEL is just as or more important than academics </t>
  </si>
  <si>
    <t xml:space="preserve">Finding out your child is failing after 3 months is unacceptable. We need to be in the loop so we can assist with correcting the issues </t>
  </si>
  <si>
    <t>These are terrible.  Teachers are using them in the format of emerging or meeting in regards to the curriculum for the year not for what has already been completed and it is being used to say they will be meeting by the end of the year not that they aren’t close to it and students are getting lost</t>
  </si>
  <si>
    <t>Letter grades should be in all grades not just 10-12</t>
  </si>
  <si>
    <t>The proficiency scale is misused and I
Not understood</t>
  </si>
  <si>
    <t xml:space="preserve">Self assessment is difficult and is a learned skill. Students need training on this for it to be even remotely useful or accurate </t>
  </si>
  <si>
    <t xml:space="preserve">Only if Thai is something they are provided detailed instruction on else it will be useless </t>
  </si>
  <si>
    <t>Get rid of the proficiency scale and go back to letter grades</t>
  </si>
  <si>
    <t xml:space="preserve">I’m a parent and I am in higher education. This scale is not understood and is not appropriately used by teachers </t>
  </si>
  <si>
    <t xml:space="preserve">Grades are more specific than only these 4 categories </t>
  </si>
  <si>
    <t xml:space="preserve">Students need to get used to letter grades before college and university </t>
  </si>
  <si>
    <t>Would rather have letter grades</t>
  </si>
  <si>
    <t>Too much reporting. Teachers workload is already incredibly heavy.</t>
  </si>
  <si>
    <t>I prefer proficiency scale assessment as opposed to letter grades — aligns better with my teaching philosophy.</t>
  </si>
  <si>
    <t>Disagree with this method of assessment. It does not encourage a growth mindset.</t>
  </si>
  <si>
    <t>Aligns with my teaching philosophy in regards to assessment and growth mindset. Encourages growth rather than hyper focusing on a subjective percentage.</t>
  </si>
  <si>
    <t>Encourages understanding of self and investment in own learning for students.</t>
  </si>
  <si>
    <t>A much more engaging way of assessing. Students are responsible for themselves and their own learning and growth.</t>
  </si>
  <si>
    <t>However we need more support from CEAs if this occurs.</t>
  </si>
  <si>
    <t>Students hyper focus on percentage. This would encourage them to instead focus on learning outcomes.</t>
  </si>
  <si>
    <t xml:space="preserve">Semester schools would have the same amount of reports but the frequency is a big deal but the rationale gives the impression that it is not. It puts the focus of marks and doesn’t allow for practice and making mistakes to learn using a progression scale appropriately. </t>
  </si>
  <si>
    <t>Levels need too much revision to be useful, appropriate and respectful. Levels should start with a different letter for shorthand. Highest should not surpass the grade level; we should assess what we have taught. Lowest level a pass. Complete, partial imply quantity; sophisticated has connotation.</t>
  </si>
  <si>
    <t>Universities in the US are taking students with levels and IB students.Your argument is absurd but I get it that BC won't be the first in Canada. I'll use this space to point out the discrepancies across BC due to lack of clarity from the MoE this year. Students are not being assessed fairly.</t>
  </si>
  <si>
    <t>OK, BC isn't going to be a leader but at least offer a standard conversion chart for equity, transparency, and clarity across BC. The prof. scale should match grade descriptions; standard based assess. does not preclude failing and an A is at grade level. UBC uses IB conversion successfully.</t>
  </si>
  <si>
    <t>Keep this out of the report card process. Too many privacy issues and risks for students to be honest or vulnerable. So many meaningful ways to do this safe in class. Writing report cards is onerous enough and school boards have their own add on requirements for reports. No time to any of this well.</t>
  </si>
  <si>
    <t xml:space="preserve">Appropriate to include this early and at midpoint of a course but why not make it a requirement to include it in the written comment and state that it needs to be generated WITH not BY the student. Teachers already do this. Don't make it a separate task that students have to do for all courses. </t>
  </si>
  <si>
    <t>Varying existing processes with IEP writing, reviews, and goal setting make implementing this reporting order for everyone a big ask for teachers already doing all the heavy lifting. Ask THEM (the most impacted programs) to draft the minimum way they should be expected to implement this policy.</t>
  </si>
  <si>
    <t>All of it needs substantial improvements</t>
  </si>
  <si>
    <t>You've offered a 20 page doc with little detail. I will gladly share my substantial expertise to revise the entire policy. Where can I send my edits? No room here! Lastly, sophisticated is the literal antonym of words used to describe Indigenous people in the past and I refuse to use it. Be better.</t>
  </si>
  <si>
    <t>I feel that the combination of interim &amp; term end report's give enough insight into my child's progress during the school year.</t>
  </si>
  <si>
    <t>I would like to see grades &amp; percentages introduced in grade 8.</t>
  </si>
  <si>
    <t>As our kids are preparing for post-secondary education I feel that it is relevant for them to be able to reflect readily on percentages.</t>
  </si>
  <si>
    <t>It can be difficult to reflect on your own learning &amp; if not taught &amp; encouraged to do so, many won't do it at all. It invests oneself in their learning.</t>
  </si>
  <si>
    <t>Learning how to create &amp; achieve goals also needs to be taught. It's invaluable in life.</t>
  </si>
  <si>
    <t>If more reports go home, it is overwhelming for parents. If less reports go home, parents are not engaged enough by the teachers. This is a good frequency.</t>
  </si>
  <si>
    <t>It means we start by using the same scale to measure proficiency throughout learning. Descriptive feedback in written or oral form is effective to communicate individual growth in the student.</t>
  </si>
  <si>
    <t>I like seeing percentages in these upper grades.</t>
  </si>
  <si>
    <t>Not sure if it is necessary. It would be an easy comparison between the two reporting scales, but teachers, students, and parents should just focus on the percentages and letter grades at this level.</t>
  </si>
  <si>
    <t>Self assessments are very important for student growth.</t>
  </si>
  <si>
    <t>Not sure if it is necessary. We are showing areas of growth and improvement on the reports already so the teacher has identified goals to work toward.</t>
  </si>
  <si>
    <t>Diverse learners have an individualized education plan (IEP) so their reports should be customized to the individual student as much as possible.</t>
  </si>
  <si>
    <t>IT is too many reports.</t>
  </si>
  <si>
    <t>It skews the learning to have these type of results emphasized.</t>
  </si>
  <si>
    <t>I believe that it important to have letter grades for secondary school students.</t>
  </si>
  <si>
    <t>I do not feel that self assessment is a good tool as it says more about each student's perception of themselves than an objective evaluation.</t>
  </si>
  <si>
    <t>This should already be in the system.</t>
  </si>
  <si>
    <t>I feel that the frequency of reporting is extra work that is not necessary.</t>
  </si>
  <si>
    <t>Application to semester courses? Seems much of this comes from an Elementary school lens.</t>
  </si>
  <si>
    <t>Among many other shortfalls, "extending" may include what was a student who might do just OK in university science (for example) vs someone who is exceptional who might be of national security interest. Again, this approach seems to come from an Elementary/Arts lens and poorly aligns with Math &amp; Sci</t>
  </si>
  <si>
    <t>As above, I believe Math &amp; Science teachers can justify a more fine tuned evaluation (100% scale), and this is what universities &amp; post secondary institutions understand.</t>
  </si>
  <si>
    <t>Should have had "slightly dissatisfied" as a choice. Thin edge of the wedge. Leave secondary reporting alone. I'm not against others choosing this, but again, I prefer the way it is now.</t>
  </si>
  <si>
    <t>Really? Even at the grade 10 level, many students don't have the maturity level to truly perform this task.</t>
  </si>
  <si>
    <t>Similar to previous entry. Isn't there already a mandatory course where they do this?</t>
  </si>
  <si>
    <t>Should have just had "satisfied. Seems that your survey is slanted to have a favourable outcome. I do agree of addressing the needs of all learners as much as possible.</t>
  </si>
  <si>
    <t>Grades 8 and 9 are part of Secondary School (usually). Leave it alone.</t>
  </si>
  <si>
    <t>What are some reasons for your choice above? (Frequency of Reporting)</t>
  </si>
  <si>
    <t>What are some reasons for your choice above?  (Provincial Proficiency Scale Required for K-9)</t>
  </si>
  <si>
    <t>What are some reasons for your choice above?  (Letter grades &amp; percents required for 10-12)</t>
  </si>
  <si>
    <t>What are some reasons for your choice above? (Proficiency Scale as an option 10-12)</t>
  </si>
  <si>
    <t>What are some reasons for your choice above? (Self-Assessment of Core Competencies)</t>
  </si>
  <si>
    <t>What are some reasons for your choice above? (Student goal setting)</t>
  </si>
  <si>
    <t>What are some reasons for your choice above? (Diversity &amp; Inclusion)</t>
  </si>
  <si>
    <t>Feedback is giving continuously with apps and programs.  Formal reporting period of four times year year is adequate.</t>
  </si>
  <si>
    <t>Letter Grades &amp; Percentages as a requirement in Grades 10-12 reporting</t>
  </si>
  <si>
    <t>I do goal setting now with students in PHE and I end up giving the majority of the students goal setting back to be redone properly. If I don't sit down one on one with the students to properly write down their PHE  goals, they come back incomplete or improperly completed once again.</t>
  </si>
  <si>
    <t>Educators are not all equal and leaving it to them to decide a child’s future without accurate testing isn’t fair</t>
  </si>
  <si>
    <t>I believe reports are a handy tool for me as a parent to see where my child learning competencies are being met or if we need extra support in areas at home</t>
  </si>
  <si>
    <t>Lack of supports for teachers to learn about implementing the new reporting order.  Lack of guidance from the Ministry to ensure consistent approaches across the province in implementing the new reporting order. The potential for a significant increase in teacher workload to meet the new reporting</t>
  </si>
  <si>
    <t>Provincial Proficiency Scale as a requirement in Grades K-9 reporting</t>
  </si>
  <si>
    <t>Frequency of Reporting</t>
  </si>
  <si>
    <t>Truthful discussions and concerns need to be voiced during all communication with parents and educators need to leave their ego’s out of it. It takes a village and parents, ea’s, teachers, LST, ITT’s, Principals all need to be transparent and maintain effective communication with parents.</t>
  </si>
  <si>
    <t>It’s worded positively-  Emerging is still successful and in development stage, not “ not meeting expectations “ Feels better and more respectful of the child and family</t>
  </si>
  <si>
    <t>Although a great idea in theory. This method of reporting is vague and then we switch back to grades in grade 10-12.</t>
  </si>
  <si>
    <t>As a post sec instructor for 20 years, our school has witnessed a markable decrease of student readiness. Math and English skills have weakened, and students have difficulty with deadlines and ‘rules’. There is structure and expectations in post sec and the Kto12 system isn’t preparing them for it.</t>
  </si>
  <si>
    <t>When students are applying for universities and beyond, a method is required to determine the level of skill students have in particular fields.  A "proficient" doesn't carry enough detail.</t>
  </si>
  <si>
    <t>Other</t>
  </si>
  <si>
    <t>Student Goal Setting</t>
  </si>
  <si>
    <t>Over-reporting takes away time from the kind of instruction that the Ministry purports to promote. Deep, critical and creative thinking work does not always have a quick and easy assessment. It evolves through conversation, hands on projects. It takes time to facilitate that kind of learning.</t>
  </si>
  <si>
    <t>It needs to be a firm reflection of progress and not a subjective opinion as those are too varied amongst different educators and based on their own personal opinion and not the true depiction of the student on a whole</t>
  </si>
  <si>
    <t>Difficult for parent to switch back into the old way of getting grades.</t>
  </si>
  <si>
    <t>Student Self-Assessment</t>
  </si>
  <si>
    <t>Pick one or the other reporting method. This becomes much more work woth 2 systems</t>
  </si>
  <si>
    <t>I believe self-assessment is very powerful tool for students.</t>
  </si>
  <si>
    <t>This is very important, although it will take practice and training to have students learn how to effectively self-reflect and identify growth in core competencies.</t>
  </si>
  <si>
    <t>Practice K-2 Report grades 3+</t>
  </si>
  <si>
    <t>I think a child having an image of them selves is always a good thing to asses where they feel strengths and weaknesses</t>
  </si>
  <si>
    <t>This is similar to self assessment and there are many holes in this method of evaluating</t>
  </si>
  <si>
    <t>Teachers already do this but when it is a reporting policy, teachers feel they HAVE to as opposed to wanting to.</t>
  </si>
  <si>
    <t>Agreed, but again it will take practice to have students understand the value of personal goal setting and learn how to do it effectively.</t>
  </si>
  <si>
    <t>I want anecdotal.</t>
  </si>
  <si>
    <t>special needs kids don't need to have double the reports!  IEP is enough.  Also, we don't need 4 reports in one semester.  I like not having grades until grade 10.</t>
  </si>
  <si>
    <t>Formal reports 2x/ year for k-5 Informal reporting throughout the year - 3 written informal (fresh grade, interims).  Reports based on course completion and/or halfway point for grades 6-9. Informal as well (Fresh grade, interims).  Grades 10-12 (unfamiliar with this system recently to comment)</t>
  </si>
  <si>
    <t xml:space="preserve">Correspondence with [LOCATION] is limited. The school utilizes a Parent Connect that is frequently down or being updated, resulting in passwords that are difficult to remember or to log into. COVID has also impacted accessibility of information. </t>
  </si>
  <si>
    <t>I m very happy and satisfied from the school system plus all the [LOCATION] staff way they set up all safety plan this pandemic situation and  plus they working hard for students on track for their education . Hat off all the staff</t>
  </si>
  <si>
    <t>Having participated in the SRPP and then [LOCATION] CSL portfolio-based inquiry project, I know that authentic student-centred assessment takes more time than writing report cards. Three written reports in a year is too much. We have been doing two and it is much more work than 3 traditional report cards.</t>
  </si>
  <si>
    <t>Freshgrade is used in [LOCATION] - very time consuming. Five reports in a less than 10 month program is too many at the elementary level.
Only three reports should be necessary. Reporting is very time consuming for teachers in elementary. High school push a button for each students report.</t>
  </si>
  <si>
    <t>[LOCATION] has been doing two formal written reports and 10-12 Ongoing Communication of Student Learning. 3 formal written reports take too much time to prepare outside of work hours. More frequent updates via the OCSL are more informative to parents &amp; less onerous for teachers.</t>
  </si>
  <si>
    <t>In [LOCATION] students do self assessment for all 10-12 OCSL which are sent home. In the written reports a checklist shows details of the OCSL (subjects, competencies, date…)</t>
  </si>
  <si>
    <t xml:space="preserve">In [LOCATION] this is part of the OCSLs </t>
  </si>
  <si>
    <t xml:space="preserve">As mentioned already, percentages are meaningless and do not align with our redesigned curriculum. Learning is a process, not a number. Ask [NAME]. </t>
  </si>
  <si>
    <t>The system has to adapt even in grade 10 to 12. Researches from [NAME] show that even great schools like Harvard want the best students and will adapt to a no grade system.</t>
  </si>
  <si>
    <t>If grades are attached, the proficiency scale makes no sense. See [NAME] on that.</t>
  </si>
  <si>
    <t>Percentages are highly subjective but they create the impression of objectivity for parents. See the work of [NAME] for more information.</t>
  </si>
  <si>
    <t xml:space="preserve">It's all just more of the same, a rose by any other name.  If you are assessing, this just acts as window dressing to provide a fig leaf for grade inflation which in turn hides lower expectations  which started under [NAME].
</t>
  </si>
  <si>
    <t>We spend so much time on report cards that we do NOT get paid for (30+ hours for some teachers).  Our administrators tell us we need detailed comments so we spend our personal time writing reports AND many parents don’t even look at report cards!!! Especially because they are on MyEd in [LOCATION]</t>
  </si>
  <si>
    <t xml:space="preserve">Why would you cancel the 100-meter sprint in the Olympics because of [NAME]? That is my question. You are trying to take care of  [NAME] feelings? What about the feelings of  [NAME]? Do letter grades matter? If you think they do, then they don’t. If you think they don’t, then they do. </t>
  </si>
  <si>
    <t>I am deeply concerned and dissatisfied with the education of autistic children in BC, many of whom experience school trauma and end up at one of the fantastic independent online learning schools [HEALTH INFORMATION] We will only return to public in a system that truly embraces neurodivergent children.</t>
  </si>
  <si>
    <t>Isn't this already required? We need to see the new Inclusive Ed manual before answering here. As a teacher and parent to an [HEALTH INFORMATION] autistic child I am deeply dissatisfied with the state of discrimination of disabled learners in this province. How will you ensure teachers change their mindset?</t>
  </si>
  <si>
    <t>I have a student with a [HEALTH INFORMATION] diagnosis, so the self assessment is more related to how active the symptoms are in that moment rather that a true reflection of progress</t>
  </si>
  <si>
    <t>In areas where students have significant learning struggles the proficiency scale makes more sense in terms of working with the student and the parent. As a parent of a child with [HEALTH INFORMATION] this option would be very helpful for my daughter.</t>
  </si>
  <si>
    <t xml:space="preserve">I feel that our current Independent Online School [LOCATION], does a fantastic job with reporting and communicating with parents about their child's progress. </t>
  </si>
  <si>
    <t>This sounds the same as what we are currently doing with [LOCATION].  I fail to see how this is different.</t>
  </si>
  <si>
    <t>Students should be assessed according to their own growth and achievements rather than a bell curve. I student with a [HEALTH INFORMATION] who made grade strides, should not always get a bad report card because they are not at "grade level". This is damaging and demotivating.</t>
  </si>
  <si>
    <t>My [HEALTH INFORMATION] son has no idea what self - assessment is, even though it’s in his gifted IEP. Every time we have had a student led meeting, it has been painful and uninformative.</t>
  </si>
  <si>
    <t xml:space="preserve">What class do you teach in? I have a student who is suspected ASD. He has a [HEALTH INFORMATION]designation. When he's not running out in the hall or harassing my students who are trying to work or masturbating, I'm trying to get him to focus long enough so that I can at least scribe his responses. </t>
  </si>
  <si>
    <t xml:space="preserve">I have [HEALTH INFORMATION] and I work really hard to do well. I now have extra time and a quiet place for exams and that has really helped me. Thank-you. </t>
  </si>
  <si>
    <t xml:space="preserve">As a parent with an [HEALTH INFORMATION] child who has a rough start to their school career, I would love to see  more inclusivity for these children. </t>
  </si>
  <si>
    <t>In [LOCATION] we use Beginning, Developing, Applying, Extending. It took a very long time to educate parents and students about what those terms meant. To change them again would increase teacher workload when we are all already burned out and overworked. They also don't integrate with ELL scales.</t>
  </si>
  <si>
    <t>In the [LOCATION] we are not currently required to have three written reports, but complete two written reports and communicate in alternative ways with families throuout the year. Having an additional report would increase my workload and add difficulty to timely contact with families</t>
  </si>
  <si>
    <t>In [LOCATION], we currently complete 2 written assessments for students in K-7 as well as 5 ongoing 'communications' with families. I feel this process works well and does not need to be changed.</t>
  </si>
  <si>
    <t>This is currently the proficiency scale and requirements for the reporting process in [LOCATION]. I like the descriptive feedback.</t>
  </si>
  <si>
    <t>[LOCATION] has been doing this since 2016. I found it translated well into rubrics and took away from a focus on "points" or "percentages". The proficiency scale makes it more clear to determine where a student is currently (ex. why developing, not proficient, etc.).</t>
  </si>
  <si>
    <t xml:space="preserve">Again, [LOCATION]  has been doing this since 2016. There are lots of primary/intermediate versions available for teachers to use. </t>
  </si>
  <si>
    <t xml:space="preserve">This is an unrealistic expectation when you work in [LOCATION] as most schools use FreshGrade. FG is meant to be used as a continuous mode of reporting to parents and a tremendous amount of work. Adding written reports throughout the year in addition to constant feedback in FreshGrade seems unrealistic </t>
  </si>
  <si>
    <t xml:space="preserve">Kindergarten students are just getting settled into school.  The first term requirement for reflecting on all 3 competencies ([LOCATION] district) in first term is not possible to do in a meaningful way so early in the school year. </t>
  </si>
  <si>
    <t xml:space="preserve">I love this requirement; however, goal setting in all three areas ([LOCATION] district requirement) in Kindergarten does not feel developmentally appropriate.  One learning goal in the second and third term for Kindergarten will allow for thoughtful and meaningful reflection. </t>
  </si>
  <si>
    <t>Students need to know if their education is adequate before they go to university. The current system leaves that important feedback loop empty. The ministry needs to be sure the important areas are being covered in this open educational system
See research at [LOCATION] school for reference.</t>
  </si>
  <si>
    <t xml:space="preserve">The ministry clearly wants to improve education. However the best research seems to be ignored. [LOCATION] school had a crisis in the mid 1990s and heavily revamped their systems. The key is standardized testing ( not opinion) to identify students needing help and a proper recovery system. </t>
  </si>
  <si>
    <t xml:space="preserve">It is important for students to understand how they are being assessed and learn how to be self-reflective -- a valuable life skill.  I recently heard of a high school math class in [LOCATION] where the teacher was allowing students to assign their own grades -- hopefully it's just self-assessment.  </t>
  </si>
  <si>
    <t xml:space="preserve"> Ensure there is consistency throughout the province in ALL schools.  There is currently far too much variety between School Districts and schools, it's shameful.  A student moves from [LOCATION] to [LOCATION] and it's vastly different in reporting.  Same with teachers, consistency</t>
  </si>
  <si>
    <t xml:space="preserve">our District has already been using it </t>
  </si>
  <si>
    <t xml:space="preserve">That is too many full reports and too much information.  Ongoing, reports throughout  the year on a digital platform is very effective and more timely for parents.  See [LOCATION] pilot.  2 focused reports on student engagement, numeracy and literacy.  All other subjects are ongoing reports throughout </t>
  </si>
  <si>
    <t>Writing reports for each subject is incredibly time consuming. Time that would be better used preparing for lessons.
Parents comment on wanting easy to see facts, not read a multi page, multi paragraph report.
The old [LOCATION] report card was fantastic... circa 2010 ish ... concise and room for a paragr</t>
  </si>
  <si>
    <t xml:space="preserve">What was just piloted in [LOCATION] with two written reports and three other points of progress was a great way to connect with my student learning. I am just getting used to this system and really like it. </t>
  </si>
  <si>
    <t xml:space="preserve">I like the personal contact that we have in [LOCATION] at moment    Two written reports and three other types of reports.   I feel mire connected to my child’s learning </t>
  </si>
  <si>
    <t>As a Mother or a child with Severe [HEALTH INFORMATION] a mild learning delay and [HEALTH INFORMATION] I obviously want my children to feel included and to know they’re not weird or different: it’s a matter of knowing what’s right and what’s wrong. My step daughter has [HEALTH INFORMATION]. We all want our children to feel included.</t>
  </si>
  <si>
    <t xml:space="preserve">[LOCATION] is currently working with a 2 formal, 3 informal report model.  This dramatically improved learning, as it meant we could take the time we needed at the start of the year to focus on work habits and social-emotional learning - and report to parents thusly.  This helps children. </t>
  </si>
  <si>
    <t>Whether we use letter grades or proficiency scales is immaterial to me. What’s important is that we move away from %. . If the proficiency scale descriptor includes enough information to make it meaningful and supportive of learning, then these would be preferable to letter grades. ([NAME])</t>
  </si>
  <si>
    <t>[NAME] suggests: either provide feedback to improve learning or a grade to summarize learning. This policy requires more time spent summarizing learning–it's therefore less supportive of learning than one with fewer formal reports. Two formal (mid-way and at the end) is plenty.</t>
  </si>
  <si>
    <t>The system already accomodates for this so why are you sugar coating it to say it will be better?  It's not better-  you know why? because the gov't refuses to put the funding in to support SpEd students - they cannot be successful without supports so sugar coating the [PROFANITY]sandwich wont help.</t>
  </si>
  <si>
    <t>In the [LOCATION] we have used this language for several years.</t>
  </si>
  <si>
    <t>We currently, for many years in [LOCATION], have students do self-assessments for each reporting period as well as Core Competancy self assessments for final term.</t>
  </si>
  <si>
    <t>its [PROFANITY]</t>
  </si>
  <si>
    <t>Because the system is failing kids who are neurodivergent and I’m angry because my kid is amazing and smart and it’s like pulling teeth to get schools on board. Whoever is at the top needs to know this and end all of these [PROFANITY] policies they don’t help!!!!!!</t>
  </si>
  <si>
    <t>performance standards make sense k-3 where there are checklists, but past that they make absolutely no sense especially when universities and colleges still are based around percentages. THIS IS MUCH [PROFANITY] AS IS YOUR CHARACTER LIMIT..if you truly wanted feedback you wouldn't limit characters</t>
  </si>
  <si>
    <t>Candid conversations with kids reveal how these types of things are merely hoop-jumping to many of them.  They laugh at their own insincerity and how they are being 'required' to [PROFANITY] to make all the powers-that-be happy.</t>
  </si>
  <si>
    <t xml:space="preserve">I want it back to the way it was. Letter grades from grades 4 and up and throw this [PROFANITY] out the window </t>
  </si>
  <si>
    <t xml:space="preserve">Insulting to us teachers for doing this now. Especially since we have been [PROFANITY] on by the government and the public this past year. And had to fight for our safety, sanity and the well-being of our families. The ministry is TONE DEAF. GET.A.CLUE. </t>
  </si>
  <si>
    <t xml:space="preserve">This is a waste of time. This is not taught properly at all. Way to complicated for kids to understand. Words that are used mean nothing to the kids. Same [PROFANITY] different term.  </t>
  </si>
  <si>
    <t>Letter grades and % overlap - result:  85% is a really [PROFANITY] mark!  Pick one or the other, both is ridiculous and always has been.</t>
  </si>
  <si>
    <t>not sure how performance standards meet the needs of students with disabilities and diverse abilities? just opens them up to constantly receiving an emerging and feeling [PROFANITY] about themselves</t>
  </si>
  <si>
    <t>My child with learning needs was left far behind long ago. Not enough is done in [LOCATION] to help kids catch up. Not enough assessment or current reading technologies are being used. ie OG</t>
  </si>
  <si>
    <t>The ministry needs to come up with a report that is used province-wide. Because it’s left to districts, there are many interpretations and the workload is not equitable. I know that my district’s reports are much more labour intensive than [LOCATION] and [LOCATION]. if the ministry provided the do</t>
  </si>
  <si>
    <t xml:space="preserve">We already do this on [LOCATION] </t>
  </si>
  <si>
    <t>I prefer this wording to the wording currently used in [LOCATION].</t>
  </si>
  <si>
    <t>I would need to see these in order to make a more concrete judgement. I teach a trades course and am not sure how this would be implemented especially since the amount of funding for the course I teach varies widely.  I have less than two dollars per student each week while a peer in [LOCATION] has ten</t>
  </si>
  <si>
    <t>What a joke. Have you ever tried to have a young child assess their growth?  Very few parents look at this and it’s ridiculously time consuming.  Are primary teachers given extra time or resources to do this?  This has to be put online by teachers in their own time (at least in [LOCATION]).</t>
  </si>
  <si>
    <t>Would love to see [LOCATION] secondary move away from the IB grading scale for grades 9 &amp; 10.  Not only is it confusing to parents but the kids don't understand it.  And just as they do begin to understand it they're in grade 11 and back to the grade and percentage scale.</t>
  </si>
  <si>
    <t>I get called a [PROFANITY] at least once a week</t>
  </si>
  <si>
    <t>Cause I get called a [PROFANITY] at least once a week</t>
  </si>
  <si>
    <t xml:space="preserve">According to recent research and published documents by researchers and educators such as [NAME], [NAME], [NAME], [NAME], [NAME], [NAME], and [NAME], taking a gradeless approach is the one that best serves students' learning needs.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x14ac:knownFonts="1">
    <font>
      <sz val="11"/>
      <color theme="1"/>
      <name val="Calibri"/>
      <family val="2"/>
      <scheme val="minor"/>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57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s>
  <fills count="34">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rgb="FFFFFF00"/>
        <bgColor indexed="64"/>
      </patternFill>
    </fill>
  </fills>
  <borders count="10">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42">
    <xf numFmtId="0" fontId="0" fillId="0" borderId="0"/>
    <xf numFmtId="0" fontId="2" fillId="0" borderId="0" applyNumberFormat="0" applyFill="0" applyBorder="0" applyAlignment="0" applyProtection="0"/>
    <xf numFmtId="0" fontId="3" fillId="0" borderId="1" applyNumberFormat="0" applyFill="0" applyAlignment="0" applyProtection="0"/>
    <xf numFmtId="0" fontId="4" fillId="0" borderId="2" applyNumberFormat="0" applyFill="0" applyAlignment="0" applyProtection="0"/>
    <xf numFmtId="0" fontId="5" fillId="0" borderId="3" applyNumberFormat="0" applyFill="0" applyAlignment="0" applyProtection="0"/>
    <xf numFmtId="0" fontId="5" fillId="0" borderId="0" applyNumberFormat="0" applyFill="0" applyBorder="0" applyAlignment="0" applyProtection="0"/>
    <xf numFmtId="0" fontId="6" fillId="2" borderId="0" applyNumberFormat="0" applyBorder="0" applyAlignment="0" applyProtection="0"/>
    <xf numFmtId="0" fontId="7" fillId="3" borderId="0" applyNumberFormat="0" applyBorder="0" applyAlignment="0" applyProtection="0"/>
    <xf numFmtId="0" fontId="8" fillId="4" borderId="0" applyNumberFormat="0" applyBorder="0" applyAlignment="0" applyProtection="0"/>
    <xf numFmtId="0" fontId="9" fillId="5" borderId="4" applyNumberFormat="0" applyAlignment="0" applyProtection="0"/>
    <xf numFmtId="0" fontId="10" fillId="6" borderId="5" applyNumberFormat="0" applyAlignment="0" applyProtection="0"/>
    <xf numFmtId="0" fontId="11" fillId="6" borderId="4" applyNumberFormat="0" applyAlignment="0" applyProtection="0"/>
    <xf numFmtId="0" fontId="12" fillId="0" borderId="6" applyNumberFormat="0" applyFill="0" applyAlignment="0" applyProtection="0"/>
    <xf numFmtId="0" fontId="13" fillId="7" borderId="7" applyNumberFormat="0" applyAlignment="0" applyProtection="0"/>
    <xf numFmtId="0" fontId="14" fillId="0" borderId="0" applyNumberFormat="0" applyFill="0" applyBorder="0" applyAlignment="0" applyProtection="0"/>
    <xf numFmtId="0" fontId="1" fillId="8" borderId="8" applyNumberFormat="0" applyFont="0" applyAlignment="0" applyProtection="0"/>
    <xf numFmtId="0" fontId="15" fillId="0" borderId="0" applyNumberFormat="0" applyFill="0" applyBorder="0" applyAlignment="0" applyProtection="0"/>
    <xf numFmtId="0" fontId="16" fillId="0" borderId="9" applyNumberFormat="0" applyFill="0" applyAlignment="0" applyProtection="0"/>
    <xf numFmtId="0" fontId="17" fillId="9" borderId="0" applyNumberFormat="0" applyBorder="0" applyAlignment="0" applyProtection="0"/>
    <xf numFmtId="0" fontId="1" fillId="10"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7" fillId="13"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7" fillId="17"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 fillId="20" borderId="0" applyNumberFormat="0" applyBorder="0" applyAlignment="0" applyProtection="0"/>
    <xf numFmtId="0" fontId="17" fillId="21"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 fillId="24" borderId="0" applyNumberFormat="0" applyBorder="0" applyAlignment="0" applyProtection="0"/>
    <xf numFmtId="0" fontId="17" fillId="25"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 fillId="28" borderId="0" applyNumberFormat="0" applyBorder="0" applyAlignment="0" applyProtection="0"/>
    <xf numFmtId="0" fontId="17" fillId="29"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xf numFmtId="0" fontId="1" fillId="32" borderId="0" applyNumberFormat="0" applyBorder="0" applyAlignment="0" applyProtection="0"/>
  </cellStyleXfs>
  <cellXfs count="8">
    <xf numFmtId="0" fontId="0" fillId="0" borderId="0" xfId="0"/>
    <xf numFmtId="0" fontId="0" fillId="0" borderId="0" xfId="0" applyAlignment="1"/>
    <xf numFmtId="0" fontId="16" fillId="0" borderId="0" xfId="0" applyFont="1" applyAlignment="1"/>
    <xf numFmtId="0" fontId="16" fillId="0" borderId="0" xfId="0" applyFont="1" applyAlignment="1">
      <alignment wrapText="1"/>
    </xf>
    <xf numFmtId="0" fontId="0" fillId="0" borderId="0" xfId="0" applyAlignment="1">
      <alignment wrapText="1"/>
    </xf>
    <xf numFmtId="0" fontId="0" fillId="33" borderId="0" xfId="0" applyFill="1" applyAlignment="1"/>
    <xf numFmtId="0" fontId="0" fillId="33" borderId="0" xfId="0" applyFill="1" applyAlignment="1">
      <alignment wrapText="1"/>
    </xf>
    <xf numFmtId="0" fontId="0" fillId="0" borderId="0" xfId="0" applyFill="1" applyAlignment="1">
      <alignment wrapText="1"/>
    </xf>
  </cellXfs>
  <cellStyles count="42">
    <cellStyle name="20% - Accent1" xfId="19" builtinId="30" customBuiltin="1"/>
    <cellStyle name="20% - Accent2" xfId="23" builtinId="34" customBuiltin="1"/>
    <cellStyle name="20% - Accent3" xfId="27" builtinId="38" customBuiltin="1"/>
    <cellStyle name="20% - Accent4" xfId="31" builtinId="42" customBuiltin="1"/>
    <cellStyle name="20% - Accent5" xfId="35" builtinId="46" customBuiltin="1"/>
    <cellStyle name="20% - Accent6" xfId="39" builtinId="50" customBuiltin="1"/>
    <cellStyle name="40% - Accent1" xfId="20" builtinId="31" customBuiltin="1"/>
    <cellStyle name="40% - Accent2" xfId="24" builtinId="35" customBuiltin="1"/>
    <cellStyle name="40% - Accent3" xfId="28" builtinId="39" customBuiltin="1"/>
    <cellStyle name="40% - Accent4" xfId="32" builtinId="43" customBuiltin="1"/>
    <cellStyle name="40% - Accent5" xfId="36" builtinId="47" customBuiltin="1"/>
    <cellStyle name="40% - Accent6" xfId="40" builtinId="51" customBuiltin="1"/>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ellStyle name="Note" xfId="15" builtinId="10" customBuiltin="1"/>
    <cellStyle name="Output" xfId="10" builtinId="21" customBuiltin="1"/>
    <cellStyle name="Title" xfId="1" builtinId="15" customBuiltin="1"/>
    <cellStyle name="Total" xfId="17" builtinId="25" customBuiltin="1"/>
    <cellStyle name="Warning Text" xfId="14" builtinId="11"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K4492"/>
  <sheetViews>
    <sheetView tabSelected="1" topLeftCell="A440" zoomScale="80" zoomScaleNormal="80" workbookViewId="0">
      <selection activeCell="D444" sqref="D444"/>
    </sheetView>
  </sheetViews>
  <sheetFormatPr defaultColWidth="9.109375" defaultRowHeight="14.4" x14ac:dyDescent="0.3"/>
  <cols>
    <col min="1" max="1" width="12" style="1" customWidth="1"/>
    <col min="2" max="2" width="50.6640625" style="1" customWidth="1"/>
    <col min="3" max="11" width="50.6640625" style="4" customWidth="1"/>
    <col min="12" max="16384" width="9.109375" style="1"/>
  </cols>
  <sheetData>
    <row r="1" spans="1:11" ht="43.2" x14ac:dyDescent="0.3">
      <c r="A1" s="2" t="s">
        <v>0</v>
      </c>
      <c r="B1" s="2" t="s">
        <v>1</v>
      </c>
      <c r="C1" s="3" t="s">
        <v>23091</v>
      </c>
      <c r="D1" s="3" t="s">
        <v>23092</v>
      </c>
      <c r="E1" s="3" t="s">
        <v>23093</v>
      </c>
      <c r="F1" s="3" t="s">
        <v>23094</v>
      </c>
      <c r="G1" s="3" t="s">
        <v>23095</v>
      </c>
      <c r="H1" s="3" t="s">
        <v>23096</v>
      </c>
      <c r="I1" s="3" t="s">
        <v>23097</v>
      </c>
      <c r="J1" s="3" t="s">
        <v>3</v>
      </c>
      <c r="K1" s="3" t="s">
        <v>2</v>
      </c>
    </row>
    <row r="2" spans="1:11" ht="57.6" x14ac:dyDescent="0.3">
      <c r="A2" s="1">
        <v>1</v>
      </c>
      <c r="C2" s="4" t="s">
        <v>767</v>
      </c>
      <c r="D2" s="4" t="s">
        <v>768</v>
      </c>
      <c r="E2" s="4" t="s">
        <v>769</v>
      </c>
      <c r="F2" s="4" t="s">
        <v>770</v>
      </c>
      <c r="G2" s="4" t="s">
        <v>771</v>
      </c>
      <c r="H2" s="4" t="s">
        <v>772</v>
      </c>
      <c r="K2" s="4" t="s">
        <v>23125</v>
      </c>
    </row>
    <row r="3" spans="1:11" ht="86.4" x14ac:dyDescent="0.3">
      <c r="A3" s="1">
        <v>2</v>
      </c>
      <c r="C3" s="4" t="s">
        <v>2001</v>
      </c>
      <c r="D3" s="4" t="s">
        <v>2002</v>
      </c>
      <c r="E3" s="4" t="s">
        <v>23104</v>
      </c>
      <c r="F3" s="4" t="s">
        <v>2003</v>
      </c>
      <c r="G3" s="4" t="s">
        <v>1993</v>
      </c>
      <c r="H3" s="4" t="s">
        <v>1994</v>
      </c>
      <c r="I3" s="4" t="s">
        <v>1995</v>
      </c>
    </row>
    <row r="4" spans="1:11" ht="86.4" x14ac:dyDescent="0.3">
      <c r="A4" s="1">
        <v>3</v>
      </c>
      <c r="D4" s="4" t="s">
        <v>23104</v>
      </c>
      <c r="E4" s="4" t="s">
        <v>23109</v>
      </c>
      <c r="H4" s="4" t="s">
        <v>23123</v>
      </c>
    </row>
    <row r="5" spans="1:11" x14ac:dyDescent="0.3">
      <c r="A5" s="1">
        <v>4</v>
      </c>
      <c r="C5" s="4" t="s">
        <v>9928</v>
      </c>
      <c r="F5" s="4" t="s">
        <v>23116</v>
      </c>
      <c r="G5" s="4" t="s">
        <v>23118</v>
      </c>
    </row>
    <row r="6" spans="1:11" ht="72" x14ac:dyDescent="0.3">
      <c r="A6" s="1">
        <v>5</v>
      </c>
      <c r="C6" s="4" t="s">
        <v>23098</v>
      </c>
      <c r="D6" s="4" t="s">
        <v>11775</v>
      </c>
      <c r="E6" s="4" t="s">
        <v>23110</v>
      </c>
      <c r="F6" s="4" t="s">
        <v>11777</v>
      </c>
      <c r="J6" s="4" t="s">
        <v>11778</v>
      </c>
      <c r="K6" s="4" t="s">
        <v>11773</v>
      </c>
    </row>
    <row r="7" spans="1:11" ht="57.6" x14ac:dyDescent="0.3">
      <c r="A7" s="1">
        <v>6</v>
      </c>
      <c r="C7" s="4" t="s">
        <v>14018</v>
      </c>
      <c r="D7" s="4" t="s">
        <v>8</v>
      </c>
      <c r="G7" s="4" t="s">
        <v>14011</v>
      </c>
      <c r="H7" s="4" t="s">
        <v>14012</v>
      </c>
      <c r="K7" s="4" t="s">
        <v>14013</v>
      </c>
    </row>
    <row r="8" spans="1:11" ht="86.4" x14ac:dyDescent="0.3">
      <c r="A8" s="1">
        <v>7</v>
      </c>
      <c r="C8" s="4" t="s">
        <v>16014</v>
      </c>
      <c r="E8" s="4" t="s">
        <v>23111</v>
      </c>
      <c r="F8" s="4" t="s">
        <v>16017</v>
      </c>
      <c r="G8" s="4" t="s">
        <v>23119</v>
      </c>
      <c r="H8" s="4" t="s">
        <v>23124</v>
      </c>
      <c r="K8" s="4" t="s">
        <v>16008</v>
      </c>
    </row>
    <row r="9" spans="1:11" ht="72" x14ac:dyDescent="0.3">
      <c r="A9" s="1">
        <v>8</v>
      </c>
      <c r="C9" s="4" t="s">
        <v>23099</v>
      </c>
      <c r="D9" s="4" t="s">
        <v>243</v>
      </c>
      <c r="E9" s="4" t="s">
        <v>238</v>
      </c>
      <c r="G9" s="4" t="s">
        <v>235</v>
      </c>
    </row>
    <row r="10" spans="1:11" ht="72" x14ac:dyDescent="0.3">
      <c r="A10" s="1">
        <v>9</v>
      </c>
      <c r="C10" s="4" t="s">
        <v>23100</v>
      </c>
      <c r="E10" s="4" t="s">
        <v>23112</v>
      </c>
      <c r="F10" s="4" t="s">
        <v>4463</v>
      </c>
      <c r="G10" s="4" t="s">
        <v>4453</v>
      </c>
      <c r="H10" s="4" t="s">
        <v>4454</v>
      </c>
      <c r="I10" s="4" t="s">
        <v>4455</v>
      </c>
      <c r="K10" s="4" t="s">
        <v>4456</v>
      </c>
    </row>
    <row r="11" spans="1:11" ht="72" x14ac:dyDescent="0.3">
      <c r="A11" s="1">
        <v>10</v>
      </c>
      <c r="C11" s="4" t="s">
        <v>5245</v>
      </c>
      <c r="D11" s="4" t="s">
        <v>23105</v>
      </c>
      <c r="E11" s="4" t="s">
        <v>23113</v>
      </c>
      <c r="F11" s="4" t="s">
        <v>5235</v>
      </c>
      <c r="H11" s="4" t="s">
        <v>5236</v>
      </c>
      <c r="I11" s="4" t="s">
        <v>5237</v>
      </c>
      <c r="K11" s="4" t="s">
        <v>23126</v>
      </c>
    </row>
    <row r="12" spans="1:11" ht="86.4" x14ac:dyDescent="0.3">
      <c r="A12" s="1">
        <v>11</v>
      </c>
      <c r="C12" s="4" t="s">
        <v>23101</v>
      </c>
      <c r="D12" s="4" t="s">
        <v>23106</v>
      </c>
      <c r="E12" s="4" t="s">
        <v>23114</v>
      </c>
      <c r="G12" s="4" t="s">
        <v>9366</v>
      </c>
      <c r="H12" s="4" t="s">
        <v>9367</v>
      </c>
      <c r="I12" s="4" t="s">
        <v>9368</v>
      </c>
      <c r="J12" s="4" t="s">
        <v>9369</v>
      </c>
      <c r="K12" s="4" t="s">
        <v>9370</v>
      </c>
    </row>
    <row r="13" spans="1:11" ht="86.4" x14ac:dyDescent="0.3">
      <c r="A13" s="1">
        <v>12</v>
      </c>
      <c r="D13" s="4" t="s">
        <v>10414</v>
      </c>
      <c r="G13" s="4" t="s">
        <v>23120</v>
      </c>
      <c r="H13" s="4" t="s">
        <v>10412</v>
      </c>
      <c r="K13" s="4" t="s">
        <v>23127</v>
      </c>
    </row>
    <row r="14" spans="1:11" ht="86.4" x14ac:dyDescent="0.3">
      <c r="A14" s="1">
        <v>13</v>
      </c>
      <c r="D14" s="4" t="s">
        <v>10414</v>
      </c>
      <c r="G14" s="4" t="s">
        <v>23120</v>
      </c>
      <c r="H14" s="4" t="s">
        <v>10412</v>
      </c>
      <c r="K14" s="4" t="s">
        <v>23127</v>
      </c>
    </row>
    <row r="15" spans="1:11" ht="72" x14ac:dyDescent="0.3">
      <c r="A15" s="1">
        <v>14</v>
      </c>
      <c r="C15" s="4" t="s">
        <v>13919</v>
      </c>
      <c r="D15" s="4" t="s">
        <v>13913</v>
      </c>
      <c r="E15" s="4" t="s">
        <v>13914</v>
      </c>
      <c r="F15" s="4" t="s">
        <v>13915</v>
      </c>
      <c r="G15" s="4" t="s">
        <v>13908</v>
      </c>
      <c r="H15" s="4" t="s">
        <v>13909</v>
      </c>
      <c r="I15" s="4" t="s">
        <v>13910</v>
      </c>
      <c r="K15" s="4" t="s">
        <v>13911</v>
      </c>
    </row>
    <row r="16" spans="1:11" ht="43.2" x14ac:dyDescent="0.3">
      <c r="A16" s="1">
        <v>15</v>
      </c>
      <c r="C16" s="4" t="s">
        <v>23102</v>
      </c>
      <c r="D16" s="4" t="s">
        <v>23107</v>
      </c>
      <c r="F16" s="4" t="s">
        <v>16699</v>
      </c>
      <c r="G16" s="4" t="s">
        <v>23121</v>
      </c>
      <c r="H16" s="4" t="s">
        <v>16701</v>
      </c>
      <c r="K16" s="4" t="s">
        <v>16696</v>
      </c>
    </row>
    <row r="17" spans="1:11" ht="86.4" x14ac:dyDescent="0.3">
      <c r="A17" s="1">
        <v>16</v>
      </c>
      <c r="C17" s="4" t="s">
        <v>23103</v>
      </c>
      <c r="D17" s="4" t="s">
        <v>23108</v>
      </c>
      <c r="E17" s="4" t="s">
        <v>23115</v>
      </c>
      <c r="F17" s="4" t="s">
        <v>23117</v>
      </c>
      <c r="G17" s="4" t="s">
        <v>23122</v>
      </c>
      <c r="H17" s="4" t="s">
        <v>20420</v>
      </c>
      <c r="I17" s="4" t="s">
        <v>20421</v>
      </c>
    </row>
    <row r="18" spans="1:11" ht="28.8" x14ac:dyDescent="0.3">
      <c r="A18" s="1">
        <v>26</v>
      </c>
      <c r="C18" s="4" t="s">
        <v>5</v>
      </c>
      <c r="D18" s="4" t="s">
        <v>6</v>
      </c>
      <c r="F18" s="4" t="s">
        <v>7</v>
      </c>
    </row>
    <row r="19" spans="1:11" ht="43.2" x14ac:dyDescent="0.3">
      <c r="A19" s="1">
        <v>41</v>
      </c>
      <c r="C19" s="4" t="s">
        <v>9</v>
      </c>
      <c r="D19" s="4" t="s">
        <v>10</v>
      </c>
      <c r="G19" s="4" t="s">
        <v>11</v>
      </c>
      <c r="I19" s="4" t="s">
        <v>12</v>
      </c>
    </row>
    <row r="20" spans="1:11" ht="72" x14ac:dyDescent="0.3">
      <c r="A20" s="1">
        <v>46</v>
      </c>
      <c r="D20" s="4" t="s">
        <v>13</v>
      </c>
      <c r="E20" s="4" t="s">
        <v>14</v>
      </c>
      <c r="F20" s="4" t="s">
        <v>15</v>
      </c>
      <c r="G20" s="4" t="s">
        <v>16</v>
      </c>
      <c r="I20" s="4" t="s">
        <v>17</v>
      </c>
    </row>
    <row r="21" spans="1:11" ht="57.6" x14ac:dyDescent="0.3">
      <c r="A21" s="1">
        <v>51</v>
      </c>
      <c r="F21" s="4" t="s">
        <v>18</v>
      </c>
    </row>
    <row r="22" spans="1:11" ht="86.4" x14ac:dyDescent="0.3">
      <c r="A22" s="1">
        <v>56</v>
      </c>
      <c r="D22" s="4" t="s">
        <v>19</v>
      </c>
      <c r="E22" s="4" t="s">
        <v>20</v>
      </c>
      <c r="F22" s="4" t="s">
        <v>21</v>
      </c>
      <c r="G22" s="4" t="s">
        <v>22</v>
      </c>
      <c r="I22" s="4" t="s">
        <v>23</v>
      </c>
      <c r="K22" s="4" t="s">
        <v>24</v>
      </c>
    </row>
    <row r="23" spans="1:11" ht="72" x14ac:dyDescent="0.3">
      <c r="A23" s="1">
        <v>91</v>
      </c>
      <c r="D23" s="4" t="s">
        <v>25</v>
      </c>
      <c r="E23" s="4" t="s">
        <v>26</v>
      </c>
      <c r="F23" s="4" t="s">
        <v>27</v>
      </c>
      <c r="G23" s="4" t="s">
        <v>28</v>
      </c>
      <c r="H23" s="4" t="s">
        <v>29</v>
      </c>
      <c r="I23" s="4" t="s">
        <v>30</v>
      </c>
      <c r="J23" s="4" t="s">
        <v>31</v>
      </c>
      <c r="K23" s="4" t="s">
        <v>32</v>
      </c>
    </row>
    <row r="24" spans="1:11" ht="43.2" x14ac:dyDescent="0.3">
      <c r="A24" s="1">
        <v>96</v>
      </c>
      <c r="C24" s="4" t="s">
        <v>33</v>
      </c>
      <c r="D24" s="4" t="s">
        <v>33</v>
      </c>
      <c r="G24" s="4" t="s">
        <v>34</v>
      </c>
      <c r="H24" s="4" t="s">
        <v>35</v>
      </c>
      <c r="K24" s="4" t="s">
        <v>36</v>
      </c>
    </row>
    <row r="25" spans="1:11" ht="72" x14ac:dyDescent="0.3">
      <c r="A25" s="1">
        <v>116</v>
      </c>
      <c r="C25" s="4" t="s">
        <v>37</v>
      </c>
      <c r="D25" s="4" t="s">
        <v>38</v>
      </c>
      <c r="E25" s="4" t="s">
        <v>39</v>
      </c>
      <c r="F25" s="4" t="s">
        <v>40</v>
      </c>
      <c r="G25" s="4" t="s">
        <v>41</v>
      </c>
      <c r="H25" s="4" t="s">
        <v>42</v>
      </c>
      <c r="I25" s="4" t="s">
        <v>43</v>
      </c>
      <c r="K25" s="4" t="s">
        <v>44</v>
      </c>
    </row>
    <row r="26" spans="1:11" ht="72" x14ac:dyDescent="0.3">
      <c r="A26" s="1">
        <v>121</v>
      </c>
      <c r="C26" s="4" t="s">
        <v>45</v>
      </c>
      <c r="D26" s="4" t="s">
        <v>46</v>
      </c>
      <c r="G26" s="4" t="s">
        <v>47</v>
      </c>
      <c r="H26" s="4" t="s">
        <v>48</v>
      </c>
      <c r="I26" s="4" t="s">
        <v>49</v>
      </c>
    </row>
    <row r="27" spans="1:11" ht="86.4" x14ac:dyDescent="0.3">
      <c r="A27" s="1">
        <v>131</v>
      </c>
      <c r="C27" s="4" t="s">
        <v>50</v>
      </c>
      <c r="D27" s="4" t="s">
        <v>51</v>
      </c>
      <c r="E27" s="4" t="s">
        <v>52</v>
      </c>
      <c r="F27" s="4" t="s">
        <v>53</v>
      </c>
      <c r="G27" s="4" t="s">
        <v>54</v>
      </c>
      <c r="H27" s="4" t="s">
        <v>55</v>
      </c>
      <c r="I27" s="4" t="s">
        <v>56</v>
      </c>
    </row>
    <row r="28" spans="1:11" ht="72" x14ac:dyDescent="0.3">
      <c r="A28" s="1">
        <v>136</v>
      </c>
      <c r="C28" s="4" t="s">
        <v>58</v>
      </c>
      <c r="D28" s="4" t="s">
        <v>59</v>
      </c>
      <c r="E28" s="4" t="s">
        <v>60</v>
      </c>
      <c r="F28" s="4" t="s">
        <v>61</v>
      </c>
      <c r="G28" s="4" t="s">
        <v>62</v>
      </c>
      <c r="H28" s="4" t="s">
        <v>63</v>
      </c>
      <c r="I28" s="4" t="s">
        <v>64</v>
      </c>
      <c r="K28" s="4" t="s">
        <v>59</v>
      </c>
    </row>
    <row r="29" spans="1:11" x14ac:dyDescent="0.3">
      <c r="A29" s="1">
        <v>141</v>
      </c>
    </row>
    <row r="30" spans="1:11" ht="86.4" x14ac:dyDescent="0.3">
      <c r="A30" s="1">
        <v>146</v>
      </c>
      <c r="C30" s="4" t="s">
        <v>65</v>
      </c>
      <c r="D30" s="4" t="s">
        <v>66</v>
      </c>
      <c r="E30" s="4" t="s">
        <v>67</v>
      </c>
      <c r="F30" s="4" t="s">
        <v>66</v>
      </c>
      <c r="G30" s="4" t="s">
        <v>68</v>
      </c>
      <c r="H30" s="4" t="s">
        <v>69</v>
      </c>
      <c r="I30" s="4" t="s">
        <v>70</v>
      </c>
      <c r="K30" s="4" t="s">
        <v>71</v>
      </c>
    </row>
    <row r="31" spans="1:11" x14ac:dyDescent="0.3">
      <c r="A31" s="1">
        <v>151</v>
      </c>
      <c r="G31" s="4" t="s">
        <v>72</v>
      </c>
    </row>
    <row r="32" spans="1:11" ht="72" x14ac:dyDescent="0.3">
      <c r="A32" s="1">
        <v>156</v>
      </c>
      <c r="C32" s="4" t="s">
        <v>73</v>
      </c>
      <c r="D32" s="4" t="s">
        <v>74</v>
      </c>
      <c r="E32" s="4" t="s">
        <v>75</v>
      </c>
      <c r="F32" s="4" t="s">
        <v>76</v>
      </c>
      <c r="H32" s="4" t="s">
        <v>77</v>
      </c>
      <c r="J32" s="4" t="s">
        <v>78</v>
      </c>
    </row>
    <row r="33" spans="1:11" ht="43.2" x14ac:dyDescent="0.3">
      <c r="A33" s="1">
        <v>161</v>
      </c>
      <c r="D33" s="4" t="s">
        <v>79</v>
      </c>
      <c r="E33" s="4" t="s">
        <v>80</v>
      </c>
      <c r="F33" s="4" t="s">
        <v>81</v>
      </c>
      <c r="G33" s="4" t="s">
        <v>82</v>
      </c>
      <c r="H33" s="4" t="s">
        <v>83</v>
      </c>
      <c r="I33" s="4" t="s">
        <v>84</v>
      </c>
      <c r="K33" s="4" t="s">
        <v>85</v>
      </c>
    </row>
    <row r="34" spans="1:11" ht="72" x14ac:dyDescent="0.3">
      <c r="A34" s="1">
        <v>171</v>
      </c>
      <c r="C34" s="4" t="s">
        <v>86</v>
      </c>
      <c r="D34" s="4" t="s">
        <v>87</v>
      </c>
      <c r="E34" s="4" t="s">
        <v>88</v>
      </c>
    </row>
    <row r="35" spans="1:11" ht="86.4" x14ac:dyDescent="0.3">
      <c r="A35" s="1">
        <v>176</v>
      </c>
      <c r="C35" s="4" t="s">
        <v>89</v>
      </c>
      <c r="D35" s="4" t="s">
        <v>90</v>
      </c>
      <c r="E35" s="4" t="s">
        <v>91</v>
      </c>
      <c r="F35" s="4" t="s">
        <v>92</v>
      </c>
      <c r="G35" s="4" t="s">
        <v>93</v>
      </c>
      <c r="H35" s="4" t="s">
        <v>94</v>
      </c>
      <c r="I35" s="4" t="s">
        <v>95</v>
      </c>
      <c r="K35" s="4" t="s">
        <v>96</v>
      </c>
    </row>
    <row r="36" spans="1:11" ht="86.4" x14ac:dyDescent="0.3">
      <c r="A36" s="1">
        <v>181</v>
      </c>
      <c r="C36" s="4" t="s">
        <v>98</v>
      </c>
      <c r="D36" s="4" t="s">
        <v>99</v>
      </c>
      <c r="E36" s="4" t="s">
        <v>100</v>
      </c>
      <c r="F36" s="4" t="s">
        <v>101</v>
      </c>
      <c r="G36" s="4" t="s">
        <v>102</v>
      </c>
      <c r="H36" s="4" t="s">
        <v>103</v>
      </c>
      <c r="I36" s="4" t="s">
        <v>104</v>
      </c>
      <c r="K36" s="4" t="s">
        <v>105</v>
      </c>
    </row>
    <row r="37" spans="1:11" ht="86.4" x14ac:dyDescent="0.3">
      <c r="A37" s="1">
        <v>186</v>
      </c>
      <c r="C37" s="4" t="s">
        <v>106</v>
      </c>
      <c r="D37" s="4" t="s">
        <v>107</v>
      </c>
      <c r="E37" s="4" t="s">
        <v>108</v>
      </c>
      <c r="F37" s="4" t="s">
        <v>109</v>
      </c>
      <c r="K37" s="4" t="s">
        <v>110</v>
      </c>
    </row>
    <row r="38" spans="1:11" ht="43.2" x14ac:dyDescent="0.3">
      <c r="A38" s="1">
        <v>191</v>
      </c>
      <c r="C38" s="4" t="s">
        <v>111</v>
      </c>
      <c r="D38" s="4" t="s">
        <v>112</v>
      </c>
      <c r="E38" s="4" t="s">
        <v>113</v>
      </c>
      <c r="F38" s="4" t="s">
        <v>114</v>
      </c>
      <c r="I38" s="4" t="s">
        <v>115</v>
      </c>
    </row>
    <row r="39" spans="1:11" x14ac:dyDescent="0.3">
      <c r="A39" s="1">
        <v>196</v>
      </c>
    </row>
    <row r="40" spans="1:11" ht="86.4" x14ac:dyDescent="0.3">
      <c r="A40" s="1">
        <v>201</v>
      </c>
      <c r="C40" s="4" t="s">
        <v>116</v>
      </c>
      <c r="D40" s="4" t="s">
        <v>117</v>
      </c>
      <c r="E40" s="4" t="s">
        <v>118</v>
      </c>
      <c r="F40" s="4" t="s">
        <v>119</v>
      </c>
      <c r="G40" s="4" t="s">
        <v>120</v>
      </c>
      <c r="I40" s="4" t="s">
        <v>121</v>
      </c>
      <c r="J40" s="4" t="s">
        <v>122</v>
      </c>
      <c r="K40" s="4" t="s">
        <v>123</v>
      </c>
    </row>
    <row r="41" spans="1:11" ht="86.4" x14ac:dyDescent="0.3">
      <c r="A41" s="1">
        <v>206</v>
      </c>
      <c r="C41" s="4" t="s">
        <v>124</v>
      </c>
      <c r="D41" s="4" t="s">
        <v>125</v>
      </c>
      <c r="E41" s="4" t="s">
        <v>126</v>
      </c>
      <c r="F41" s="4" t="s">
        <v>127</v>
      </c>
      <c r="G41" s="4" t="s">
        <v>128</v>
      </c>
      <c r="H41" s="4" t="s">
        <v>129</v>
      </c>
      <c r="I41" s="4" t="s">
        <v>130</v>
      </c>
      <c r="K41" s="4" t="s">
        <v>131</v>
      </c>
    </row>
    <row r="42" spans="1:11" ht="72" x14ac:dyDescent="0.3">
      <c r="A42" s="1">
        <v>211</v>
      </c>
      <c r="C42" s="4" t="s">
        <v>132</v>
      </c>
      <c r="D42" s="4" t="s">
        <v>133</v>
      </c>
      <c r="E42" s="4" t="s">
        <v>134</v>
      </c>
      <c r="F42" s="4" t="s">
        <v>135</v>
      </c>
      <c r="I42" s="4" t="s">
        <v>136</v>
      </c>
      <c r="K42" s="4" t="s">
        <v>137</v>
      </c>
    </row>
    <row r="43" spans="1:11" ht="86.4" x14ac:dyDescent="0.3">
      <c r="A43" s="1">
        <v>216</v>
      </c>
      <c r="C43" s="4" t="s">
        <v>138</v>
      </c>
      <c r="D43" s="4" t="s">
        <v>139</v>
      </c>
      <c r="E43" s="4" t="s">
        <v>140</v>
      </c>
      <c r="F43" s="4" t="s">
        <v>141</v>
      </c>
      <c r="G43" s="4" t="s">
        <v>142</v>
      </c>
      <c r="H43" s="4" t="s">
        <v>143</v>
      </c>
      <c r="I43" s="4" t="s">
        <v>144</v>
      </c>
      <c r="K43" s="4" t="s">
        <v>145</v>
      </c>
    </row>
    <row r="44" spans="1:11" ht="72" x14ac:dyDescent="0.3">
      <c r="A44" s="1">
        <v>226</v>
      </c>
      <c r="C44" s="4" t="s">
        <v>146</v>
      </c>
      <c r="D44" s="4" t="s">
        <v>147</v>
      </c>
      <c r="E44" s="4" t="s">
        <v>148</v>
      </c>
      <c r="F44" s="4" t="s">
        <v>149</v>
      </c>
      <c r="G44" s="4" t="s">
        <v>150</v>
      </c>
      <c r="H44" s="4" t="s">
        <v>151</v>
      </c>
      <c r="I44" s="4" t="s">
        <v>152</v>
      </c>
      <c r="K44" s="4" t="s">
        <v>153</v>
      </c>
    </row>
    <row r="45" spans="1:11" ht="86.4" x14ac:dyDescent="0.3">
      <c r="A45" s="1">
        <v>236</v>
      </c>
      <c r="C45" s="4" t="s">
        <v>154</v>
      </c>
      <c r="D45" s="4" t="s">
        <v>155</v>
      </c>
      <c r="E45" s="4" t="s">
        <v>156</v>
      </c>
      <c r="F45" s="4" t="s">
        <v>157</v>
      </c>
      <c r="I45" s="4" t="s">
        <v>158</v>
      </c>
      <c r="K45" s="4" t="s">
        <v>159</v>
      </c>
    </row>
    <row r="46" spans="1:11" ht="86.4" x14ac:dyDescent="0.3">
      <c r="A46" s="1">
        <v>241</v>
      </c>
      <c r="C46" s="4" t="s">
        <v>160</v>
      </c>
      <c r="D46" s="4" t="s">
        <v>161</v>
      </c>
      <c r="E46" s="4" t="s">
        <v>162</v>
      </c>
      <c r="F46" s="4" t="s">
        <v>163</v>
      </c>
      <c r="G46" s="4" t="s">
        <v>164</v>
      </c>
      <c r="H46" s="4" t="s">
        <v>165</v>
      </c>
      <c r="I46" s="4" t="s">
        <v>166</v>
      </c>
      <c r="J46" s="4" t="s">
        <v>167</v>
      </c>
      <c r="K46" s="4" t="s">
        <v>168</v>
      </c>
    </row>
    <row r="47" spans="1:11" ht="86.4" x14ac:dyDescent="0.3">
      <c r="A47" s="1">
        <v>251</v>
      </c>
      <c r="B47" s="1" t="s">
        <v>169</v>
      </c>
      <c r="C47" s="4" t="s">
        <v>170</v>
      </c>
      <c r="E47" s="4" t="s">
        <v>171</v>
      </c>
      <c r="G47" s="4" t="s">
        <v>172</v>
      </c>
      <c r="H47" s="4" t="s">
        <v>173</v>
      </c>
      <c r="I47" s="4" t="s">
        <v>174</v>
      </c>
      <c r="K47" s="4" t="s">
        <v>175</v>
      </c>
    </row>
    <row r="48" spans="1:11" ht="72" x14ac:dyDescent="0.3">
      <c r="A48" s="1">
        <v>256</v>
      </c>
      <c r="D48" s="4" t="s">
        <v>176</v>
      </c>
      <c r="F48" s="4" t="s">
        <v>177</v>
      </c>
      <c r="G48" s="4" t="s">
        <v>178</v>
      </c>
      <c r="J48" s="4" t="s">
        <v>179</v>
      </c>
      <c r="K48" s="4" t="s">
        <v>180</v>
      </c>
    </row>
    <row r="49" spans="1:11" ht="72" x14ac:dyDescent="0.3">
      <c r="A49" s="1">
        <v>276</v>
      </c>
      <c r="D49" s="4" t="s">
        <v>181</v>
      </c>
      <c r="F49" s="4" t="s">
        <v>182</v>
      </c>
      <c r="G49" s="4" t="s">
        <v>183</v>
      </c>
      <c r="H49" s="4" t="s">
        <v>184</v>
      </c>
    </row>
    <row r="50" spans="1:11" x14ac:dyDescent="0.3">
      <c r="A50" s="1">
        <v>296</v>
      </c>
    </row>
    <row r="51" spans="1:11" ht="57.6" x14ac:dyDescent="0.3">
      <c r="A51" s="1">
        <v>301</v>
      </c>
      <c r="C51" s="4" t="s">
        <v>185</v>
      </c>
      <c r="D51" s="4" t="s">
        <v>186</v>
      </c>
      <c r="E51" s="4" t="s">
        <v>187</v>
      </c>
      <c r="F51" s="4" t="s">
        <v>188</v>
      </c>
      <c r="G51" s="4" t="s">
        <v>189</v>
      </c>
      <c r="H51" s="4" t="s">
        <v>190</v>
      </c>
      <c r="I51" s="4" t="s">
        <v>191</v>
      </c>
    </row>
    <row r="52" spans="1:11" ht="72" x14ac:dyDescent="0.3">
      <c r="A52" s="1">
        <v>306</v>
      </c>
      <c r="C52" s="4" t="s">
        <v>192</v>
      </c>
      <c r="D52" s="4" t="s">
        <v>193</v>
      </c>
      <c r="E52" s="4" t="s">
        <v>194</v>
      </c>
      <c r="F52" s="4" t="s">
        <v>195</v>
      </c>
      <c r="G52" s="4" t="s">
        <v>196</v>
      </c>
      <c r="H52" s="4" t="s">
        <v>197</v>
      </c>
      <c r="I52" s="4" t="s">
        <v>198</v>
      </c>
      <c r="K52" s="4" t="s">
        <v>199</v>
      </c>
    </row>
    <row r="53" spans="1:11" ht="72" x14ac:dyDescent="0.3">
      <c r="A53" s="1">
        <v>311</v>
      </c>
      <c r="C53" s="4" t="s">
        <v>200</v>
      </c>
      <c r="D53" s="4" t="s">
        <v>201</v>
      </c>
      <c r="E53" s="4" t="s">
        <v>202</v>
      </c>
      <c r="F53" s="4" t="s">
        <v>203</v>
      </c>
      <c r="G53" s="4" t="s">
        <v>204</v>
      </c>
      <c r="H53" s="4" t="s">
        <v>205</v>
      </c>
      <c r="I53" s="4" t="s">
        <v>206</v>
      </c>
      <c r="K53" s="4" t="s">
        <v>207</v>
      </c>
    </row>
    <row r="54" spans="1:11" ht="72" x14ac:dyDescent="0.3">
      <c r="A54" s="1">
        <v>326</v>
      </c>
      <c r="C54" s="4" t="s">
        <v>208</v>
      </c>
      <c r="D54" s="4" t="s">
        <v>209</v>
      </c>
      <c r="E54" s="4" t="s">
        <v>210</v>
      </c>
      <c r="F54" s="4" t="s">
        <v>211</v>
      </c>
      <c r="G54" s="4" t="s">
        <v>212</v>
      </c>
      <c r="H54" s="4" t="s">
        <v>213</v>
      </c>
      <c r="I54" s="4" t="s">
        <v>214</v>
      </c>
      <c r="K54" s="4" t="s">
        <v>215</v>
      </c>
    </row>
    <row r="55" spans="1:11" ht="86.4" x14ac:dyDescent="0.3">
      <c r="A55" s="1">
        <v>331</v>
      </c>
      <c r="C55" s="4" t="s">
        <v>216</v>
      </c>
      <c r="D55" s="4" t="s">
        <v>217</v>
      </c>
      <c r="G55" s="4" t="s">
        <v>218</v>
      </c>
      <c r="J55" s="4" t="s">
        <v>219</v>
      </c>
      <c r="K55" s="4" t="s">
        <v>220</v>
      </c>
    </row>
    <row r="56" spans="1:11" ht="72" x14ac:dyDescent="0.3">
      <c r="A56" s="1">
        <v>341</v>
      </c>
      <c r="C56" s="4" t="s">
        <v>221</v>
      </c>
      <c r="D56" s="4" t="s">
        <v>222</v>
      </c>
      <c r="E56" s="4" t="s">
        <v>223</v>
      </c>
      <c r="F56" s="4" t="s">
        <v>222</v>
      </c>
      <c r="H56" s="4" t="s">
        <v>224</v>
      </c>
      <c r="K56" s="4" t="s">
        <v>225</v>
      </c>
    </row>
    <row r="57" spans="1:11" ht="72" x14ac:dyDescent="0.3">
      <c r="A57" s="1">
        <v>351</v>
      </c>
      <c r="C57" s="4" t="s">
        <v>226</v>
      </c>
      <c r="D57" s="4" t="s">
        <v>227</v>
      </c>
      <c r="E57" s="4" t="s">
        <v>228</v>
      </c>
      <c r="F57" s="4" t="s">
        <v>229</v>
      </c>
      <c r="G57" s="4" t="s">
        <v>230</v>
      </c>
      <c r="H57" s="4" t="s">
        <v>231</v>
      </c>
      <c r="I57" s="4" t="s">
        <v>232</v>
      </c>
      <c r="J57" s="4" t="s">
        <v>233</v>
      </c>
      <c r="K57" s="4" t="s">
        <v>234</v>
      </c>
    </row>
    <row r="58" spans="1:11" x14ac:dyDescent="0.3">
      <c r="A58" s="1">
        <v>356</v>
      </c>
    </row>
    <row r="59" spans="1:11" ht="57.6" x14ac:dyDescent="0.3">
      <c r="A59" s="1">
        <v>361</v>
      </c>
      <c r="C59" s="4" t="e">
        <v>#NAME?</v>
      </c>
      <c r="D59" s="4" t="e">
        <v>#NAME?</v>
      </c>
      <c r="E59" s="4" t="e">
        <v>#NAME?</v>
      </c>
      <c r="F59" s="4" t="e">
        <v>#NAME?</v>
      </c>
      <c r="G59" s="4" t="s">
        <v>235</v>
      </c>
      <c r="H59" s="4" t="e">
        <v>#NAME?</v>
      </c>
      <c r="I59" s="4" t="e">
        <v>#NAME?</v>
      </c>
      <c r="K59" s="4" t="e">
        <v>#NAME?</v>
      </c>
    </row>
    <row r="60" spans="1:11" ht="100.8" x14ac:dyDescent="0.3">
      <c r="A60" s="1">
        <v>376</v>
      </c>
      <c r="C60" s="4" t="s">
        <v>236</v>
      </c>
      <c r="D60" s="4" t="s">
        <v>237</v>
      </c>
      <c r="E60" s="4" t="s">
        <v>238</v>
      </c>
      <c r="F60" s="4" t="s">
        <v>239</v>
      </c>
      <c r="G60" s="4" t="s">
        <v>240</v>
      </c>
      <c r="H60" s="4" t="s">
        <v>241</v>
      </c>
      <c r="I60" s="4" t="s">
        <v>242</v>
      </c>
      <c r="K60" s="4" t="s">
        <v>243</v>
      </c>
    </row>
    <row r="61" spans="1:11" ht="100.8" x14ac:dyDescent="0.3">
      <c r="A61" s="1">
        <v>381</v>
      </c>
      <c r="C61" s="4" t="s">
        <v>244</v>
      </c>
      <c r="D61" s="4" t="s">
        <v>245</v>
      </c>
      <c r="E61" s="4" t="s">
        <v>246</v>
      </c>
      <c r="F61" s="4" t="s">
        <v>247</v>
      </c>
      <c r="G61" s="4" t="s">
        <v>248</v>
      </c>
      <c r="H61" s="4" t="s">
        <v>249</v>
      </c>
      <c r="J61" s="4" t="s">
        <v>250</v>
      </c>
      <c r="K61" s="4" t="s">
        <v>251</v>
      </c>
    </row>
    <row r="62" spans="1:11" ht="86.4" x14ac:dyDescent="0.3">
      <c r="A62" s="1">
        <v>386</v>
      </c>
      <c r="C62" s="4" t="s">
        <v>252</v>
      </c>
      <c r="D62" s="4" t="s">
        <v>253</v>
      </c>
      <c r="E62" s="4" t="s">
        <v>254</v>
      </c>
      <c r="F62" s="4" t="s">
        <v>255</v>
      </c>
      <c r="G62" s="4" t="s">
        <v>256</v>
      </c>
      <c r="H62" s="4" t="s">
        <v>257</v>
      </c>
      <c r="I62" s="4" t="s">
        <v>258</v>
      </c>
      <c r="K62" s="4" t="s">
        <v>254</v>
      </c>
    </row>
    <row r="63" spans="1:11" ht="72" x14ac:dyDescent="0.3">
      <c r="A63" s="1">
        <v>391</v>
      </c>
      <c r="C63" s="4" t="s">
        <v>259</v>
      </c>
      <c r="D63" s="4" t="s">
        <v>260</v>
      </c>
      <c r="E63" s="4" t="s">
        <v>261</v>
      </c>
      <c r="G63" s="4" t="s">
        <v>262</v>
      </c>
      <c r="H63" s="4" t="s">
        <v>263</v>
      </c>
      <c r="K63" s="4" t="s">
        <v>264</v>
      </c>
    </row>
    <row r="64" spans="1:11" ht="72" x14ac:dyDescent="0.3">
      <c r="A64" s="1">
        <v>406</v>
      </c>
      <c r="C64" s="4" t="s">
        <v>265</v>
      </c>
      <c r="D64" s="4" t="s">
        <v>266</v>
      </c>
      <c r="E64" s="4" t="s">
        <v>267</v>
      </c>
      <c r="F64" s="4" t="s">
        <v>268</v>
      </c>
      <c r="G64" s="4" t="s">
        <v>269</v>
      </c>
      <c r="H64" s="4" t="s">
        <v>270</v>
      </c>
      <c r="I64" s="4" t="s">
        <v>271</v>
      </c>
    </row>
    <row r="65" spans="1:11" ht="86.4" x14ac:dyDescent="0.3">
      <c r="A65" s="1">
        <v>426</v>
      </c>
      <c r="C65" s="4" t="s">
        <v>272</v>
      </c>
      <c r="D65" s="4" t="s">
        <v>273</v>
      </c>
      <c r="E65" s="4" t="s">
        <v>274</v>
      </c>
      <c r="F65" s="4" t="s">
        <v>275</v>
      </c>
      <c r="G65" s="4" t="s">
        <v>276</v>
      </c>
      <c r="H65" s="4" t="s">
        <v>277</v>
      </c>
      <c r="I65" s="4" t="s">
        <v>23143</v>
      </c>
      <c r="K65" s="4" t="s">
        <v>23142</v>
      </c>
    </row>
    <row r="66" spans="1:11" ht="86.4" x14ac:dyDescent="0.3">
      <c r="A66" s="1">
        <v>431</v>
      </c>
      <c r="C66" s="4" t="s">
        <v>278</v>
      </c>
      <c r="D66" s="4" t="s">
        <v>279</v>
      </c>
      <c r="G66" s="4" t="s">
        <v>280</v>
      </c>
    </row>
    <row r="67" spans="1:11" ht="86.4" x14ac:dyDescent="0.3">
      <c r="A67" s="1">
        <v>436</v>
      </c>
      <c r="C67" s="4" t="s">
        <v>281</v>
      </c>
      <c r="D67" s="4" t="s">
        <v>282</v>
      </c>
      <c r="K67" s="4" t="s">
        <v>283</v>
      </c>
    </row>
    <row r="68" spans="1:11" ht="72" x14ac:dyDescent="0.3">
      <c r="A68" s="1">
        <v>446</v>
      </c>
      <c r="D68" s="4" t="s">
        <v>284</v>
      </c>
      <c r="F68" s="4" t="s">
        <v>285</v>
      </c>
      <c r="G68" s="4" t="s">
        <v>286</v>
      </c>
      <c r="H68" s="4" t="s">
        <v>287</v>
      </c>
      <c r="I68" s="4" t="s">
        <v>288</v>
      </c>
      <c r="J68" s="4" t="s">
        <v>289</v>
      </c>
      <c r="K68" s="4" t="s">
        <v>290</v>
      </c>
    </row>
    <row r="69" spans="1:11" ht="86.4" x14ac:dyDescent="0.3">
      <c r="A69" s="1">
        <v>456</v>
      </c>
      <c r="C69" s="4" t="s">
        <v>291</v>
      </c>
      <c r="D69" s="4" t="s">
        <v>292</v>
      </c>
      <c r="E69" s="4" t="s">
        <v>293</v>
      </c>
      <c r="F69" s="4" t="s">
        <v>294</v>
      </c>
      <c r="G69" s="4" t="s">
        <v>295</v>
      </c>
      <c r="H69" s="4" t="s">
        <v>296</v>
      </c>
      <c r="I69" s="4" t="s">
        <v>297</v>
      </c>
      <c r="K69" s="4" t="s">
        <v>298</v>
      </c>
    </row>
    <row r="70" spans="1:11" x14ac:dyDescent="0.3">
      <c r="A70" s="1">
        <v>461</v>
      </c>
    </row>
    <row r="71" spans="1:11" ht="57.6" x14ac:dyDescent="0.3">
      <c r="A71" s="1">
        <v>471</v>
      </c>
      <c r="C71" s="4" t="s">
        <v>299</v>
      </c>
      <c r="D71" s="4" t="s">
        <v>300</v>
      </c>
      <c r="E71" s="4" t="s">
        <v>301</v>
      </c>
      <c r="F71" s="4" t="s">
        <v>302</v>
      </c>
      <c r="G71" s="4" t="s">
        <v>23144</v>
      </c>
      <c r="H71" s="4" t="s">
        <v>303</v>
      </c>
      <c r="I71" s="4" t="s">
        <v>304</v>
      </c>
      <c r="K71" s="4" t="s">
        <v>305</v>
      </c>
    </row>
    <row r="72" spans="1:11" ht="86.4" x14ac:dyDescent="0.3">
      <c r="A72" s="1">
        <v>491</v>
      </c>
      <c r="C72" s="4" t="s">
        <v>306</v>
      </c>
      <c r="D72" s="4" t="s">
        <v>307</v>
      </c>
      <c r="E72" s="4" t="s">
        <v>308</v>
      </c>
      <c r="F72" s="4" t="s">
        <v>309</v>
      </c>
      <c r="G72" s="4" t="s">
        <v>310</v>
      </c>
      <c r="H72" s="4" t="s">
        <v>311</v>
      </c>
      <c r="I72" s="4" t="s">
        <v>312</v>
      </c>
      <c r="K72" s="4" t="s">
        <v>313</v>
      </c>
    </row>
    <row r="73" spans="1:11" ht="72" x14ac:dyDescent="0.3">
      <c r="A73" s="1">
        <v>496</v>
      </c>
      <c r="C73" s="4" t="s">
        <v>314</v>
      </c>
      <c r="D73" s="4" t="s">
        <v>315</v>
      </c>
      <c r="E73" s="4" t="s">
        <v>316</v>
      </c>
      <c r="F73" s="4" t="s">
        <v>317</v>
      </c>
      <c r="G73" s="4" t="s">
        <v>318</v>
      </c>
      <c r="H73" s="4" t="s">
        <v>319</v>
      </c>
      <c r="I73" s="4" t="s">
        <v>320</v>
      </c>
      <c r="K73" s="4" t="s">
        <v>321</v>
      </c>
    </row>
    <row r="74" spans="1:11" x14ac:dyDescent="0.3">
      <c r="A74" s="1">
        <v>501</v>
      </c>
    </row>
    <row r="75" spans="1:11" ht="86.4" x14ac:dyDescent="0.3">
      <c r="A75" s="1">
        <v>506</v>
      </c>
      <c r="C75" s="4" t="s">
        <v>322</v>
      </c>
      <c r="D75" s="4" t="s">
        <v>323</v>
      </c>
      <c r="E75" s="4" t="s">
        <v>324</v>
      </c>
      <c r="G75" s="4" t="s">
        <v>325</v>
      </c>
      <c r="H75" s="4" t="s">
        <v>326</v>
      </c>
      <c r="I75" s="4" t="s">
        <v>327</v>
      </c>
      <c r="K75" s="4" t="s">
        <v>328</v>
      </c>
    </row>
    <row r="76" spans="1:11" x14ac:dyDescent="0.3">
      <c r="A76" s="1">
        <v>531</v>
      </c>
    </row>
    <row r="77" spans="1:11" ht="86.4" x14ac:dyDescent="0.3">
      <c r="A77" s="1">
        <v>541</v>
      </c>
      <c r="C77" s="4" t="s">
        <v>329</v>
      </c>
      <c r="D77" s="4" t="s">
        <v>330</v>
      </c>
      <c r="E77" s="4" t="s">
        <v>331</v>
      </c>
      <c r="F77" s="4" t="s">
        <v>332</v>
      </c>
      <c r="G77" s="4" t="s">
        <v>333</v>
      </c>
      <c r="H77" s="4" t="s">
        <v>334</v>
      </c>
      <c r="I77" s="4" t="s">
        <v>335</v>
      </c>
      <c r="K77" s="4" t="s">
        <v>336</v>
      </c>
    </row>
    <row r="78" spans="1:11" ht="43.2" x14ac:dyDescent="0.3">
      <c r="A78" s="1">
        <v>546</v>
      </c>
      <c r="G78" s="4" t="s">
        <v>337</v>
      </c>
      <c r="H78" s="4" t="s">
        <v>338</v>
      </c>
      <c r="I78" s="4" t="s">
        <v>339</v>
      </c>
      <c r="J78" s="4" t="s">
        <v>340</v>
      </c>
      <c r="K78" s="4" t="s">
        <v>341</v>
      </c>
    </row>
    <row r="79" spans="1:11" ht="57.6" x14ac:dyDescent="0.3">
      <c r="A79" s="1">
        <v>556</v>
      </c>
      <c r="C79" s="4" t="s">
        <v>342</v>
      </c>
      <c r="D79" s="4" t="s">
        <v>343</v>
      </c>
      <c r="E79" s="4" t="s">
        <v>344</v>
      </c>
    </row>
    <row r="80" spans="1:11" ht="28.8" x14ac:dyDescent="0.3">
      <c r="A80" s="1">
        <v>561</v>
      </c>
      <c r="C80" s="4" t="s">
        <v>345</v>
      </c>
      <c r="E80" s="4" t="s">
        <v>346</v>
      </c>
      <c r="F80" s="4" t="s">
        <v>347</v>
      </c>
      <c r="G80" s="4" t="s">
        <v>348</v>
      </c>
      <c r="H80" s="4" t="s">
        <v>348</v>
      </c>
      <c r="K80" s="4" t="s">
        <v>349</v>
      </c>
    </row>
    <row r="81" spans="1:11" ht="86.4" x14ac:dyDescent="0.3">
      <c r="A81" s="1">
        <v>571</v>
      </c>
      <c r="C81" s="4" t="s">
        <v>350</v>
      </c>
      <c r="D81" s="4" t="s">
        <v>351</v>
      </c>
      <c r="E81" s="4" t="s">
        <v>352</v>
      </c>
      <c r="F81" s="4" t="s">
        <v>353</v>
      </c>
      <c r="G81" s="4" t="s">
        <v>354</v>
      </c>
      <c r="H81" s="4" t="s">
        <v>355</v>
      </c>
      <c r="K81" s="4" t="s">
        <v>356</v>
      </c>
    </row>
    <row r="82" spans="1:11" ht="57.6" x14ac:dyDescent="0.3">
      <c r="A82" s="1">
        <v>576</v>
      </c>
      <c r="C82" s="4" t="s">
        <v>357</v>
      </c>
      <c r="D82" s="4" t="s">
        <v>358</v>
      </c>
      <c r="E82" s="4" t="s">
        <v>359</v>
      </c>
      <c r="F82" s="4" t="s">
        <v>360</v>
      </c>
      <c r="G82" s="4" t="s">
        <v>361</v>
      </c>
      <c r="H82" s="4" t="s">
        <v>362</v>
      </c>
      <c r="I82" s="4" t="s">
        <v>363</v>
      </c>
      <c r="K82" s="4" t="s">
        <v>364</v>
      </c>
    </row>
    <row r="83" spans="1:11" x14ac:dyDescent="0.3">
      <c r="A83" s="1">
        <v>586</v>
      </c>
    </row>
    <row r="84" spans="1:11" ht="57.6" x14ac:dyDescent="0.3">
      <c r="A84" s="1">
        <v>611</v>
      </c>
      <c r="C84" s="4" t="s">
        <v>365</v>
      </c>
      <c r="D84" s="4" t="s">
        <v>366</v>
      </c>
      <c r="E84" s="4" t="s">
        <v>367</v>
      </c>
      <c r="F84" s="4" t="s">
        <v>368</v>
      </c>
      <c r="G84" s="4" t="s">
        <v>369</v>
      </c>
      <c r="H84" s="4" t="s">
        <v>370</v>
      </c>
      <c r="I84" s="4" t="s">
        <v>371</v>
      </c>
    </row>
    <row r="85" spans="1:11" ht="86.4" x14ac:dyDescent="0.3">
      <c r="A85" s="1">
        <v>616</v>
      </c>
      <c r="C85" s="4" t="s">
        <v>372</v>
      </c>
      <c r="D85" s="4" t="s">
        <v>373</v>
      </c>
      <c r="F85" s="4" t="s">
        <v>374</v>
      </c>
      <c r="G85" s="4" t="s">
        <v>375</v>
      </c>
      <c r="H85" s="4" t="s">
        <v>376</v>
      </c>
      <c r="K85" s="4" t="s">
        <v>377</v>
      </c>
    </row>
    <row r="86" spans="1:11" ht="43.2" x14ac:dyDescent="0.3">
      <c r="A86" s="1">
        <v>621</v>
      </c>
      <c r="D86" s="4" t="s">
        <v>378</v>
      </c>
      <c r="J86" s="4" t="s">
        <v>379</v>
      </c>
    </row>
    <row r="87" spans="1:11" ht="57.6" x14ac:dyDescent="0.3">
      <c r="A87" s="1">
        <v>626</v>
      </c>
      <c r="D87" s="4" t="s">
        <v>380</v>
      </c>
      <c r="F87" s="4" t="s">
        <v>381</v>
      </c>
      <c r="H87" s="4" t="s">
        <v>382</v>
      </c>
      <c r="J87" s="4" t="s">
        <v>383</v>
      </c>
    </row>
    <row r="88" spans="1:11" ht="86.4" x14ac:dyDescent="0.3">
      <c r="A88" s="1">
        <v>631</v>
      </c>
      <c r="C88" s="4" t="s">
        <v>384</v>
      </c>
      <c r="D88" s="4" t="s">
        <v>385</v>
      </c>
      <c r="E88" s="4" t="s">
        <v>386</v>
      </c>
      <c r="F88" s="4" t="s">
        <v>387</v>
      </c>
      <c r="G88" s="4" t="s">
        <v>388</v>
      </c>
      <c r="H88" s="4" t="s">
        <v>389</v>
      </c>
      <c r="I88" s="4" t="s">
        <v>390</v>
      </c>
      <c r="K88" s="4" t="s">
        <v>391</v>
      </c>
    </row>
    <row r="89" spans="1:11" x14ac:dyDescent="0.3">
      <c r="A89" s="1">
        <v>646</v>
      </c>
    </row>
    <row r="90" spans="1:11" x14ac:dyDescent="0.3">
      <c r="A90" s="1">
        <v>666</v>
      </c>
    </row>
    <row r="91" spans="1:11" ht="43.2" x14ac:dyDescent="0.3">
      <c r="A91" s="1">
        <v>671</v>
      </c>
      <c r="D91" s="4" t="s">
        <v>392</v>
      </c>
    </row>
    <row r="92" spans="1:11" x14ac:dyDescent="0.3">
      <c r="A92" s="1">
        <v>676</v>
      </c>
    </row>
    <row r="93" spans="1:11" ht="72" x14ac:dyDescent="0.3">
      <c r="A93" s="1">
        <v>681</v>
      </c>
      <c r="C93" s="4" t="s">
        <v>393</v>
      </c>
      <c r="D93" s="4" t="s">
        <v>394</v>
      </c>
      <c r="E93" s="4" t="s">
        <v>395</v>
      </c>
      <c r="F93" s="4" t="s">
        <v>396</v>
      </c>
      <c r="G93" s="4" t="s">
        <v>397</v>
      </c>
      <c r="K93" s="4" t="s">
        <v>398</v>
      </c>
    </row>
    <row r="94" spans="1:11" ht="28.8" x14ac:dyDescent="0.3">
      <c r="A94" s="1">
        <v>691</v>
      </c>
      <c r="C94" s="4" t="s">
        <v>399</v>
      </c>
      <c r="D94" s="4" t="s">
        <v>400</v>
      </c>
      <c r="H94" s="4" t="s">
        <v>401</v>
      </c>
    </row>
    <row r="95" spans="1:11" x14ac:dyDescent="0.3">
      <c r="A95" s="1">
        <v>701</v>
      </c>
    </row>
    <row r="96" spans="1:11" ht="86.4" x14ac:dyDescent="0.3">
      <c r="A96" s="1">
        <v>706</v>
      </c>
      <c r="G96" s="4" t="s">
        <v>402</v>
      </c>
      <c r="H96" s="4" t="s">
        <v>403</v>
      </c>
      <c r="I96" s="4" t="s">
        <v>404</v>
      </c>
      <c r="J96" s="4" t="s">
        <v>405</v>
      </c>
    </row>
    <row r="97" spans="1:11" x14ac:dyDescent="0.3">
      <c r="A97" s="1">
        <v>721</v>
      </c>
      <c r="C97" s="4" t="s">
        <v>406</v>
      </c>
    </row>
    <row r="98" spans="1:11" ht="100.8" x14ac:dyDescent="0.3">
      <c r="A98" s="1">
        <v>731</v>
      </c>
      <c r="C98" s="4" t="s">
        <v>407</v>
      </c>
      <c r="D98" s="4" t="s">
        <v>408</v>
      </c>
      <c r="E98" s="4" t="s">
        <v>409</v>
      </c>
      <c r="F98" s="4" t="s">
        <v>410</v>
      </c>
      <c r="G98" s="4" t="s">
        <v>411</v>
      </c>
      <c r="H98" s="4" t="s">
        <v>412</v>
      </c>
      <c r="I98" s="4" t="s">
        <v>413</v>
      </c>
      <c r="K98" s="4" t="s">
        <v>414</v>
      </c>
    </row>
    <row r="99" spans="1:11" ht="115.2" x14ac:dyDescent="0.3">
      <c r="A99" s="1">
        <v>736</v>
      </c>
      <c r="C99" s="4" t="s">
        <v>415</v>
      </c>
      <c r="D99" s="4" t="s">
        <v>416</v>
      </c>
      <c r="E99" s="4" t="s">
        <v>417</v>
      </c>
      <c r="F99" s="4" t="s">
        <v>23145</v>
      </c>
      <c r="G99" s="4" t="s">
        <v>418</v>
      </c>
      <c r="H99" s="4" t="s">
        <v>419</v>
      </c>
      <c r="I99" s="4" t="s">
        <v>420</v>
      </c>
      <c r="J99" s="4" t="s">
        <v>421</v>
      </c>
      <c r="K99" s="4" t="s">
        <v>422</v>
      </c>
    </row>
    <row r="100" spans="1:11" ht="43.2" x14ac:dyDescent="0.3">
      <c r="A100" s="1">
        <v>741</v>
      </c>
      <c r="D100" s="4" t="s">
        <v>423</v>
      </c>
      <c r="E100" s="4" t="s">
        <v>424</v>
      </c>
      <c r="F100" s="4" t="s">
        <v>425</v>
      </c>
      <c r="G100" s="4" t="s">
        <v>426</v>
      </c>
    </row>
    <row r="101" spans="1:11" ht="57.6" x14ac:dyDescent="0.3">
      <c r="A101" s="1">
        <v>751</v>
      </c>
      <c r="C101" s="4" t="s">
        <v>427</v>
      </c>
      <c r="G101" s="4" t="s">
        <v>428</v>
      </c>
      <c r="H101" s="4" t="s">
        <v>429</v>
      </c>
      <c r="K101" s="4" t="s">
        <v>430</v>
      </c>
    </row>
    <row r="102" spans="1:11" ht="57.6" x14ac:dyDescent="0.3">
      <c r="A102" s="1">
        <v>756</v>
      </c>
      <c r="C102" s="4" t="s">
        <v>431</v>
      </c>
      <c r="D102" s="4" t="s">
        <v>432</v>
      </c>
      <c r="G102" s="4" t="s">
        <v>433</v>
      </c>
      <c r="H102" s="4" t="s">
        <v>434</v>
      </c>
      <c r="I102" s="4" t="s">
        <v>435</v>
      </c>
      <c r="K102" s="4" t="s">
        <v>436</v>
      </c>
    </row>
    <row r="103" spans="1:11" ht="72" x14ac:dyDescent="0.3">
      <c r="A103" s="1">
        <v>761</v>
      </c>
      <c r="C103" s="4" t="s">
        <v>437</v>
      </c>
      <c r="D103" s="4" t="s">
        <v>438</v>
      </c>
      <c r="E103" s="4" t="s">
        <v>439</v>
      </c>
      <c r="F103" s="4" t="s">
        <v>440</v>
      </c>
      <c r="G103" s="4" t="s">
        <v>441</v>
      </c>
      <c r="H103" s="4" t="s">
        <v>442</v>
      </c>
      <c r="I103" s="4" t="s">
        <v>443</v>
      </c>
      <c r="K103" s="4" t="s">
        <v>444</v>
      </c>
    </row>
    <row r="104" spans="1:11" x14ac:dyDescent="0.3">
      <c r="A104" s="1">
        <v>771</v>
      </c>
    </row>
    <row r="105" spans="1:11" ht="28.8" x14ac:dyDescent="0.3">
      <c r="A105" s="1">
        <v>776</v>
      </c>
      <c r="C105" s="4" t="s">
        <v>445</v>
      </c>
      <c r="D105" s="4" t="s">
        <v>446</v>
      </c>
    </row>
    <row r="106" spans="1:11" x14ac:dyDescent="0.3">
      <c r="A106" s="1">
        <v>781</v>
      </c>
      <c r="C106" s="4" t="s">
        <v>447</v>
      </c>
    </row>
    <row r="107" spans="1:11" x14ac:dyDescent="0.3">
      <c r="A107" s="1">
        <v>786</v>
      </c>
    </row>
    <row r="108" spans="1:11" x14ac:dyDescent="0.3">
      <c r="A108" s="1">
        <v>791</v>
      </c>
    </row>
    <row r="109" spans="1:11" ht="72" x14ac:dyDescent="0.3">
      <c r="A109" s="1">
        <v>796</v>
      </c>
      <c r="C109" s="4" t="s">
        <v>448</v>
      </c>
      <c r="D109" s="4" t="s">
        <v>449</v>
      </c>
      <c r="E109" s="4" t="s">
        <v>450</v>
      </c>
      <c r="F109" s="4" t="s">
        <v>451</v>
      </c>
      <c r="G109" s="4" t="s">
        <v>452</v>
      </c>
      <c r="H109" s="4" t="s">
        <v>453</v>
      </c>
      <c r="I109" s="4" t="s">
        <v>454</v>
      </c>
      <c r="J109" s="4" t="s">
        <v>455</v>
      </c>
      <c r="K109" s="4" t="s">
        <v>456</v>
      </c>
    </row>
    <row r="110" spans="1:11" ht="86.4" x14ac:dyDescent="0.3">
      <c r="A110" s="1">
        <v>806</v>
      </c>
      <c r="C110" s="4" t="s">
        <v>457</v>
      </c>
      <c r="D110" s="4" t="s">
        <v>458</v>
      </c>
      <c r="E110" s="4" t="s">
        <v>459</v>
      </c>
      <c r="F110" s="4" t="s">
        <v>460</v>
      </c>
      <c r="G110" s="4" t="s">
        <v>461</v>
      </c>
      <c r="H110" s="4" t="s">
        <v>462</v>
      </c>
      <c r="I110" s="4" t="s">
        <v>463</v>
      </c>
      <c r="K110" s="4" t="s">
        <v>464</v>
      </c>
    </row>
    <row r="111" spans="1:11" ht="43.2" x14ac:dyDescent="0.3">
      <c r="A111" s="1">
        <v>811</v>
      </c>
      <c r="D111" s="4" t="s">
        <v>465</v>
      </c>
      <c r="G111" s="4" t="s">
        <v>466</v>
      </c>
      <c r="H111" s="4" t="s">
        <v>467</v>
      </c>
      <c r="I111" s="4" t="s">
        <v>468</v>
      </c>
    </row>
    <row r="112" spans="1:11" ht="86.4" x14ac:dyDescent="0.3">
      <c r="A112" s="1">
        <v>821</v>
      </c>
      <c r="C112" s="4" t="s">
        <v>469</v>
      </c>
      <c r="D112" s="4" t="s">
        <v>470</v>
      </c>
      <c r="E112" s="4" t="s">
        <v>471</v>
      </c>
      <c r="F112" s="4" t="s">
        <v>472</v>
      </c>
      <c r="G112" s="4" t="s">
        <v>473</v>
      </c>
      <c r="H112" s="4" t="s">
        <v>474</v>
      </c>
      <c r="I112" s="4" t="s">
        <v>475</v>
      </c>
      <c r="K112" s="4" t="s">
        <v>476</v>
      </c>
    </row>
    <row r="113" spans="1:11" ht="43.2" x14ac:dyDescent="0.3">
      <c r="A113" s="1">
        <v>826</v>
      </c>
      <c r="C113" s="4" t="s">
        <v>477</v>
      </c>
      <c r="D113" s="4" t="s">
        <v>478</v>
      </c>
      <c r="E113" s="4" t="s">
        <v>479</v>
      </c>
      <c r="F113" s="4" t="s">
        <v>480</v>
      </c>
      <c r="G113" s="4" t="s">
        <v>481</v>
      </c>
      <c r="I113" s="4" t="s">
        <v>482</v>
      </c>
      <c r="K113" s="4" t="s">
        <v>483</v>
      </c>
    </row>
    <row r="114" spans="1:11" ht="28.8" x14ac:dyDescent="0.3">
      <c r="A114" s="1">
        <v>831</v>
      </c>
      <c r="C114" s="4" t="s">
        <v>484</v>
      </c>
      <c r="D114" s="4" t="s">
        <v>485</v>
      </c>
      <c r="F114" s="4" t="s">
        <v>486</v>
      </c>
      <c r="K114" s="4" t="s">
        <v>487</v>
      </c>
    </row>
    <row r="115" spans="1:11" ht="72" x14ac:dyDescent="0.3">
      <c r="A115" s="1">
        <v>841</v>
      </c>
      <c r="C115" s="4" t="s">
        <v>488</v>
      </c>
      <c r="D115" s="4" t="s">
        <v>489</v>
      </c>
      <c r="E115" s="4" t="s">
        <v>490</v>
      </c>
      <c r="F115" s="4" t="s">
        <v>491</v>
      </c>
    </row>
    <row r="116" spans="1:11" ht="72" x14ac:dyDescent="0.3">
      <c r="A116" s="1">
        <v>846</v>
      </c>
      <c r="K116" s="4" t="s">
        <v>492</v>
      </c>
    </row>
    <row r="117" spans="1:11" ht="43.2" x14ac:dyDescent="0.3">
      <c r="A117" s="1">
        <v>851</v>
      </c>
      <c r="C117" s="4" t="s">
        <v>493</v>
      </c>
      <c r="D117" s="4" t="s">
        <v>494</v>
      </c>
      <c r="E117" s="4" t="s">
        <v>495</v>
      </c>
      <c r="F117" s="4" t="s">
        <v>496</v>
      </c>
      <c r="G117" s="4" t="s">
        <v>497</v>
      </c>
      <c r="H117" s="4" t="s">
        <v>498</v>
      </c>
      <c r="I117" s="4" t="s">
        <v>499</v>
      </c>
    </row>
    <row r="118" spans="1:11" ht="43.2" x14ac:dyDescent="0.3">
      <c r="A118" s="1">
        <v>861</v>
      </c>
      <c r="C118" s="4" t="s">
        <v>500</v>
      </c>
      <c r="D118" s="4" t="s">
        <v>501</v>
      </c>
      <c r="E118" s="4" t="s">
        <v>502</v>
      </c>
      <c r="F118" s="4" t="s">
        <v>503</v>
      </c>
      <c r="G118" s="4" t="s">
        <v>504</v>
      </c>
      <c r="I118" s="4" t="s">
        <v>505</v>
      </c>
      <c r="K118" s="4" t="s">
        <v>506</v>
      </c>
    </row>
    <row r="119" spans="1:11" ht="43.2" x14ac:dyDescent="0.3">
      <c r="A119" s="1">
        <v>866</v>
      </c>
      <c r="D119" s="4" t="s">
        <v>507</v>
      </c>
      <c r="E119" s="4" t="s">
        <v>508</v>
      </c>
      <c r="F119" s="4" t="s">
        <v>509</v>
      </c>
      <c r="G119" s="4" t="s">
        <v>510</v>
      </c>
      <c r="H119" s="4" t="s">
        <v>511</v>
      </c>
      <c r="I119" s="4" t="s">
        <v>512</v>
      </c>
    </row>
    <row r="120" spans="1:11" ht="28.8" x14ac:dyDescent="0.3">
      <c r="A120" s="1">
        <v>871</v>
      </c>
      <c r="C120" s="4" t="s">
        <v>513</v>
      </c>
      <c r="E120" s="4" t="s">
        <v>514</v>
      </c>
    </row>
    <row r="121" spans="1:11" ht="43.2" x14ac:dyDescent="0.3">
      <c r="A121" s="1">
        <v>886</v>
      </c>
      <c r="C121" s="4" t="s">
        <v>515</v>
      </c>
      <c r="D121" s="4" t="s">
        <v>516</v>
      </c>
    </row>
    <row r="122" spans="1:11" ht="86.4" x14ac:dyDescent="0.3">
      <c r="A122" s="1">
        <v>896</v>
      </c>
      <c r="C122" s="4" t="s">
        <v>517</v>
      </c>
      <c r="D122" s="4" t="s">
        <v>518</v>
      </c>
      <c r="E122" s="4" t="s">
        <v>519</v>
      </c>
      <c r="F122" s="4" t="s">
        <v>520</v>
      </c>
      <c r="G122" s="4" t="s">
        <v>521</v>
      </c>
      <c r="H122" s="4" t="s">
        <v>522</v>
      </c>
      <c r="I122" s="4" t="s">
        <v>523</v>
      </c>
      <c r="K122" s="4" t="s">
        <v>524</v>
      </c>
    </row>
    <row r="123" spans="1:11" ht="72" x14ac:dyDescent="0.3">
      <c r="A123" s="1">
        <v>901</v>
      </c>
      <c r="D123" s="4" t="s">
        <v>525</v>
      </c>
      <c r="F123" s="4" t="s">
        <v>526</v>
      </c>
      <c r="I123" s="4" t="s">
        <v>527</v>
      </c>
      <c r="K123" s="4" t="s">
        <v>528</v>
      </c>
    </row>
    <row r="124" spans="1:11" x14ac:dyDescent="0.3">
      <c r="A124" s="1">
        <v>906</v>
      </c>
    </row>
    <row r="125" spans="1:11" ht="72" x14ac:dyDescent="0.3">
      <c r="A125" s="1">
        <v>911</v>
      </c>
      <c r="C125" s="4" t="s">
        <v>529</v>
      </c>
      <c r="G125" s="4" t="s">
        <v>530</v>
      </c>
      <c r="H125" s="4" t="s">
        <v>531</v>
      </c>
      <c r="I125" s="4" t="s">
        <v>532</v>
      </c>
      <c r="K125" s="4" t="s">
        <v>533</v>
      </c>
    </row>
    <row r="126" spans="1:11" ht="43.2" x14ac:dyDescent="0.3">
      <c r="A126" s="1">
        <v>916</v>
      </c>
      <c r="D126" s="4" t="s">
        <v>534</v>
      </c>
      <c r="G126" s="4" t="s">
        <v>535</v>
      </c>
    </row>
    <row r="127" spans="1:11" ht="28.8" x14ac:dyDescent="0.3">
      <c r="A127" s="1">
        <v>931</v>
      </c>
      <c r="C127" s="4" t="s">
        <v>536</v>
      </c>
      <c r="K127" s="4" t="s">
        <v>537</v>
      </c>
    </row>
    <row r="128" spans="1:11" ht="72" x14ac:dyDescent="0.3">
      <c r="A128" s="1">
        <v>946</v>
      </c>
      <c r="C128" s="4" t="s">
        <v>538</v>
      </c>
      <c r="D128" s="4" t="s">
        <v>539</v>
      </c>
      <c r="E128" s="4" t="s">
        <v>540</v>
      </c>
      <c r="F128" s="4" t="s">
        <v>541</v>
      </c>
      <c r="G128" s="4" t="s">
        <v>542</v>
      </c>
      <c r="H128" s="4" t="s">
        <v>543</v>
      </c>
      <c r="I128" s="4" t="s">
        <v>544</v>
      </c>
      <c r="K128" s="4" t="s">
        <v>545</v>
      </c>
    </row>
    <row r="129" spans="1:11" ht="57.6" x14ac:dyDescent="0.3">
      <c r="A129" s="1">
        <v>951</v>
      </c>
      <c r="C129" s="4" t="s">
        <v>546</v>
      </c>
      <c r="D129" s="4" t="s">
        <v>547</v>
      </c>
      <c r="E129" s="4" t="s">
        <v>548</v>
      </c>
      <c r="F129" s="4" t="s">
        <v>549</v>
      </c>
      <c r="G129" s="4" t="s">
        <v>550</v>
      </c>
    </row>
    <row r="130" spans="1:11" x14ac:dyDescent="0.3">
      <c r="A130" s="1">
        <v>956</v>
      </c>
    </row>
    <row r="131" spans="1:11" x14ac:dyDescent="0.3">
      <c r="A131" s="1">
        <v>966</v>
      </c>
    </row>
    <row r="132" spans="1:11" ht="57.6" x14ac:dyDescent="0.3">
      <c r="A132" s="1">
        <v>991</v>
      </c>
      <c r="C132" s="4" t="s">
        <v>551</v>
      </c>
      <c r="D132" s="4" t="s">
        <v>552</v>
      </c>
      <c r="E132" s="4" t="s">
        <v>553</v>
      </c>
      <c r="F132" s="4" t="s">
        <v>554</v>
      </c>
      <c r="G132" s="4" t="s">
        <v>555</v>
      </c>
      <c r="H132" s="4" t="s">
        <v>555</v>
      </c>
      <c r="I132" s="4" t="s">
        <v>556</v>
      </c>
      <c r="J132" s="4" t="s">
        <v>557</v>
      </c>
    </row>
    <row r="133" spans="1:11" ht="86.4" x14ac:dyDescent="0.3">
      <c r="A133" s="1">
        <v>1006</v>
      </c>
      <c r="D133" s="4" t="s">
        <v>558</v>
      </c>
      <c r="E133" s="4" t="s">
        <v>559</v>
      </c>
      <c r="I133" s="4" t="s">
        <v>560</v>
      </c>
      <c r="J133" s="4" t="s">
        <v>561</v>
      </c>
      <c r="K133" s="4" t="s">
        <v>562</v>
      </c>
    </row>
    <row r="134" spans="1:11" ht="28.8" x14ac:dyDescent="0.3">
      <c r="A134" s="1">
        <v>1026</v>
      </c>
      <c r="D134" s="4" t="s">
        <v>563</v>
      </c>
      <c r="E134" s="4" t="s">
        <v>564</v>
      </c>
      <c r="G134" s="4" t="s">
        <v>565</v>
      </c>
      <c r="H134" s="4" t="s">
        <v>566</v>
      </c>
    </row>
    <row r="135" spans="1:11" ht="86.4" x14ac:dyDescent="0.3">
      <c r="A135" s="1">
        <v>1031</v>
      </c>
      <c r="C135" s="4" t="s">
        <v>567</v>
      </c>
      <c r="D135" s="4" t="s">
        <v>568</v>
      </c>
      <c r="G135" s="4" t="s">
        <v>569</v>
      </c>
    </row>
    <row r="136" spans="1:11" ht="57.6" x14ac:dyDescent="0.3">
      <c r="A136" s="1">
        <v>1036</v>
      </c>
      <c r="D136" s="4" t="s">
        <v>570</v>
      </c>
      <c r="E136" s="4" t="s">
        <v>571</v>
      </c>
      <c r="G136" s="4" t="s">
        <v>572</v>
      </c>
      <c r="I136" s="4" t="s">
        <v>573</v>
      </c>
      <c r="J136" s="4" t="s">
        <v>574</v>
      </c>
      <c r="K136" s="4" t="s">
        <v>575</v>
      </c>
    </row>
    <row r="137" spans="1:11" ht="72" x14ac:dyDescent="0.3">
      <c r="A137" s="1">
        <v>1046</v>
      </c>
      <c r="C137" s="4" t="s">
        <v>576</v>
      </c>
      <c r="D137" s="4" t="s">
        <v>577</v>
      </c>
      <c r="E137" s="4" t="s">
        <v>578</v>
      </c>
      <c r="F137" s="4" t="s">
        <v>579</v>
      </c>
      <c r="G137" s="4" t="s">
        <v>580</v>
      </c>
      <c r="H137" s="4" t="s">
        <v>581</v>
      </c>
    </row>
    <row r="138" spans="1:11" ht="57.6" x14ac:dyDescent="0.3">
      <c r="A138" s="1">
        <v>1051</v>
      </c>
      <c r="C138" s="4" t="s">
        <v>582</v>
      </c>
      <c r="D138" s="4" t="s">
        <v>583</v>
      </c>
      <c r="E138" s="4" t="s">
        <v>584</v>
      </c>
    </row>
    <row r="139" spans="1:11" ht="57.6" x14ac:dyDescent="0.3">
      <c r="A139" s="1">
        <v>1056</v>
      </c>
      <c r="C139" s="4" t="s">
        <v>585</v>
      </c>
      <c r="D139" s="4" t="s">
        <v>586</v>
      </c>
      <c r="G139" s="4" t="s">
        <v>587</v>
      </c>
      <c r="H139" s="4" t="s">
        <v>588</v>
      </c>
      <c r="I139" s="4" t="s">
        <v>589</v>
      </c>
      <c r="K139" s="4" t="s">
        <v>590</v>
      </c>
    </row>
    <row r="140" spans="1:11" ht="100.8" x14ac:dyDescent="0.3">
      <c r="A140" s="1">
        <v>1061</v>
      </c>
      <c r="C140" s="4" t="s">
        <v>591</v>
      </c>
      <c r="D140" s="4" t="s">
        <v>592</v>
      </c>
      <c r="G140" s="4" t="s">
        <v>593</v>
      </c>
      <c r="I140" s="4" t="s">
        <v>594</v>
      </c>
    </row>
    <row r="141" spans="1:11" ht="86.4" x14ac:dyDescent="0.3">
      <c r="A141" s="1">
        <v>1066</v>
      </c>
      <c r="C141" s="4" t="s">
        <v>595</v>
      </c>
      <c r="D141" s="4" t="s">
        <v>596</v>
      </c>
      <c r="E141" s="4" t="s">
        <v>597</v>
      </c>
      <c r="G141" s="4" t="s">
        <v>598</v>
      </c>
      <c r="H141" s="4" t="s">
        <v>599</v>
      </c>
      <c r="I141" s="4" t="s">
        <v>600</v>
      </c>
      <c r="K141" s="4" t="s">
        <v>601</v>
      </c>
    </row>
    <row r="142" spans="1:11" ht="72" x14ac:dyDescent="0.3">
      <c r="A142" s="1">
        <v>1071</v>
      </c>
      <c r="C142" s="4" t="s">
        <v>602</v>
      </c>
      <c r="D142" s="4" t="s">
        <v>603</v>
      </c>
      <c r="E142" s="4" t="s">
        <v>604</v>
      </c>
      <c r="F142" s="4" t="s">
        <v>605</v>
      </c>
      <c r="G142" s="4" t="s">
        <v>606</v>
      </c>
      <c r="H142" s="4" t="s">
        <v>607</v>
      </c>
      <c r="I142" s="4" t="s">
        <v>608</v>
      </c>
      <c r="K142" s="4" t="s">
        <v>609</v>
      </c>
    </row>
    <row r="143" spans="1:11" ht="28.8" x14ac:dyDescent="0.3">
      <c r="A143" s="1">
        <v>1086</v>
      </c>
      <c r="C143" s="4" t="s">
        <v>610</v>
      </c>
      <c r="D143" s="4" t="s">
        <v>611</v>
      </c>
      <c r="E143" s="4" t="s">
        <v>612</v>
      </c>
      <c r="F143" s="4" t="s">
        <v>613</v>
      </c>
      <c r="G143" s="4" t="s">
        <v>614</v>
      </c>
      <c r="H143" s="4" t="s">
        <v>615</v>
      </c>
      <c r="I143" s="4" t="s">
        <v>616</v>
      </c>
      <c r="K143" s="4" t="s">
        <v>617</v>
      </c>
    </row>
    <row r="144" spans="1:11" ht="57.6" x14ac:dyDescent="0.3">
      <c r="A144" s="1">
        <v>1096</v>
      </c>
      <c r="C144" s="4" t="s">
        <v>618</v>
      </c>
      <c r="D144" s="4" t="s">
        <v>619</v>
      </c>
      <c r="E144" s="4" t="s">
        <v>620</v>
      </c>
      <c r="G144" s="4" t="s">
        <v>621</v>
      </c>
    </row>
    <row r="145" spans="1:11" ht="57.6" x14ac:dyDescent="0.3">
      <c r="A145" s="1">
        <v>1101</v>
      </c>
      <c r="C145" s="4" t="s">
        <v>622</v>
      </c>
      <c r="D145" s="4" t="s">
        <v>623</v>
      </c>
      <c r="E145" s="4" t="s">
        <v>624</v>
      </c>
      <c r="F145" s="4" t="s">
        <v>625</v>
      </c>
      <c r="G145" s="4" t="s">
        <v>626</v>
      </c>
      <c r="H145" s="4" t="s">
        <v>627</v>
      </c>
      <c r="I145" s="4" t="s">
        <v>628</v>
      </c>
      <c r="J145" s="4" t="s">
        <v>629</v>
      </c>
      <c r="K145" s="4" t="s">
        <v>630</v>
      </c>
    </row>
    <row r="146" spans="1:11" ht="57.6" x14ac:dyDescent="0.3">
      <c r="A146" s="1">
        <v>1106</v>
      </c>
      <c r="D146" s="4" t="s">
        <v>631</v>
      </c>
      <c r="E146" s="4" t="s">
        <v>632</v>
      </c>
    </row>
    <row r="147" spans="1:11" ht="86.4" x14ac:dyDescent="0.3">
      <c r="A147" s="1">
        <v>1121</v>
      </c>
      <c r="C147" s="4" t="s">
        <v>633</v>
      </c>
      <c r="D147" s="4" t="s">
        <v>634</v>
      </c>
      <c r="E147" s="4" t="s">
        <v>635</v>
      </c>
      <c r="F147" s="4" t="s">
        <v>636</v>
      </c>
      <c r="G147" s="4" t="s">
        <v>637</v>
      </c>
      <c r="H147" s="4" t="s">
        <v>638</v>
      </c>
      <c r="I147" s="4" t="s">
        <v>639</v>
      </c>
      <c r="J147" s="4" t="s">
        <v>640</v>
      </c>
      <c r="K147" s="4" t="s">
        <v>641</v>
      </c>
    </row>
    <row r="148" spans="1:11" ht="72" x14ac:dyDescent="0.3">
      <c r="A148" s="1">
        <v>1126</v>
      </c>
      <c r="C148" s="4" t="s">
        <v>642</v>
      </c>
      <c r="D148" s="4" t="s">
        <v>643</v>
      </c>
      <c r="F148" s="4" t="s">
        <v>644</v>
      </c>
      <c r="G148" s="4" t="s">
        <v>645</v>
      </c>
      <c r="H148" s="4" t="s">
        <v>646</v>
      </c>
      <c r="I148" s="4" t="s">
        <v>647</v>
      </c>
      <c r="K148" s="4" t="s">
        <v>648</v>
      </c>
    </row>
    <row r="149" spans="1:11" ht="72" x14ac:dyDescent="0.3">
      <c r="A149" s="1">
        <v>1131</v>
      </c>
      <c r="C149" s="4" t="s">
        <v>649</v>
      </c>
      <c r="D149" s="4" t="s">
        <v>650</v>
      </c>
      <c r="E149" s="4" t="s">
        <v>651</v>
      </c>
      <c r="F149" s="4" t="s">
        <v>652</v>
      </c>
      <c r="G149" s="4" t="s">
        <v>653</v>
      </c>
      <c r="H149" s="4" t="s">
        <v>654</v>
      </c>
      <c r="K149" s="4" t="s">
        <v>655</v>
      </c>
    </row>
    <row r="150" spans="1:11" x14ac:dyDescent="0.3">
      <c r="A150" s="1">
        <v>1141</v>
      </c>
    </row>
    <row r="151" spans="1:11" ht="57.6" x14ac:dyDescent="0.3">
      <c r="A151" s="1">
        <v>1151</v>
      </c>
      <c r="D151" s="4" t="s">
        <v>656</v>
      </c>
      <c r="E151" s="4" t="s">
        <v>657</v>
      </c>
      <c r="F151" s="4" t="s">
        <v>658</v>
      </c>
      <c r="G151" s="4" t="s">
        <v>659</v>
      </c>
      <c r="H151" s="4" t="s">
        <v>660</v>
      </c>
      <c r="J151" s="4" t="s">
        <v>661</v>
      </c>
      <c r="K151" s="4" t="s">
        <v>662</v>
      </c>
    </row>
    <row r="152" spans="1:11" ht="72" x14ac:dyDescent="0.3">
      <c r="A152" s="1">
        <v>1156</v>
      </c>
      <c r="C152" s="4" t="s">
        <v>663</v>
      </c>
      <c r="D152" s="4" t="s">
        <v>664</v>
      </c>
      <c r="E152" s="4" t="s">
        <v>665</v>
      </c>
      <c r="F152" s="4" t="s">
        <v>666</v>
      </c>
      <c r="G152" s="4" t="s">
        <v>667</v>
      </c>
      <c r="H152" s="4" t="s">
        <v>668</v>
      </c>
      <c r="I152" s="4" t="s">
        <v>669</v>
      </c>
      <c r="J152" s="4" t="s">
        <v>670</v>
      </c>
      <c r="K152" s="4" t="s">
        <v>671</v>
      </c>
    </row>
    <row r="153" spans="1:11" ht="72" x14ac:dyDescent="0.3">
      <c r="A153" s="1">
        <v>1166</v>
      </c>
      <c r="C153" s="4" t="s">
        <v>672</v>
      </c>
      <c r="D153" s="4" t="s">
        <v>673</v>
      </c>
      <c r="E153" s="4" t="s">
        <v>674</v>
      </c>
      <c r="F153" s="4" t="s">
        <v>675</v>
      </c>
      <c r="K153" s="4" t="s">
        <v>676</v>
      </c>
    </row>
    <row r="154" spans="1:11" ht="86.4" x14ac:dyDescent="0.3">
      <c r="A154" s="1">
        <v>1176</v>
      </c>
      <c r="C154" s="4" t="s">
        <v>677</v>
      </c>
      <c r="E154" s="4" t="s">
        <v>678</v>
      </c>
      <c r="H154" s="4" t="s">
        <v>679</v>
      </c>
      <c r="I154" s="4" t="s">
        <v>680</v>
      </c>
      <c r="K154" s="4" t="s">
        <v>681</v>
      </c>
    </row>
    <row r="155" spans="1:11" ht="43.2" x14ac:dyDescent="0.3">
      <c r="A155" s="1">
        <v>1181</v>
      </c>
      <c r="C155" s="4" t="s">
        <v>23146</v>
      </c>
      <c r="D155" s="4" t="s">
        <v>682</v>
      </c>
      <c r="G155" s="4" t="s">
        <v>683</v>
      </c>
      <c r="H155" s="4" t="s">
        <v>683</v>
      </c>
      <c r="I155" s="4" t="s">
        <v>683</v>
      </c>
      <c r="K155" s="4" t="s">
        <v>683</v>
      </c>
    </row>
    <row r="156" spans="1:11" ht="100.8" x14ac:dyDescent="0.3">
      <c r="A156" s="1">
        <v>1191</v>
      </c>
      <c r="D156" s="4" t="s">
        <v>684</v>
      </c>
      <c r="E156" s="4" t="s">
        <v>685</v>
      </c>
      <c r="F156" s="4" t="s">
        <v>686</v>
      </c>
      <c r="G156" s="4" t="s">
        <v>687</v>
      </c>
      <c r="H156" s="4" t="s">
        <v>688</v>
      </c>
      <c r="I156" s="4" t="s">
        <v>689</v>
      </c>
      <c r="K156" s="4" t="s">
        <v>690</v>
      </c>
    </row>
    <row r="157" spans="1:11" ht="72" x14ac:dyDescent="0.3">
      <c r="A157" s="1">
        <v>1196</v>
      </c>
      <c r="C157" s="4" t="s">
        <v>691</v>
      </c>
      <c r="D157" s="4" t="s">
        <v>692</v>
      </c>
      <c r="E157" s="4" t="s">
        <v>693</v>
      </c>
      <c r="G157" s="4" t="s">
        <v>694</v>
      </c>
      <c r="H157" s="4" t="s">
        <v>695</v>
      </c>
    </row>
    <row r="158" spans="1:11" ht="86.4" x14ac:dyDescent="0.3">
      <c r="A158" s="1">
        <v>1216</v>
      </c>
      <c r="C158" s="4" t="s">
        <v>696</v>
      </c>
      <c r="D158" s="4" t="s">
        <v>697</v>
      </c>
      <c r="E158" s="4" t="s">
        <v>698</v>
      </c>
      <c r="G158" s="4" t="s">
        <v>699</v>
      </c>
      <c r="H158" s="4" t="s">
        <v>700</v>
      </c>
      <c r="I158" s="4" t="s">
        <v>701</v>
      </c>
      <c r="J158" s="4" t="s">
        <v>702</v>
      </c>
      <c r="K158" s="4" t="s">
        <v>703</v>
      </c>
    </row>
    <row r="159" spans="1:11" ht="86.4" x14ac:dyDescent="0.3">
      <c r="A159" s="1">
        <v>1226</v>
      </c>
      <c r="C159" s="4" t="s">
        <v>704</v>
      </c>
      <c r="D159" s="4" t="s">
        <v>705</v>
      </c>
      <c r="E159" s="4" t="s">
        <v>706</v>
      </c>
      <c r="F159" s="4" t="s">
        <v>707</v>
      </c>
      <c r="K159" s="4" t="s">
        <v>708</v>
      </c>
    </row>
    <row r="160" spans="1:11" ht="86.4" x14ac:dyDescent="0.3">
      <c r="A160" s="1">
        <v>1231</v>
      </c>
      <c r="C160" s="4" t="s">
        <v>709</v>
      </c>
      <c r="D160" s="4" t="s">
        <v>710</v>
      </c>
      <c r="E160" s="4" t="s">
        <v>711</v>
      </c>
      <c r="F160" s="4" t="s">
        <v>712</v>
      </c>
      <c r="G160" s="4" t="s">
        <v>713</v>
      </c>
      <c r="H160" s="4" t="s">
        <v>714</v>
      </c>
      <c r="I160" s="4" t="s">
        <v>715</v>
      </c>
      <c r="K160" s="4" t="s">
        <v>716</v>
      </c>
    </row>
    <row r="161" spans="1:11" ht="28.8" x14ac:dyDescent="0.3">
      <c r="A161" s="1">
        <v>1236</v>
      </c>
      <c r="C161" s="4" t="s">
        <v>717</v>
      </c>
      <c r="D161" s="4" t="s">
        <v>718</v>
      </c>
    </row>
    <row r="162" spans="1:11" ht="43.2" x14ac:dyDescent="0.3">
      <c r="A162" s="1">
        <v>1251</v>
      </c>
      <c r="D162" s="4" t="s">
        <v>719</v>
      </c>
      <c r="E162" s="4" t="s">
        <v>720</v>
      </c>
      <c r="F162" s="4" t="s">
        <v>721</v>
      </c>
    </row>
    <row r="163" spans="1:11" x14ac:dyDescent="0.3">
      <c r="A163" s="1">
        <v>1266</v>
      </c>
    </row>
    <row r="164" spans="1:11" ht="43.2" x14ac:dyDescent="0.3">
      <c r="A164" s="1">
        <v>1286</v>
      </c>
      <c r="E164" s="4" t="s">
        <v>722</v>
      </c>
    </row>
    <row r="165" spans="1:11" ht="72" x14ac:dyDescent="0.3">
      <c r="A165" s="1">
        <v>1291</v>
      </c>
      <c r="C165" s="4" t="s">
        <v>723</v>
      </c>
      <c r="D165" s="4" t="s">
        <v>724</v>
      </c>
      <c r="E165" s="4" t="s">
        <v>725</v>
      </c>
      <c r="F165" s="4" t="s">
        <v>726</v>
      </c>
      <c r="G165" s="4" t="s">
        <v>727</v>
      </c>
      <c r="H165" s="4" t="s">
        <v>728</v>
      </c>
      <c r="K165" s="4" t="s">
        <v>729</v>
      </c>
    </row>
    <row r="166" spans="1:11" x14ac:dyDescent="0.3">
      <c r="A166" s="1">
        <v>1301</v>
      </c>
    </row>
    <row r="167" spans="1:11" ht="72" x14ac:dyDescent="0.3">
      <c r="A167" s="1">
        <v>1306</v>
      </c>
      <c r="C167" s="4" t="s">
        <v>730</v>
      </c>
      <c r="E167" s="4" t="s">
        <v>731</v>
      </c>
    </row>
    <row r="168" spans="1:11" ht="72" x14ac:dyDescent="0.3">
      <c r="A168" s="1">
        <v>1311</v>
      </c>
      <c r="C168" s="4" t="s">
        <v>732</v>
      </c>
      <c r="D168" s="4" t="s">
        <v>733</v>
      </c>
      <c r="E168" s="4" t="s">
        <v>734</v>
      </c>
      <c r="F168" s="4" t="s">
        <v>735</v>
      </c>
    </row>
    <row r="169" spans="1:11" ht="28.8" x14ac:dyDescent="0.3">
      <c r="A169" s="1">
        <v>1326</v>
      </c>
      <c r="C169" s="4" t="s">
        <v>736</v>
      </c>
      <c r="D169" s="4" t="s">
        <v>737</v>
      </c>
      <c r="E169" s="4" t="s">
        <v>738</v>
      </c>
    </row>
    <row r="170" spans="1:11" ht="28.8" x14ac:dyDescent="0.3">
      <c r="A170" s="1">
        <v>1336</v>
      </c>
      <c r="C170" s="4" t="s">
        <v>739</v>
      </c>
      <c r="D170" s="4" t="s">
        <v>740</v>
      </c>
      <c r="E170" s="4" t="s">
        <v>741</v>
      </c>
      <c r="F170" s="4" t="s">
        <v>742</v>
      </c>
      <c r="G170" s="4" t="s">
        <v>743</v>
      </c>
      <c r="H170" s="4" t="s">
        <v>744</v>
      </c>
      <c r="I170" s="4" t="s">
        <v>745</v>
      </c>
    </row>
    <row r="171" spans="1:11" ht="43.2" x14ac:dyDescent="0.3">
      <c r="A171" s="1">
        <v>1341</v>
      </c>
      <c r="C171" s="4" t="s">
        <v>746</v>
      </c>
      <c r="D171" s="4" t="s">
        <v>747</v>
      </c>
      <c r="E171" s="4" t="s">
        <v>748</v>
      </c>
      <c r="F171" s="4" t="s">
        <v>749</v>
      </c>
      <c r="G171" s="4" t="s">
        <v>750</v>
      </c>
      <c r="H171" s="4" t="s">
        <v>751</v>
      </c>
      <c r="I171" s="4" t="s">
        <v>752</v>
      </c>
      <c r="K171" s="4" t="s">
        <v>753</v>
      </c>
    </row>
    <row r="172" spans="1:11" x14ac:dyDescent="0.3">
      <c r="A172" s="1">
        <v>1351</v>
      </c>
    </row>
    <row r="173" spans="1:11" ht="86.4" x14ac:dyDescent="0.3">
      <c r="A173" s="1">
        <v>1356</v>
      </c>
      <c r="C173" s="4" t="s">
        <v>754</v>
      </c>
      <c r="D173" s="4" t="s">
        <v>755</v>
      </c>
      <c r="E173" s="4" t="s">
        <v>756</v>
      </c>
      <c r="F173" s="4" t="s">
        <v>757</v>
      </c>
      <c r="G173" s="4" t="s">
        <v>758</v>
      </c>
      <c r="H173" s="4" t="s">
        <v>759</v>
      </c>
      <c r="I173" s="4" t="s">
        <v>760</v>
      </c>
      <c r="K173" s="4" t="s">
        <v>761</v>
      </c>
    </row>
    <row r="174" spans="1:11" ht="57.6" x14ac:dyDescent="0.3">
      <c r="A174" s="1">
        <v>1366</v>
      </c>
      <c r="D174" s="4" t="s">
        <v>762</v>
      </c>
      <c r="F174" s="4" t="s">
        <v>763</v>
      </c>
      <c r="H174" s="4" t="s">
        <v>764</v>
      </c>
      <c r="I174" s="4" t="s">
        <v>765</v>
      </c>
      <c r="K174" s="4" t="s">
        <v>766</v>
      </c>
    </row>
    <row r="175" spans="1:11" ht="57.6" x14ac:dyDescent="0.3">
      <c r="A175" s="1">
        <v>1371</v>
      </c>
      <c r="C175" s="4" t="s">
        <v>767</v>
      </c>
      <c r="D175" s="4" t="s">
        <v>768</v>
      </c>
      <c r="E175" s="4" t="s">
        <v>769</v>
      </c>
      <c r="F175" s="4" t="s">
        <v>770</v>
      </c>
      <c r="G175" s="4" t="s">
        <v>771</v>
      </c>
      <c r="H175" s="4" t="s">
        <v>772</v>
      </c>
      <c r="K175" s="4" t="s">
        <v>773</v>
      </c>
    </row>
    <row r="176" spans="1:11" ht="86.4" x14ac:dyDescent="0.3">
      <c r="A176" s="1">
        <v>1376</v>
      </c>
      <c r="C176" s="4" t="s">
        <v>774</v>
      </c>
      <c r="D176" s="4" t="s">
        <v>775</v>
      </c>
      <c r="E176" s="4" t="s">
        <v>776</v>
      </c>
      <c r="F176" s="4" t="s">
        <v>777</v>
      </c>
      <c r="G176" s="4" t="s">
        <v>778</v>
      </c>
      <c r="H176" s="4" t="s">
        <v>779</v>
      </c>
      <c r="I176" s="4" t="s">
        <v>780</v>
      </c>
      <c r="J176" s="4" t="s">
        <v>781</v>
      </c>
      <c r="K176" s="4" t="s">
        <v>782</v>
      </c>
    </row>
    <row r="177" spans="1:11" ht="86.4" x14ac:dyDescent="0.3">
      <c r="A177" s="1">
        <v>1386</v>
      </c>
      <c r="C177" s="4" t="s">
        <v>783</v>
      </c>
      <c r="D177" s="4" t="s">
        <v>784</v>
      </c>
      <c r="E177" s="4" t="s">
        <v>785</v>
      </c>
      <c r="F177" s="4" t="s">
        <v>786</v>
      </c>
      <c r="G177" s="4" t="s">
        <v>787</v>
      </c>
      <c r="H177" s="4" t="s">
        <v>788</v>
      </c>
      <c r="I177" s="4" t="s">
        <v>789</v>
      </c>
      <c r="J177" s="4" t="s">
        <v>790</v>
      </c>
      <c r="K177" s="4" t="s">
        <v>791</v>
      </c>
    </row>
    <row r="178" spans="1:11" ht="57.6" x14ac:dyDescent="0.3">
      <c r="A178" s="1">
        <v>1396</v>
      </c>
      <c r="C178" s="4" t="s">
        <v>792</v>
      </c>
      <c r="D178" s="4" t="s">
        <v>793</v>
      </c>
      <c r="E178" s="4" t="s">
        <v>794</v>
      </c>
      <c r="F178" s="4" t="s">
        <v>795</v>
      </c>
      <c r="G178" s="4" t="s">
        <v>796</v>
      </c>
      <c r="H178" s="4" t="s">
        <v>797</v>
      </c>
    </row>
    <row r="179" spans="1:11" ht="72" x14ac:dyDescent="0.3">
      <c r="A179" s="1">
        <v>1401</v>
      </c>
      <c r="D179" s="4" t="s">
        <v>798</v>
      </c>
      <c r="F179" s="4" t="s">
        <v>799</v>
      </c>
      <c r="G179" s="4" t="s">
        <v>800</v>
      </c>
      <c r="I179" s="4" t="s">
        <v>801</v>
      </c>
      <c r="K179" s="4" t="s">
        <v>802</v>
      </c>
    </row>
    <row r="180" spans="1:11" ht="72" x14ac:dyDescent="0.3">
      <c r="A180" s="1">
        <v>1411</v>
      </c>
      <c r="C180" s="4" t="s">
        <v>803</v>
      </c>
      <c r="D180" s="4" t="s">
        <v>804</v>
      </c>
      <c r="E180" s="4" t="s">
        <v>805</v>
      </c>
      <c r="F180" s="4" t="s">
        <v>806</v>
      </c>
      <c r="G180" s="4" t="s">
        <v>807</v>
      </c>
      <c r="H180" s="4" t="s">
        <v>808</v>
      </c>
      <c r="K180" s="4" t="s">
        <v>809</v>
      </c>
    </row>
    <row r="181" spans="1:11" ht="86.4" x14ac:dyDescent="0.3">
      <c r="A181" s="1">
        <v>1416</v>
      </c>
      <c r="C181" s="4" t="s">
        <v>810</v>
      </c>
      <c r="D181" s="4" t="s">
        <v>811</v>
      </c>
      <c r="G181" s="4" t="s">
        <v>812</v>
      </c>
      <c r="H181" s="4" t="s">
        <v>813</v>
      </c>
      <c r="I181" s="4" t="s">
        <v>814</v>
      </c>
    </row>
    <row r="182" spans="1:11" ht="86.4" x14ac:dyDescent="0.3">
      <c r="A182" s="1">
        <v>1421</v>
      </c>
      <c r="C182" s="4" t="s">
        <v>815</v>
      </c>
      <c r="D182" s="4" t="s">
        <v>816</v>
      </c>
      <c r="F182" s="4" t="s">
        <v>817</v>
      </c>
      <c r="G182" s="4" t="s">
        <v>818</v>
      </c>
      <c r="H182" s="4" t="s">
        <v>819</v>
      </c>
      <c r="K182" s="4" t="s">
        <v>820</v>
      </c>
    </row>
    <row r="183" spans="1:11" ht="86.4" x14ac:dyDescent="0.3">
      <c r="A183" s="1">
        <v>1426</v>
      </c>
      <c r="C183" s="4" t="s">
        <v>821</v>
      </c>
      <c r="D183" s="4" t="s">
        <v>822</v>
      </c>
      <c r="G183" s="4" t="s">
        <v>823</v>
      </c>
      <c r="K183" s="4" t="s">
        <v>824</v>
      </c>
    </row>
    <row r="184" spans="1:11" ht="72" x14ac:dyDescent="0.3">
      <c r="A184" s="1">
        <v>1431</v>
      </c>
      <c r="C184" s="4" t="s">
        <v>825</v>
      </c>
      <c r="D184" s="4" t="s">
        <v>826</v>
      </c>
      <c r="E184" s="4" t="s">
        <v>827</v>
      </c>
      <c r="F184" s="4" t="s">
        <v>828</v>
      </c>
      <c r="G184" s="4" t="s">
        <v>829</v>
      </c>
      <c r="H184" s="4" t="s">
        <v>830</v>
      </c>
      <c r="I184" s="4" t="s">
        <v>831</v>
      </c>
    </row>
    <row r="185" spans="1:11" ht="72" x14ac:dyDescent="0.3">
      <c r="A185" s="1">
        <v>1436</v>
      </c>
      <c r="C185" s="4" t="s">
        <v>832</v>
      </c>
      <c r="D185" s="4" t="s">
        <v>833</v>
      </c>
      <c r="E185" s="4" t="s">
        <v>834</v>
      </c>
      <c r="H185" s="4" t="s">
        <v>835</v>
      </c>
      <c r="I185" s="4" t="s">
        <v>836</v>
      </c>
      <c r="K185" s="4" t="s">
        <v>837</v>
      </c>
    </row>
    <row r="186" spans="1:11" ht="86.4" x14ac:dyDescent="0.3">
      <c r="A186" s="1">
        <v>1441</v>
      </c>
      <c r="C186" s="4" t="s">
        <v>838</v>
      </c>
      <c r="D186" s="4" t="s">
        <v>839</v>
      </c>
      <c r="H186" s="4" t="s">
        <v>840</v>
      </c>
      <c r="I186" s="4" t="s">
        <v>841</v>
      </c>
    </row>
    <row r="187" spans="1:11" x14ac:dyDescent="0.3">
      <c r="A187" s="1">
        <v>1446</v>
      </c>
    </row>
    <row r="188" spans="1:11" ht="28.8" x14ac:dyDescent="0.3">
      <c r="A188" s="1">
        <v>1451</v>
      </c>
      <c r="C188" s="4" t="s">
        <v>842</v>
      </c>
      <c r="D188" s="4" t="s">
        <v>843</v>
      </c>
      <c r="G188" s="4" t="s">
        <v>844</v>
      </c>
      <c r="H188" s="4" t="s">
        <v>845</v>
      </c>
    </row>
    <row r="189" spans="1:11" ht="72" x14ac:dyDescent="0.3">
      <c r="A189" s="1">
        <v>1456</v>
      </c>
      <c r="C189" s="4" t="s">
        <v>846</v>
      </c>
      <c r="D189" s="4" t="s">
        <v>847</v>
      </c>
      <c r="E189" s="4" t="s">
        <v>848</v>
      </c>
      <c r="G189" s="4" t="s">
        <v>849</v>
      </c>
      <c r="H189" s="4" t="s">
        <v>850</v>
      </c>
      <c r="I189" s="4" t="s">
        <v>851</v>
      </c>
      <c r="K189" s="4" t="s">
        <v>852</v>
      </c>
    </row>
    <row r="190" spans="1:11" ht="43.2" x14ac:dyDescent="0.3">
      <c r="A190" s="1">
        <v>1461</v>
      </c>
      <c r="C190" s="4" t="s">
        <v>853</v>
      </c>
      <c r="D190" s="4" t="s">
        <v>854</v>
      </c>
      <c r="F190" s="4" t="s">
        <v>855</v>
      </c>
      <c r="H190" s="4" t="s">
        <v>856</v>
      </c>
      <c r="I190" s="4" t="s">
        <v>857</v>
      </c>
      <c r="K190" s="4" t="s">
        <v>858</v>
      </c>
    </row>
    <row r="191" spans="1:11" ht="100.8" x14ac:dyDescent="0.3">
      <c r="A191" s="1">
        <v>1471</v>
      </c>
      <c r="C191" s="4" t="s">
        <v>859</v>
      </c>
      <c r="D191" s="4" t="s">
        <v>860</v>
      </c>
      <c r="E191" s="4" t="s">
        <v>861</v>
      </c>
      <c r="F191" s="4" t="s">
        <v>862</v>
      </c>
      <c r="G191" s="4" t="s">
        <v>863</v>
      </c>
      <c r="H191" s="4" t="s">
        <v>864</v>
      </c>
      <c r="I191" s="4" t="s">
        <v>865</v>
      </c>
      <c r="K191" s="4" t="s">
        <v>866</v>
      </c>
    </row>
    <row r="192" spans="1:11" ht="72" x14ac:dyDescent="0.3">
      <c r="A192" s="1">
        <v>1476</v>
      </c>
      <c r="D192" s="4" t="s">
        <v>867</v>
      </c>
      <c r="K192" s="4" t="s">
        <v>868</v>
      </c>
    </row>
    <row r="193" spans="1:11" ht="72" x14ac:dyDescent="0.3">
      <c r="A193" s="1">
        <v>1481</v>
      </c>
      <c r="C193" s="4" t="s">
        <v>869</v>
      </c>
      <c r="D193" s="4" t="s">
        <v>870</v>
      </c>
      <c r="E193" s="4" t="s">
        <v>871</v>
      </c>
      <c r="F193" s="4" t="s">
        <v>872</v>
      </c>
      <c r="G193" s="4" t="s">
        <v>873</v>
      </c>
      <c r="H193" s="4" t="s">
        <v>874</v>
      </c>
      <c r="I193" s="4" t="s">
        <v>875</v>
      </c>
      <c r="K193" s="4" t="s">
        <v>876</v>
      </c>
    </row>
    <row r="194" spans="1:11" ht="86.4" x14ac:dyDescent="0.3">
      <c r="A194" s="1">
        <v>1486</v>
      </c>
      <c r="C194" s="4" t="s">
        <v>877</v>
      </c>
      <c r="D194" s="4" t="s">
        <v>878</v>
      </c>
      <c r="E194" s="4" t="s">
        <v>879</v>
      </c>
      <c r="F194" s="4" t="s">
        <v>880</v>
      </c>
      <c r="G194" s="4" t="s">
        <v>881</v>
      </c>
      <c r="H194" s="4" t="s">
        <v>882</v>
      </c>
      <c r="I194" s="4" t="s">
        <v>883</v>
      </c>
      <c r="K194" s="4" t="s">
        <v>884</v>
      </c>
    </row>
    <row r="195" spans="1:11" ht="86.4" x14ac:dyDescent="0.3">
      <c r="A195" s="1">
        <v>1491</v>
      </c>
      <c r="C195" s="4" t="s">
        <v>885</v>
      </c>
      <c r="D195" s="4" t="s">
        <v>886</v>
      </c>
      <c r="E195" s="4" t="s">
        <v>887</v>
      </c>
      <c r="F195" s="4" t="s">
        <v>888</v>
      </c>
      <c r="G195" s="4" t="s">
        <v>889</v>
      </c>
      <c r="H195" s="4" t="s">
        <v>890</v>
      </c>
      <c r="I195" s="4" t="s">
        <v>891</v>
      </c>
      <c r="J195" s="4" t="s">
        <v>892</v>
      </c>
      <c r="K195" s="4" t="s">
        <v>893</v>
      </c>
    </row>
    <row r="196" spans="1:11" ht="86.4" x14ac:dyDescent="0.3">
      <c r="A196" s="1">
        <v>1496</v>
      </c>
      <c r="C196" s="4" t="s">
        <v>894</v>
      </c>
      <c r="D196" s="4" t="s">
        <v>895</v>
      </c>
      <c r="E196" s="4" t="s">
        <v>896</v>
      </c>
      <c r="F196" s="4" t="s">
        <v>897</v>
      </c>
      <c r="G196" s="4" t="s">
        <v>898</v>
      </c>
      <c r="H196" s="4" t="s">
        <v>899</v>
      </c>
      <c r="I196" s="4" t="s">
        <v>900</v>
      </c>
      <c r="K196" s="4" t="s">
        <v>901</v>
      </c>
    </row>
    <row r="197" spans="1:11" ht="72" x14ac:dyDescent="0.3">
      <c r="A197" s="1">
        <v>1501</v>
      </c>
      <c r="D197" s="4" t="s">
        <v>902</v>
      </c>
      <c r="E197" s="4" t="s">
        <v>903</v>
      </c>
      <c r="F197" s="4" t="s">
        <v>904</v>
      </c>
      <c r="G197" s="4" t="s">
        <v>905</v>
      </c>
      <c r="H197" s="4" t="s">
        <v>906</v>
      </c>
      <c r="I197" s="4" t="s">
        <v>907</v>
      </c>
      <c r="K197" s="4" t="s">
        <v>908</v>
      </c>
    </row>
    <row r="198" spans="1:11" ht="43.2" x14ac:dyDescent="0.3">
      <c r="A198" s="1">
        <v>1506</v>
      </c>
      <c r="E198" s="4" t="s">
        <v>909</v>
      </c>
      <c r="I198" s="4" t="s">
        <v>910</v>
      </c>
    </row>
    <row r="199" spans="1:11" ht="86.4" x14ac:dyDescent="0.3">
      <c r="A199" s="1">
        <v>1511</v>
      </c>
      <c r="C199" s="4" t="s">
        <v>911</v>
      </c>
      <c r="D199" s="4" t="s">
        <v>912</v>
      </c>
      <c r="E199" s="4" t="s">
        <v>913</v>
      </c>
      <c r="F199" s="4" t="s">
        <v>914</v>
      </c>
      <c r="G199" s="4" t="s">
        <v>915</v>
      </c>
      <c r="H199" s="4" t="s">
        <v>916</v>
      </c>
      <c r="I199" s="4" t="s">
        <v>917</v>
      </c>
      <c r="K199" s="4" t="s">
        <v>918</v>
      </c>
    </row>
    <row r="200" spans="1:11" ht="57.6" x14ac:dyDescent="0.3">
      <c r="A200" s="1">
        <v>1516</v>
      </c>
      <c r="D200" s="4" t="s">
        <v>919</v>
      </c>
      <c r="F200" s="4" t="s">
        <v>920</v>
      </c>
      <c r="G200" s="4" t="s">
        <v>921</v>
      </c>
      <c r="H200" s="4" t="s">
        <v>922</v>
      </c>
      <c r="K200" s="4" t="s">
        <v>923</v>
      </c>
    </row>
    <row r="201" spans="1:11" ht="28.8" x14ac:dyDescent="0.3">
      <c r="A201" s="1">
        <v>1521</v>
      </c>
      <c r="C201" s="4" t="s">
        <v>924</v>
      </c>
      <c r="D201" s="4" t="s">
        <v>925</v>
      </c>
      <c r="E201" s="4" t="s">
        <v>926</v>
      </c>
      <c r="G201" s="4" t="s">
        <v>927</v>
      </c>
      <c r="H201" s="4" t="s">
        <v>928</v>
      </c>
      <c r="I201" s="4" t="s">
        <v>929</v>
      </c>
      <c r="K201" s="4" t="s">
        <v>930</v>
      </c>
    </row>
    <row r="202" spans="1:11" ht="86.4" x14ac:dyDescent="0.3">
      <c r="A202" s="1">
        <v>1531</v>
      </c>
      <c r="C202" s="4" t="s">
        <v>931</v>
      </c>
      <c r="D202" s="4" t="s">
        <v>932</v>
      </c>
      <c r="E202" s="4" t="s">
        <v>933</v>
      </c>
      <c r="F202" s="4" t="s">
        <v>934</v>
      </c>
      <c r="G202" s="4" t="s">
        <v>935</v>
      </c>
      <c r="H202" s="4" t="s">
        <v>936</v>
      </c>
      <c r="I202" s="4" t="s">
        <v>937</v>
      </c>
      <c r="K202" s="4" t="s">
        <v>938</v>
      </c>
    </row>
    <row r="203" spans="1:11" ht="28.8" x14ac:dyDescent="0.3">
      <c r="A203" s="1">
        <v>1536</v>
      </c>
      <c r="C203" s="4" t="s">
        <v>939</v>
      </c>
      <c r="D203" s="4" t="s">
        <v>940</v>
      </c>
      <c r="F203" s="4" t="s">
        <v>941</v>
      </c>
      <c r="G203" s="4" t="s">
        <v>942</v>
      </c>
      <c r="H203" s="4" t="s">
        <v>943</v>
      </c>
    </row>
    <row r="204" spans="1:11" ht="86.4" x14ac:dyDescent="0.3">
      <c r="A204" s="1">
        <v>1541</v>
      </c>
      <c r="C204" s="4" t="s">
        <v>944</v>
      </c>
      <c r="D204" s="4" t="s">
        <v>945</v>
      </c>
      <c r="E204" s="4" t="s">
        <v>946</v>
      </c>
      <c r="F204" s="4" t="s">
        <v>947</v>
      </c>
      <c r="G204" s="4" t="s">
        <v>948</v>
      </c>
      <c r="H204" s="4" t="s">
        <v>949</v>
      </c>
      <c r="I204" s="4" t="s">
        <v>950</v>
      </c>
      <c r="K204" s="4" t="s">
        <v>951</v>
      </c>
    </row>
    <row r="205" spans="1:11" ht="86.4" x14ac:dyDescent="0.3">
      <c r="A205" s="1">
        <v>1546</v>
      </c>
      <c r="C205" s="4" t="s">
        <v>952</v>
      </c>
      <c r="D205" s="4" t="s">
        <v>953</v>
      </c>
      <c r="E205" s="4" t="s">
        <v>954</v>
      </c>
      <c r="F205" s="4" t="s">
        <v>955</v>
      </c>
      <c r="G205" s="4" t="s">
        <v>956</v>
      </c>
      <c r="H205" s="4" t="s">
        <v>957</v>
      </c>
      <c r="I205" s="4" t="s">
        <v>958</v>
      </c>
      <c r="K205" s="4" t="s">
        <v>959</v>
      </c>
    </row>
    <row r="206" spans="1:11" ht="86.4" x14ac:dyDescent="0.3">
      <c r="A206" s="1">
        <v>1556</v>
      </c>
      <c r="C206" s="4" t="s">
        <v>960</v>
      </c>
      <c r="D206" s="4" t="s">
        <v>961</v>
      </c>
      <c r="E206" s="4" t="s">
        <v>962</v>
      </c>
      <c r="F206" s="4" t="s">
        <v>963</v>
      </c>
      <c r="I206" s="4" t="s">
        <v>964</v>
      </c>
      <c r="J206" s="4" t="s">
        <v>965</v>
      </c>
    </row>
    <row r="207" spans="1:11" ht="86.4" x14ac:dyDescent="0.3">
      <c r="A207" s="1">
        <v>1561</v>
      </c>
      <c r="D207" s="4" t="s">
        <v>966</v>
      </c>
      <c r="F207" s="4" t="s">
        <v>967</v>
      </c>
      <c r="G207" s="4" t="s">
        <v>968</v>
      </c>
      <c r="H207" s="4" t="s">
        <v>969</v>
      </c>
      <c r="I207" s="4" t="s">
        <v>970</v>
      </c>
      <c r="K207" s="4" t="s">
        <v>971</v>
      </c>
    </row>
    <row r="208" spans="1:11" ht="72" x14ac:dyDescent="0.3">
      <c r="A208" s="1">
        <v>1566</v>
      </c>
      <c r="C208" s="4" t="s">
        <v>972</v>
      </c>
      <c r="D208" s="4" t="s">
        <v>973</v>
      </c>
      <c r="E208" s="4" t="s">
        <v>974</v>
      </c>
      <c r="F208" s="4" t="s">
        <v>975</v>
      </c>
      <c r="G208" s="4" t="s">
        <v>976</v>
      </c>
      <c r="H208" s="4" t="s">
        <v>977</v>
      </c>
    </row>
    <row r="209" spans="1:11" ht="86.4" x14ac:dyDescent="0.3">
      <c r="A209" s="1">
        <v>1571</v>
      </c>
      <c r="C209" s="4" t="s">
        <v>978</v>
      </c>
      <c r="D209" s="4" t="s">
        <v>979</v>
      </c>
      <c r="E209" s="4" t="s">
        <v>980</v>
      </c>
      <c r="F209" s="4" t="s">
        <v>981</v>
      </c>
      <c r="G209" s="4" t="s">
        <v>982</v>
      </c>
      <c r="H209" s="4" t="s">
        <v>983</v>
      </c>
      <c r="K209" s="4" t="s">
        <v>984</v>
      </c>
    </row>
    <row r="210" spans="1:11" ht="57.6" x14ac:dyDescent="0.3">
      <c r="A210" s="1">
        <v>1576</v>
      </c>
      <c r="C210" s="4" t="s">
        <v>985</v>
      </c>
      <c r="D210" s="4" t="s">
        <v>986</v>
      </c>
      <c r="E210" s="4" t="s">
        <v>987</v>
      </c>
      <c r="F210" s="4" t="s">
        <v>988</v>
      </c>
      <c r="I210" s="4" t="s">
        <v>989</v>
      </c>
      <c r="K210" s="4" t="s">
        <v>990</v>
      </c>
    </row>
    <row r="211" spans="1:11" ht="43.2" x14ac:dyDescent="0.3">
      <c r="A211" s="1">
        <v>1581</v>
      </c>
      <c r="D211" s="4" t="s">
        <v>991</v>
      </c>
      <c r="E211" s="4" t="s">
        <v>992</v>
      </c>
      <c r="F211" s="4" t="s">
        <v>993</v>
      </c>
    </row>
    <row r="212" spans="1:11" ht="86.4" x14ac:dyDescent="0.3">
      <c r="A212" s="1">
        <v>1586</v>
      </c>
      <c r="C212" s="4" t="s">
        <v>994</v>
      </c>
      <c r="D212" s="4" t="s">
        <v>995</v>
      </c>
      <c r="G212" s="4" t="s">
        <v>996</v>
      </c>
      <c r="H212" s="4" t="s">
        <v>997</v>
      </c>
      <c r="K212" s="4" t="s">
        <v>998</v>
      </c>
    </row>
    <row r="213" spans="1:11" ht="57.6" x14ac:dyDescent="0.3">
      <c r="A213" s="1">
        <v>1591</v>
      </c>
      <c r="C213" s="4" t="s">
        <v>999</v>
      </c>
      <c r="D213" s="4" t="s">
        <v>1000</v>
      </c>
      <c r="E213" s="4" t="s">
        <v>1001</v>
      </c>
      <c r="F213" s="4" t="s">
        <v>1002</v>
      </c>
      <c r="G213" s="4" t="s">
        <v>1003</v>
      </c>
      <c r="H213" s="4" t="s">
        <v>1004</v>
      </c>
      <c r="I213" s="4" t="s">
        <v>1005</v>
      </c>
      <c r="K213" s="4" t="s">
        <v>1006</v>
      </c>
    </row>
    <row r="214" spans="1:11" x14ac:dyDescent="0.3">
      <c r="A214" s="1">
        <v>1601</v>
      </c>
      <c r="C214" s="4" t="s">
        <v>1007</v>
      </c>
    </row>
    <row r="215" spans="1:11" ht="86.4" x14ac:dyDescent="0.3">
      <c r="A215" s="1">
        <v>1611</v>
      </c>
      <c r="C215" s="4" t="s">
        <v>1008</v>
      </c>
      <c r="D215" s="4" t="s">
        <v>1009</v>
      </c>
      <c r="E215" s="4" t="s">
        <v>1010</v>
      </c>
      <c r="F215" s="4" t="s">
        <v>1011</v>
      </c>
      <c r="G215" s="4" t="s">
        <v>1012</v>
      </c>
      <c r="H215" s="4" t="s">
        <v>1013</v>
      </c>
      <c r="I215" s="4" t="s">
        <v>1014</v>
      </c>
      <c r="K215" s="4" t="s">
        <v>1015</v>
      </c>
    </row>
    <row r="216" spans="1:11" ht="57.6" x14ac:dyDescent="0.3">
      <c r="A216" s="1">
        <v>1621</v>
      </c>
      <c r="C216" s="4" t="s">
        <v>1016</v>
      </c>
      <c r="D216" s="4" t="s">
        <v>1017</v>
      </c>
      <c r="E216" s="4" t="s">
        <v>1018</v>
      </c>
      <c r="H216" s="4" t="s">
        <v>1019</v>
      </c>
      <c r="I216" s="4" t="s">
        <v>1020</v>
      </c>
    </row>
    <row r="217" spans="1:11" ht="86.4" x14ac:dyDescent="0.3">
      <c r="A217" s="1">
        <v>1626</v>
      </c>
      <c r="C217" s="4" t="s">
        <v>1021</v>
      </c>
      <c r="D217" s="4" t="s">
        <v>1022</v>
      </c>
      <c r="E217" s="4" t="s">
        <v>1023</v>
      </c>
      <c r="F217" s="4" t="s">
        <v>1024</v>
      </c>
      <c r="G217" s="4" t="s">
        <v>1025</v>
      </c>
      <c r="H217" s="4" t="s">
        <v>1026</v>
      </c>
      <c r="I217" s="4" t="s">
        <v>1027</v>
      </c>
      <c r="K217" s="4" t="s">
        <v>1028</v>
      </c>
    </row>
    <row r="218" spans="1:11" ht="86.4" x14ac:dyDescent="0.3">
      <c r="A218" s="1">
        <v>1631</v>
      </c>
      <c r="C218" s="4" t="s">
        <v>1029</v>
      </c>
      <c r="D218" s="4" t="s">
        <v>1030</v>
      </c>
      <c r="E218" s="4" t="s">
        <v>1031</v>
      </c>
      <c r="F218" s="4" t="s">
        <v>1032</v>
      </c>
      <c r="G218" s="4" t="s">
        <v>1033</v>
      </c>
      <c r="H218" s="4" t="s">
        <v>1034</v>
      </c>
      <c r="I218" s="4" t="s">
        <v>1035</v>
      </c>
      <c r="K218" s="4" t="s">
        <v>1036</v>
      </c>
    </row>
    <row r="219" spans="1:11" ht="100.8" x14ac:dyDescent="0.3">
      <c r="A219" s="1">
        <v>1636</v>
      </c>
      <c r="C219" s="4" t="s">
        <v>1037</v>
      </c>
      <c r="D219" s="4" t="s">
        <v>1038</v>
      </c>
      <c r="F219" s="4" t="s">
        <v>1039</v>
      </c>
      <c r="G219" s="4" t="s">
        <v>1040</v>
      </c>
      <c r="I219" s="4" t="s">
        <v>1041</v>
      </c>
    </row>
    <row r="220" spans="1:11" ht="28.8" x14ac:dyDescent="0.3">
      <c r="A220" s="1">
        <v>1641</v>
      </c>
      <c r="D220" s="4" t="s">
        <v>1042</v>
      </c>
      <c r="G220" s="4" t="s">
        <v>1043</v>
      </c>
      <c r="H220" s="4" t="s">
        <v>1044</v>
      </c>
    </row>
    <row r="221" spans="1:11" ht="28.8" x14ac:dyDescent="0.3">
      <c r="A221" s="1">
        <v>1651</v>
      </c>
      <c r="C221" s="4" t="s">
        <v>1045</v>
      </c>
      <c r="I221" s="4" t="s">
        <v>1046</v>
      </c>
    </row>
    <row r="222" spans="1:11" ht="57.6" x14ac:dyDescent="0.3">
      <c r="A222" s="1">
        <v>1656</v>
      </c>
      <c r="C222" s="4" t="s">
        <v>1047</v>
      </c>
      <c r="F222" s="4" t="s">
        <v>1048</v>
      </c>
      <c r="H222" s="4" t="s">
        <v>1049</v>
      </c>
      <c r="K222" s="4" t="s">
        <v>1050</v>
      </c>
    </row>
    <row r="223" spans="1:11" ht="86.4" x14ac:dyDescent="0.3">
      <c r="A223" s="1">
        <v>1666</v>
      </c>
      <c r="C223" s="4" t="s">
        <v>1051</v>
      </c>
      <c r="D223" s="4" t="s">
        <v>1052</v>
      </c>
      <c r="E223" s="4" t="s">
        <v>1053</v>
      </c>
      <c r="F223" s="4" t="s">
        <v>1054</v>
      </c>
      <c r="G223" s="4" t="s">
        <v>1055</v>
      </c>
      <c r="H223" s="4" t="s">
        <v>1056</v>
      </c>
      <c r="K223" s="4" t="s">
        <v>1057</v>
      </c>
    </row>
    <row r="224" spans="1:11" ht="28.8" x14ac:dyDescent="0.3">
      <c r="A224" s="1">
        <v>1671</v>
      </c>
      <c r="C224" s="4" t="s">
        <v>1058</v>
      </c>
      <c r="H224" s="4" t="s">
        <v>1059</v>
      </c>
    </row>
    <row r="225" spans="1:11" ht="72" x14ac:dyDescent="0.3">
      <c r="A225" s="1">
        <v>1676</v>
      </c>
      <c r="C225" s="4" t="s">
        <v>1060</v>
      </c>
      <c r="D225" s="4" t="s">
        <v>1061</v>
      </c>
      <c r="E225" s="4" t="s">
        <v>1062</v>
      </c>
      <c r="F225" s="4" t="s">
        <v>1063</v>
      </c>
      <c r="G225" s="4" t="s">
        <v>1064</v>
      </c>
      <c r="H225" s="4" t="s">
        <v>1065</v>
      </c>
      <c r="I225" s="4" t="s">
        <v>1066</v>
      </c>
      <c r="K225" s="4" t="s">
        <v>1067</v>
      </c>
    </row>
    <row r="226" spans="1:11" x14ac:dyDescent="0.3">
      <c r="A226" s="1">
        <v>1681</v>
      </c>
      <c r="C226" s="4" t="s">
        <v>1068</v>
      </c>
      <c r="K226" s="4" t="s">
        <v>1069</v>
      </c>
    </row>
    <row r="227" spans="1:11" ht="72" x14ac:dyDescent="0.3">
      <c r="A227" s="1">
        <v>1686</v>
      </c>
      <c r="C227" s="4" t="s">
        <v>1070</v>
      </c>
      <c r="D227" s="4" t="s">
        <v>1071</v>
      </c>
      <c r="E227" s="4" t="s">
        <v>1072</v>
      </c>
      <c r="F227" s="4" t="s">
        <v>1073</v>
      </c>
      <c r="G227" s="4" t="s">
        <v>1074</v>
      </c>
      <c r="H227" s="4" t="s">
        <v>1075</v>
      </c>
      <c r="I227" s="4" t="s">
        <v>1076</v>
      </c>
      <c r="K227" s="4" t="s">
        <v>1077</v>
      </c>
    </row>
    <row r="228" spans="1:11" ht="72" x14ac:dyDescent="0.3">
      <c r="A228" s="1">
        <v>1691</v>
      </c>
      <c r="C228" s="4" t="s">
        <v>1078</v>
      </c>
      <c r="D228" s="4" t="s">
        <v>1079</v>
      </c>
      <c r="F228" s="4" t="s">
        <v>1080</v>
      </c>
      <c r="G228" s="4" t="s">
        <v>1081</v>
      </c>
      <c r="I228" s="4" t="s">
        <v>1082</v>
      </c>
      <c r="K228" s="4" t="s">
        <v>1083</v>
      </c>
    </row>
    <row r="229" spans="1:11" ht="86.4" x14ac:dyDescent="0.3">
      <c r="A229" s="1">
        <v>1701</v>
      </c>
      <c r="C229" s="4" t="s">
        <v>1084</v>
      </c>
      <c r="D229" s="4" t="s">
        <v>23157</v>
      </c>
      <c r="E229" s="4" t="s">
        <v>1085</v>
      </c>
      <c r="F229" s="4" t="s">
        <v>1086</v>
      </c>
      <c r="G229" s="4" t="s">
        <v>23158</v>
      </c>
      <c r="H229" s="4" t="s">
        <v>1087</v>
      </c>
      <c r="I229" s="4" t="s">
        <v>1088</v>
      </c>
      <c r="K229" s="4" t="s">
        <v>1089</v>
      </c>
    </row>
    <row r="230" spans="1:11" ht="86.4" x14ac:dyDescent="0.3">
      <c r="A230" s="1">
        <v>1706</v>
      </c>
      <c r="E230" s="4" t="s">
        <v>1090</v>
      </c>
      <c r="F230" s="4" t="s">
        <v>1091</v>
      </c>
      <c r="G230" s="4" t="s">
        <v>1092</v>
      </c>
      <c r="H230" s="4" t="s">
        <v>1093</v>
      </c>
      <c r="I230" s="4" t="s">
        <v>1094</v>
      </c>
      <c r="K230" s="4" t="s">
        <v>1095</v>
      </c>
    </row>
    <row r="231" spans="1:11" x14ac:dyDescent="0.3">
      <c r="A231" s="1">
        <v>1711</v>
      </c>
      <c r="D231" s="4" t="s">
        <v>1096</v>
      </c>
      <c r="G231" s="4" t="s">
        <v>1097</v>
      </c>
    </row>
    <row r="232" spans="1:11" ht="86.4" x14ac:dyDescent="0.3">
      <c r="A232" s="1">
        <v>1716</v>
      </c>
      <c r="C232" s="4" t="s">
        <v>1098</v>
      </c>
      <c r="D232" s="4" t="s">
        <v>1099</v>
      </c>
      <c r="E232" s="4" t="s">
        <v>1100</v>
      </c>
      <c r="F232" s="4" t="s">
        <v>1101</v>
      </c>
      <c r="G232" s="4" t="s">
        <v>1102</v>
      </c>
      <c r="H232" s="4" t="s">
        <v>1103</v>
      </c>
      <c r="I232" s="4" t="s">
        <v>1104</v>
      </c>
      <c r="K232" s="4" t="s">
        <v>1105</v>
      </c>
    </row>
    <row r="233" spans="1:11" ht="72" x14ac:dyDescent="0.3">
      <c r="A233" s="1">
        <v>1731</v>
      </c>
      <c r="C233" s="4" t="s">
        <v>1106</v>
      </c>
      <c r="D233" s="4" t="s">
        <v>1107</v>
      </c>
      <c r="K233" s="4" t="s">
        <v>1108</v>
      </c>
    </row>
    <row r="234" spans="1:11" ht="57.6" x14ac:dyDescent="0.3">
      <c r="A234" s="1">
        <v>1736</v>
      </c>
      <c r="C234" s="4" t="s">
        <v>1109</v>
      </c>
      <c r="D234" s="4" t="s">
        <v>1110</v>
      </c>
      <c r="E234" s="4" t="s">
        <v>1111</v>
      </c>
      <c r="G234" s="4" t="s">
        <v>1112</v>
      </c>
      <c r="K234" s="4" t="s">
        <v>1113</v>
      </c>
    </row>
    <row r="235" spans="1:11" ht="72" x14ac:dyDescent="0.3">
      <c r="A235" s="1">
        <v>1741</v>
      </c>
      <c r="C235" s="4" t="s">
        <v>1114</v>
      </c>
      <c r="D235" s="4" t="s">
        <v>1115</v>
      </c>
      <c r="E235" s="4" t="s">
        <v>1116</v>
      </c>
      <c r="F235" s="4" t="s">
        <v>1117</v>
      </c>
      <c r="G235" s="4" t="s">
        <v>1118</v>
      </c>
      <c r="H235" s="4" t="s">
        <v>1119</v>
      </c>
      <c r="I235" s="4" t="s">
        <v>1120</v>
      </c>
      <c r="K235" s="4" t="s">
        <v>1121</v>
      </c>
    </row>
    <row r="236" spans="1:11" ht="28.8" x14ac:dyDescent="0.3">
      <c r="A236" s="1">
        <v>1746</v>
      </c>
      <c r="D236" s="4" t="s">
        <v>1122</v>
      </c>
      <c r="K236" s="4" t="s">
        <v>1123</v>
      </c>
    </row>
    <row r="237" spans="1:11" ht="57.6" x14ac:dyDescent="0.3">
      <c r="A237" s="1">
        <v>1751</v>
      </c>
      <c r="E237" s="4" t="s">
        <v>1124</v>
      </c>
      <c r="F237" s="4" t="s">
        <v>1125</v>
      </c>
      <c r="G237" s="4" t="s">
        <v>1126</v>
      </c>
      <c r="H237" s="4" t="s">
        <v>1127</v>
      </c>
      <c r="I237" s="4" t="s">
        <v>1128</v>
      </c>
      <c r="K237" s="4" t="s">
        <v>1129</v>
      </c>
    </row>
    <row r="238" spans="1:11" ht="86.4" x14ac:dyDescent="0.3">
      <c r="A238" s="1">
        <v>1756</v>
      </c>
      <c r="C238" s="4" t="s">
        <v>1130</v>
      </c>
      <c r="D238" s="4" t="s">
        <v>1131</v>
      </c>
      <c r="E238" s="4" t="s">
        <v>1132</v>
      </c>
      <c r="F238" s="4" t="s">
        <v>1133</v>
      </c>
      <c r="G238" s="4" t="s">
        <v>1134</v>
      </c>
      <c r="H238" s="4" t="s">
        <v>1135</v>
      </c>
      <c r="I238" s="4" t="s">
        <v>1136</v>
      </c>
      <c r="K238" s="4" t="s">
        <v>1137</v>
      </c>
    </row>
    <row r="239" spans="1:11" ht="86.4" x14ac:dyDescent="0.3">
      <c r="A239" s="1">
        <v>1766</v>
      </c>
      <c r="C239" s="4" t="s">
        <v>1138</v>
      </c>
      <c r="D239" s="4" t="s">
        <v>1139</v>
      </c>
      <c r="G239" s="4" t="s">
        <v>1140</v>
      </c>
      <c r="H239" s="4" t="s">
        <v>1141</v>
      </c>
      <c r="I239" s="4" t="s">
        <v>1142</v>
      </c>
    </row>
    <row r="240" spans="1:11" x14ac:dyDescent="0.3">
      <c r="A240" s="1">
        <v>1776</v>
      </c>
      <c r="B240" s="1" t="s">
        <v>1143</v>
      </c>
    </row>
    <row r="241" spans="1:11" ht="86.4" x14ac:dyDescent="0.3">
      <c r="A241" s="1">
        <v>1786</v>
      </c>
      <c r="C241" s="4" t="s">
        <v>1144</v>
      </c>
      <c r="D241" s="4" t="s">
        <v>1145</v>
      </c>
      <c r="E241" s="4" t="s">
        <v>1146</v>
      </c>
      <c r="F241" s="4" t="s">
        <v>1147</v>
      </c>
      <c r="G241" s="4" t="s">
        <v>1148</v>
      </c>
      <c r="H241" s="4" t="s">
        <v>1149</v>
      </c>
      <c r="I241" s="4" t="s">
        <v>1150</v>
      </c>
      <c r="K241" s="4" t="s">
        <v>1151</v>
      </c>
    </row>
    <row r="242" spans="1:11" ht="43.2" x14ac:dyDescent="0.3">
      <c r="A242" s="1">
        <v>1791</v>
      </c>
      <c r="C242" s="4" t="s">
        <v>1152</v>
      </c>
      <c r="H242" s="4" t="s">
        <v>1153</v>
      </c>
      <c r="K242" s="4" t="s">
        <v>1154</v>
      </c>
    </row>
    <row r="243" spans="1:11" ht="57.6" x14ac:dyDescent="0.3">
      <c r="A243" s="1">
        <v>1796</v>
      </c>
      <c r="C243" s="4" t="s">
        <v>1155</v>
      </c>
      <c r="D243" s="4" t="s">
        <v>1156</v>
      </c>
      <c r="E243" s="4" t="s">
        <v>1157</v>
      </c>
      <c r="F243" s="4" t="s">
        <v>1158</v>
      </c>
      <c r="G243" s="4" t="s">
        <v>1159</v>
      </c>
      <c r="H243" s="4" t="s">
        <v>1160</v>
      </c>
      <c r="I243" s="4" t="s">
        <v>1161</v>
      </c>
      <c r="K243" s="4" t="s">
        <v>1162</v>
      </c>
    </row>
    <row r="244" spans="1:11" ht="72" x14ac:dyDescent="0.3">
      <c r="A244" s="1">
        <v>1806</v>
      </c>
      <c r="C244" s="4" t="s">
        <v>1163</v>
      </c>
      <c r="D244" s="4" t="s">
        <v>1164</v>
      </c>
      <c r="E244" s="4" t="s">
        <v>1165</v>
      </c>
      <c r="G244" s="4" t="s">
        <v>1166</v>
      </c>
      <c r="H244" s="4" t="s">
        <v>1167</v>
      </c>
      <c r="I244" s="4" t="s">
        <v>1168</v>
      </c>
      <c r="K244" s="4" t="s">
        <v>1169</v>
      </c>
    </row>
    <row r="245" spans="1:11" ht="86.4" x14ac:dyDescent="0.3">
      <c r="A245" s="1">
        <v>1816</v>
      </c>
      <c r="C245" s="4" t="s">
        <v>1170</v>
      </c>
      <c r="D245" s="4" t="s">
        <v>1171</v>
      </c>
      <c r="E245" s="4" t="s">
        <v>1172</v>
      </c>
      <c r="F245" s="4" t="s">
        <v>1173</v>
      </c>
      <c r="G245" s="4" t="s">
        <v>1174</v>
      </c>
      <c r="H245" s="4" t="s">
        <v>1175</v>
      </c>
      <c r="I245" s="4" t="s">
        <v>1176</v>
      </c>
      <c r="J245" s="4" t="s">
        <v>1177</v>
      </c>
      <c r="K245" s="4" t="s">
        <v>1178</v>
      </c>
    </row>
    <row r="246" spans="1:11" x14ac:dyDescent="0.3">
      <c r="A246" s="1">
        <v>1821</v>
      </c>
    </row>
    <row r="247" spans="1:11" ht="72" x14ac:dyDescent="0.3">
      <c r="A247" s="1">
        <v>1826</v>
      </c>
      <c r="C247" s="4" t="s">
        <v>1179</v>
      </c>
      <c r="D247" s="4" t="s">
        <v>1180</v>
      </c>
      <c r="E247" s="4" t="s">
        <v>1181</v>
      </c>
      <c r="F247" s="4" t="s">
        <v>1182</v>
      </c>
      <c r="G247" s="4" t="s">
        <v>1183</v>
      </c>
      <c r="K247" s="4" t="s">
        <v>1184</v>
      </c>
    </row>
    <row r="248" spans="1:11" ht="57.6" x14ac:dyDescent="0.3">
      <c r="A248" s="1">
        <v>1836</v>
      </c>
      <c r="C248" s="4" t="s">
        <v>1185</v>
      </c>
      <c r="D248" s="4" t="s">
        <v>1186</v>
      </c>
      <c r="G248" s="4" t="s">
        <v>1187</v>
      </c>
      <c r="H248" s="4" t="s">
        <v>1188</v>
      </c>
    </row>
    <row r="249" spans="1:11" x14ac:dyDescent="0.3">
      <c r="A249" s="1">
        <v>1841</v>
      </c>
      <c r="F249" s="4" t="s">
        <v>1189</v>
      </c>
    </row>
    <row r="250" spans="1:11" ht="72" x14ac:dyDescent="0.3">
      <c r="A250" s="1">
        <v>1856</v>
      </c>
      <c r="C250" s="4" t="s">
        <v>1190</v>
      </c>
      <c r="D250" s="4" t="s">
        <v>1191</v>
      </c>
      <c r="E250" s="4" t="s">
        <v>1192</v>
      </c>
      <c r="F250" s="4" t="s">
        <v>1192</v>
      </c>
      <c r="G250" s="4" t="s">
        <v>1193</v>
      </c>
    </row>
    <row r="251" spans="1:11" ht="72" x14ac:dyDescent="0.3">
      <c r="A251" s="1">
        <v>1861</v>
      </c>
      <c r="C251" s="4" t="s">
        <v>1194</v>
      </c>
      <c r="D251" s="4" t="s">
        <v>1195</v>
      </c>
      <c r="F251" s="4" t="s">
        <v>1196</v>
      </c>
    </row>
    <row r="252" spans="1:11" ht="57.6" x14ac:dyDescent="0.3">
      <c r="A252" s="1">
        <v>1866</v>
      </c>
      <c r="D252" s="4" t="s">
        <v>1197</v>
      </c>
      <c r="E252" s="4" t="s">
        <v>1198</v>
      </c>
      <c r="F252" s="4" t="s">
        <v>1199</v>
      </c>
    </row>
    <row r="253" spans="1:11" ht="57.6" x14ac:dyDescent="0.3">
      <c r="A253" s="1">
        <v>1876</v>
      </c>
      <c r="C253" s="4" t="s">
        <v>1200</v>
      </c>
      <c r="D253" s="4" t="s">
        <v>1201</v>
      </c>
    </row>
    <row r="254" spans="1:11" ht="86.4" x14ac:dyDescent="0.3">
      <c r="A254" s="1">
        <v>1881</v>
      </c>
      <c r="C254" s="4" t="s">
        <v>1202</v>
      </c>
      <c r="D254" s="4" t="s">
        <v>1203</v>
      </c>
      <c r="E254" s="4" t="s">
        <v>1204</v>
      </c>
      <c r="F254" s="4" t="s">
        <v>1205</v>
      </c>
      <c r="G254" s="4" t="s">
        <v>1206</v>
      </c>
      <c r="H254" s="4" t="s">
        <v>1207</v>
      </c>
      <c r="I254" s="4" t="s">
        <v>1208</v>
      </c>
      <c r="K254" s="4" t="s">
        <v>1209</v>
      </c>
    </row>
    <row r="255" spans="1:11" ht="72" x14ac:dyDescent="0.3">
      <c r="A255" s="1">
        <v>1886</v>
      </c>
      <c r="B255" s="1" t="s">
        <v>1210</v>
      </c>
      <c r="D255" s="4" t="s">
        <v>1211</v>
      </c>
      <c r="H255" s="4" t="s">
        <v>1212</v>
      </c>
    </row>
    <row r="256" spans="1:11" ht="72" x14ac:dyDescent="0.3">
      <c r="A256" s="1">
        <v>1891</v>
      </c>
      <c r="D256" s="4" t="s">
        <v>1213</v>
      </c>
      <c r="E256" s="4" t="s">
        <v>1214</v>
      </c>
      <c r="I256" s="4" t="s">
        <v>1215</v>
      </c>
      <c r="K256" s="4" t="s">
        <v>1216</v>
      </c>
    </row>
    <row r="257" spans="1:11" ht="72" x14ac:dyDescent="0.3">
      <c r="A257" s="1">
        <v>1896</v>
      </c>
      <c r="C257" s="4" t="s">
        <v>1217</v>
      </c>
      <c r="D257" s="4" t="s">
        <v>1218</v>
      </c>
      <c r="E257" s="4" t="s">
        <v>1219</v>
      </c>
      <c r="F257" s="4" t="s">
        <v>1220</v>
      </c>
      <c r="G257" s="4" t="s">
        <v>1221</v>
      </c>
      <c r="H257" s="4" t="s">
        <v>1222</v>
      </c>
      <c r="I257" s="4" t="s">
        <v>1223</v>
      </c>
      <c r="K257" s="4" t="s">
        <v>1224</v>
      </c>
    </row>
    <row r="258" spans="1:11" x14ac:dyDescent="0.3">
      <c r="A258" s="1">
        <v>1906</v>
      </c>
    </row>
    <row r="259" spans="1:11" ht="86.4" x14ac:dyDescent="0.3">
      <c r="A259" s="1">
        <v>1911</v>
      </c>
      <c r="C259" s="4" t="s">
        <v>1225</v>
      </c>
      <c r="D259" s="4" t="s">
        <v>1226</v>
      </c>
      <c r="E259" s="4" t="s">
        <v>1227</v>
      </c>
      <c r="G259" s="4" t="s">
        <v>1228</v>
      </c>
      <c r="H259" s="4" t="s">
        <v>1229</v>
      </c>
      <c r="I259" s="4" t="s">
        <v>1230</v>
      </c>
      <c r="K259" s="4" t="s">
        <v>1231</v>
      </c>
    </row>
    <row r="260" spans="1:11" ht="43.2" x14ac:dyDescent="0.3">
      <c r="A260" s="1">
        <v>1916</v>
      </c>
      <c r="C260" s="4" t="s">
        <v>1232</v>
      </c>
      <c r="D260" s="4" t="s">
        <v>1233</v>
      </c>
      <c r="E260" s="4" t="s">
        <v>1234</v>
      </c>
      <c r="F260" s="4" t="s">
        <v>1235</v>
      </c>
      <c r="G260" s="4" t="s">
        <v>1236</v>
      </c>
      <c r="H260" s="4" t="s">
        <v>1237</v>
      </c>
      <c r="I260" s="4" t="s">
        <v>1238</v>
      </c>
      <c r="K260" s="4" t="s">
        <v>1239</v>
      </c>
    </row>
    <row r="261" spans="1:11" ht="28.8" x14ac:dyDescent="0.3">
      <c r="A261" s="1">
        <v>1921</v>
      </c>
      <c r="D261" s="4" t="s">
        <v>1240</v>
      </c>
      <c r="F261" s="4" t="s">
        <v>1241</v>
      </c>
    </row>
    <row r="262" spans="1:11" ht="72" x14ac:dyDescent="0.3">
      <c r="A262" s="1">
        <v>1926</v>
      </c>
      <c r="C262" s="4" t="s">
        <v>1242</v>
      </c>
      <c r="G262" s="4" t="s">
        <v>1243</v>
      </c>
    </row>
    <row r="263" spans="1:11" ht="57.6" x14ac:dyDescent="0.3">
      <c r="A263" s="1">
        <v>1931</v>
      </c>
      <c r="G263" s="4" t="s">
        <v>1244</v>
      </c>
      <c r="H263" s="4" t="s">
        <v>1245</v>
      </c>
    </row>
    <row r="264" spans="1:11" ht="86.4" x14ac:dyDescent="0.3">
      <c r="A264" s="1">
        <v>1936</v>
      </c>
      <c r="C264" s="4" t="s">
        <v>1246</v>
      </c>
      <c r="D264" s="4" t="s">
        <v>1247</v>
      </c>
      <c r="K264" s="4" t="s">
        <v>1248</v>
      </c>
    </row>
    <row r="265" spans="1:11" x14ac:dyDescent="0.3">
      <c r="A265" s="1">
        <v>1941</v>
      </c>
      <c r="F265" s="4" t="s">
        <v>1249</v>
      </c>
      <c r="G265" s="4" t="s">
        <v>1250</v>
      </c>
      <c r="H265" s="4" t="s">
        <v>1251</v>
      </c>
    </row>
    <row r="266" spans="1:11" ht="72" x14ac:dyDescent="0.3">
      <c r="A266" s="1">
        <v>1946</v>
      </c>
      <c r="C266" s="4" t="s">
        <v>1252</v>
      </c>
      <c r="D266" s="4" t="s">
        <v>1253</v>
      </c>
      <c r="E266" s="4" t="s">
        <v>1254</v>
      </c>
      <c r="F266" s="4" t="s">
        <v>1255</v>
      </c>
      <c r="G266" s="4" t="s">
        <v>1256</v>
      </c>
      <c r="H266" s="4" t="s">
        <v>1257</v>
      </c>
      <c r="I266" s="4" t="s">
        <v>1258</v>
      </c>
    </row>
    <row r="267" spans="1:11" ht="100.8" x14ac:dyDescent="0.3">
      <c r="A267" s="1">
        <v>1956</v>
      </c>
      <c r="C267" s="4" t="s">
        <v>1259</v>
      </c>
      <c r="D267" s="4" t="s">
        <v>1260</v>
      </c>
      <c r="F267" s="4" t="s">
        <v>1261</v>
      </c>
      <c r="G267" s="4" t="s">
        <v>1262</v>
      </c>
      <c r="H267" s="4" t="s">
        <v>1263</v>
      </c>
      <c r="I267" s="4" t="s">
        <v>1264</v>
      </c>
    </row>
    <row r="268" spans="1:11" ht="43.2" x14ac:dyDescent="0.3">
      <c r="A268" s="1">
        <v>1961</v>
      </c>
      <c r="C268" s="4" t="s">
        <v>1265</v>
      </c>
      <c r="D268" s="4" t="s">
        <v>1266</v>
      </c>
      <c r="F268" s="4" t="s">
        <v>1267</v>
      </c>
      <c r="H268" s="4" t="s">
        <v>1268</v>
      </c>
    </row>
    <row r="269" spans="1:11" ht="86.4" x14ac:dyDescent="0.3">
      <c r="A269" s="1">
        <v>1966</v>
      </c>
      <c r="C269" s="4" t="s">
        <v>1269</v>
      </c>
      <c r="G269" s="4" t="s">
        <v>1270</v>
      </c>
      <c r="H269" s="4" t="s">
        <v>1271</v>
      </c>
      <c r="J269" s="4" t="s">
        <v>1272</v>
      </c>
      <c r="K269" s="4" t="s">
        <v>1273</v>
      </c>
    </row>
    <row r="270" spans="1:11" ht="72" x14ac:dyDescent="0.3">
      <c r="A270" s="1">
        <v>1971</v>
      </c>
      <c r="C270" s="4" t="s">
        <v>1274</v>
      </c>
      <c r="D270" s="4" t="s">
        <v>1275</v>
      </c>
      <c r="G270" s="4" t="s">
        <v>1276</v>
      </c>
      <c r="H270" s="4" t="s">
        <v>1277</v>
      </c>
      <c r="K270" s="4" t="s">
        <v>1278</v>
      </c>
    </row>
    <row r="271" spans="1:11" ht="28.8" x14ac:dyDescent="0.3">
      <c r="A271" s="1">
        <v>1976</v>
      </c>
      <c r="C271" s="4" t="s">
        <v>1279</v>
      </c>
      <c r="G271" s="4" t="s">
        <v>1280</v>
      </c>
      <c r="H271" s="4" t="s">
        <v>1281</v>
      </c>
    </row>
    <row r="272" spans="1:11" ht="86.4" x14ac:dyDescent="0.3">
      <c r="A272" s="1">
        <v>1986</v>
      </c>
      <c r="C272" s="4" t="s">
        <v>1282</v>
      </c>
      <c r="D272" s="4" t="s">
        <v>1283</v>
      </c>
      <c r="E272" s="4" t="s">
        <v>1284</v>
      </c>
      <c r="F272" s="4" t="s">
        <v>1285</v>
      </c>
      <c r="G272" s="4" t="s">
        <v>1286</v>
      </c>
      <c r="H272" s="4" t="s">
        <v>1285</v>
      </c>
      <c r="I272" s="4" t="s">
        <v>1287</v>
      </c>
      <c r="K272" s="4" t="s">
        <v>1288</v>
      </c>
    </row>
    <row r="273" spans="1:11" ht="72" x14ac:dyDescent="0.3">
      <c r="A273" s="1">
        <v>1991</v>
      </c>
      <c r="C273" s="4" t="s">
        <v>1289</v>
      </c>
      <c r="G273" s="4" t="s">
        <v>1290</v>
      </c>
      <c r="H273" s="4" t="s">
        <v>1291</v>
      </c>
      <c r="I273" s="4" t="s">
        <v>1292</v>
      </c>
    </row>
    <row r="274" spans="1:11" ht="72" x14ac:dyDescent="0.3">
      <c r="A274" s="1">
        <v>1996</v>
      </c>
      <c r="C274" s="4" t="s">
        <v>1293</v>
      </c>
      <c r="D274" s="4" t="s">
        <v>1294</v>
      </c>
      <c r="E274" s="4" t="s">
        <v>1295</v>
      </c>
      <c r="F274" s="4" t="s">
        <v>1296</v>
      </c>
      <c r="G274" s="4" t="s">
        <v>1297</v>
      </c>
      <c r="H274" s="4" t="s">
        <v>1298</v>
      </c>
      <c r="I274" s="4" t="s">
        <v>1299</v>
      </c>
      <c r="K274" s="4" t="s">
        <v>1300</v>
      </c>
    </row>
    <row r="275" spans="1:11" x14ac:dyDescent="0.3">
      <c r="A275" s="1">
        <v>2006</v>
      </c>
    </row>
    <row r="276" spans="1:11" ht="72" x14ac:dyDescent="0.3">
      <c r="A276" s="1">
        <v>2016</v>
      </c>
      <c r="C276" s="4" t="s">
        <v>1301</v>
      </c>
    </row>
    <row r="277" spans="1:11" ht="115.2" x14ac:dyDescent="0.3">
      <c r="A277" s="1">
        <v>2026</v>
      </c>
      <c r="C277" s="4" t="s">
        <v>1302</v>
      </c>
      <c r="D277" s="4" t="s">
        <v>1303</v>
      </c>
      <c r="E277" s="4" t="s">
        <v>1304</v>
      </c>
      <c r="F277" s="4" t="s">
        <v>1305</v>
      </c>
      <c r="G277" s="4" t="s">
        <v>1306</v>
      </c>
      <c r="H277" s="4" t="s">
        <v>1307</v>
      </c>
      <c r="I277" s="4" t="s">
        <v>1308</v>
      </c>
      <c r="K277" s="4" t="s">
        <v>1309</v>
      </c>
    </row>
    <row r="278" spans="1:11" ht="86.4" x14ac:dyDescent="0.3">
      <c r="A278" s="1">
        <v>2031</v>
      </c>
      <c r="C278" s="4" t="s">
        <v>1310</v>
      </c>
      <c r="D278" s="4" t="s">
        <v>1311</v>
      </c>
      <c r="E278" s="4" t="s">
        <v>1312</v>
      </c>
      <c r="F278" s="4" t="s">
        <v>1313</v>
      </c>
      <c r="G278" s="4" t="s">
        <v>1314</v>
      </c>
      <c r="H278" s="4" t="s">
        <v>1315</v>
      </c>
      <c r="I278" s="4" t="s">
        <v>1316</v>
      </c>
      <c r="K278" s="4" t="s">
        <v>1317</v>
      </c>
    </row>
    <row r="279" spans="1:11" ht="57.6" x14ac:dyDescent="0.3">
      <c r="A279" s="1">
        <v>2036</v>
      </c>
      <c r="C279" s="4" t="s">
        <v>1318</v>
      </c>
      <c r="D279" s="4" t="s">
        <v>1319</v>
      </c>
      <c r="E279" s="4" t="s">
        <v>1320</v>
      </c>
      <c r="F279" s="4" t="s">
        <v>1321</v>
      </c>
      <c r="G279" s="4" t="s">
        <v>1322</v>
      </c>
      <c r="H279" s="4" t="s">
        <v>1322</v>
      </c>
      <c r="J279" s="4" t="s">
        <v>1323</v>
      </c>
    </row>
    <row r="280" spans="1:11" ht="86.4" x14ac:dyDescent="0.3">
      <c r="A280" s="1">
        <v>2041</v>
      </c>
      <c r="C280" s="4" t="s">
        <v>1324</v>
      </c>
      <c r="D280" s="4" t="s">
        <v>1325</v>
      </c>
      <c r="E280" s="4" t="s">
        <v>1326</v>
      </c>
      <c r="F280" s="4" t="s">
        <v>1327</v>
      </c>
      <c r="G280" s="4" t="s">
        <v>1328</v>
      </c>
      <c r="H280" s="4" t="s">
        <v>1329</v>
      </c>
      <c r="I280" s="4" t="s">
        <v>1330</v>
      </c>
      <c r="K280" s="4" t="s">
        <v>1331</v>
      </c>
    </row>
    <row r="281" spans="1:11" ht="72" x14ac:dyDescent="0.3">
      <c r="A281" s="1">
        <v>2046</v>
      </c>
      <c r="C281" s="4" t="s">
        <v>1332</v>
      </c>
      <c r="D281" s="4" t="s">
        <v>1333</v>
      </c>
      <c r="F281" s="4" t="s">
        <v>1334</v>
      </c>
      <c r="G281" s="4" t="s">
        <v>1335</v>
      </c>
      <c r="H281" s="4" t="s">
        <v>1336</v>
      </c>
      <c r="I281" s="4" t="s">
        <v>1337</v>
      </c>
      <c r="K281" s="4" t="s">
        <v>1338</v>
      </c>
    </row>
    <row r="282" spans="1:11" ht="72" x14ac:dyDescent="0.3">
      <c r="A282" s="1">
        <v>2061</v>
      </c>
      <c r="C282" s="4" t="s">
        <v>1339</v>
      </c>
      <c r="D282" s="4" t="s">
        <v>1340</v>
      </c>
      <c r="J282" s="4" t="s">
        <v>1341</v>
      </c>
    </row>
    <row r="283" spans="1:11" ht="57.6" x14ac:dyDescent="0.3">
      <c r="A283" s="1">
        <v>2066</v>
      </c>
      <c r="C283" s="4" t="s">
        <v>1342</v>
      </c>
      <c r="G283" s="4" t="s">
        <v>1343</v>
      </c>
      <c r="H283" s="4" t="s">
        <v>1344</v>
      </c>
    </row>
    <row r="284" spans="1:11" ht="86.4" x14ac:dyDescent="0.3">
      <c r="A284" s="1">
        <v>2071</v>
      </c>
      <c r="C284" s="4" t="s">
        <v>1345</v>
      </c>
      <c r="D284" s="4" t="s">
        <v>1346</v>
      </c>
      <c r="F284" s="4" t="s">
        <v>1347</v>
      </c>
      <c r="I284" s="4" t="s">
        <v>1348</v>
      </c>
    </row>
    <row r="285" spans="1:11" ht="86.4" x14ac:dyDescent="0.3">
      <c r="A285" s="1">
        <v>2076</v>
      </c>
      <c r="C285" s="4" t="s">
        <v>1349</v>
      </c>
      <c r="D285" s="4" t="s">
        <v>1350</v>
      </c>
      <c r="E285" s="4" t="s">
        <v>1351</v>
      </c>
      <c r="F285" s="4" t="s">
        <v>1352</v>
      </c>
      <c r="G285" s="4" t="s">
        <v>1353</v>
      </c>
      <c r="H285" s="4" t="s">
        <v>1354</v>
      </c>
      <c r="I285" s="4" t="s">
        <v>1355</v>
      </c>
      <c r="K285" s="4" t="s">
        <v>1356</v>
      </c>
    </row>
    <row r="286" spans="1:11" ht="86.4" x14ac:dyDescent="0.3">
      <c r="A286" s="1">
        <v>2081</v>
      </c>
      <c r="D286" s="4" t="s">
        <v>1357</v>
      </c>
      <c r="E286" s="4" t="s">
        <v>1358</v>
      </c>
      <c r="F286" s="4" t="s">
        <v>1359</v>
      </c>
      <c r="G286" s="4" t="s">
        <v>1360</v>
      </c>
      <c r="I286" s="4" t="s">
        <v>1361</v>
      </c>
      <c r="K286" s="4" t="s">
        <v>1362</v>
      </c>
    </row>
    <row r="287" spans="1:11" ht="86.4" x14ac:dyDescent="0.3">
      <c r="A287" s="1">
        <v>2086</v>
      </c>
      <c r="C287" s="4" t="s">
        <v>1363</v>
      </c>
      <c r="D287" s="4" t="s">
        <v>1364</v>
      </c>
      <c r="G287" s="4" t="s">
        <v>1365</v>
      </c>
      <c r="K287" s="4" t="s">
        <v>1366</v>
      </c>
    </row>
    <row r="288" spans="1:11" x14ac:dyDescent="0.3">
      <c r="A288" s="1">
        <v>2096</v>
      </c>
      <c r="C288" s="4" t="s">
        <v>1367</v>
      </c>
      <c r="D288" s="4" t="s">
        <v>1368</v>
      </c>
      <c r="E288" s="4" t="s">
        <v>1369</v>
      </c>
      <c r="F288" s="4" t="s">
        <v>1370</v>
      </c>
      <c r="G288" s="4" t="s">
        <v>1371</v>
      </c>
      <c r="H288" s="4" t="s">
        <v>1370</v>
      </c>
      <c r="I288" s="4" t="s">
        <v>1372</v>
      </c>
      <c r="K288" s="4" t="s">
        <v>1373</v>
      </c>
    </row>
    <row r="289" spans="1:11" ht="57.6" x14ac:dyDescent="0.3">
      <c r="A289" s="1">
        <v>2101</v>
      </c>
      <c r="C289" s="4" t="s">
        <v>1374</v>
      </c>
      <c r="D289" s="4" t="s">
        <v>1375</v>
      </c>
      <c r="E289" s="4" t="s">
        <v>1376</v>
      </c>
      <c r="F289" s="4" t="s">
        <v>1377</v>
      </c>
      <c r="G289" s="4" t="s">
        <v>1378</v>
      </c>
      <c r="H289" s="4" t="s">
        <v>1379</v>
      </c>
      <c r="I289" s="4" t="s">
        <v>1380</v>
      </c>
      <c r="K289" s="4" t="s">
        <v>1381</v>
      </c>
    </row>
    <row r="290" spans="1:11" ht="86.4" x14ac:dyDescent="0.3">
      <c r="A290" s="1">
        <v>2106</v>
      </c>
      <c r="C290" s="4" t="s">
        <v>1382</v>
      </c>
      <c r="D290" s="4" t="s">
        <v>1383</v>
      </c>
      <c r="E290" s="4" t="s">
        <v>1384</v>
      </c>
      <c r="F290" s="4" t="s">
        <v>1385</v>
      </c>
      <c r="G290" s="4" t="s">
        <v>1386</v>
      </c>
      <c r="H290" s="4" t="s">
        <v>1387</v>
      </c>
      <c r="I290" s="4" t="s">
        <v>1388</v>
      </c>
      <c r="K290" s="4" t="s">
        <v>1389</v>
      </c>
    </row>
    <row r="291" spans="1:11" ht="57.6" x14ac:dyDescent="0.3">
      <c r="A291" s="1">
        <v>2111</v>
      </c>
      <c r="C291" s="4" t="s">
        <v>1390</v>
      </c>
      <c r="D291" s="4" t="s">
        <v>1391</v>
      </c>
      <c r="E291" s="4" t="s">
        <v>1392</v>
      </c>
      <c r="G291" s="4" t="s">
        <v>1393</v>
      </c>
      <c r="H291" s="4" t="s">
        <v>1394</v>
      </c>
      <c r="J291" s="4" t="s">
        <v>1395</v>
      </c>
    </row>
    <row r="292" spans="1:11" ht="100.8" x14ac:dyDescent="0.3">
      <c r="A292" s="1">
        <v>2116</v>
      </c>
      <c r="C292" s="4" t="s">
        <v>1396</v>
      </c>
      <c r="D292" s="4" t="s">
        <v>1397</v>
      </c>
      <c r="E292" s="4" t="s">
        <v>1398</v>
      </c>
      <c r="F292" s="4" t="s">
        <v>1399</v>
      </c>
      <c r="G292" s="4" t="s">
        <v>1400</v>
      </c>
      <c r="H292" s="4" t="s">
        <v>1401</v>
      </c>
      <c r="I292" s="4" t="s">
        <v>1402</v>
      </c>
      <c r="K292" s="4" t="s">
        <v>1403</v>
      </c>
    </row>
    <row r="293" spans="1:11" ht="86.4" x14ac:dyDescent="0.3">
      <c r="A293" s="1">
        <v>2121</v>
      </c>
      <c r="C293" s="4" t="s">
        <v>1404</v>
      </c>
      <c r="G293" s="4" t="s">
        <v>1405</v>
      </c>
      <c r="H293" s="4" t="s">
        <v>1406</v>
      </c>
      <c r="I293" s="4" t="s">
        <v>1407</v>
      </c>
      <c r="K293" s="4" t="s">
        <v>1408</v>
      </c>
    </row>
    <row r="294" spans="1:11" ht="43.2" x14ac:dyDescent="0.3">
      <c r="A294" s="1">
        <v>2126</v>
      </c>
      <c r="C294" s="4" t="s">
        <v>1409</v>
      </c>
      <c r="D294" s="4" t="s">
        <v>1410</v>
      </c>
      <c r="E294" s="4" t="s">
        <v>1411</v>
      </c>
      <c r="F294" s="4" t="s">
        <v>1287</v>
      </c>
      <c r="G294" s="4" t="s">
        <v>1412</v>
      </c>
      <c r="H294" s="4" t="s">
        <v>1413</v>
      </c>
      <c r="I294" s="4" t="s">
        <v>1414</v>
      </c>
      <c r="K294" s="4" t="s">
        <v>1415</v>
      </c>
    </row>
    <row r="295" spans="1:11" ht="57.6" x14ac:dyDescent="0.3">
      <c r="A295" s="1">
        <v>2131</v>
      </c>
      <c r="D295" s="4" t="s">
        <v>1416</v>
      </c>
      <c r="F295" s="4" t="s">
        <v>1417</v>
      </c>
      <c r="G295" s="4" t="s">
        <v>1418</v>
      </c>
      <c r="I295" s="4" t="s">
        <v>1419</v>
      </c>
      <c r="K295" s="4" t="s">
        <v>1420</v>
      </c>
    </row>
    <row r="296" spans="1:11" ht="72" x14ac:dyDescent="0.3">
      <c r="A296" s="1">
        <v>2141</v>
      </c>
      <c r="C296" s="4" t="s">
        <v>1421</v>
      </c>
      <c r="D296" s="4" t="s">
        <v>1422</v>
      </c>
      <c r="E296" s="4" t="s">
        <v>1423</v>
      </c>
      <c r="F296" s="4" t="s">
        <v>1424</v>
      </c>
      <c r="G296" s="4" t="s">
        <v>1425</v>
      </c>
      <c r="H296" s="4" t="s">
        <v>1426</v>
      </c>
      <c r="I296" s="4" t="s">
        <v>1427</v>
      </c>
      <c r="J296" s="4" t="s">
        <v>1428</v>
      </c>
      <c r="K296" s="4" t="s">
        <v>1429</v>
      </c>
    </row>
    <row r="297" spans="1:11" ht="72" x14ac:dyDescent="0.3">
      <c r="A297" s="1">
        <v>2146</v>
      </c>
      <c r="D297" s="4" t="s">
        <v>1430</v>
      </c>
      <c r="E297" s="4" t="s">
        <v>1431</v>
      </c>
      <c r="G297" s="4" t="s">
        <v>1432</v>
      </c>
      <c r="K297" s="4" t="s">
        <v>1433</v>
      </c>
    </row>
    <row r="298" spans="1:11" ht="72" x14ac:dyDescent="0.3">
      <c r="A298" s="1">
        <v>2151</v>
      </c>
      <c r="C298" s="4" t="s">
        <v>1434</v>
      </c>
      <c r="D298" s="4" t="s">
        <v>1435</v>
      </c>
      <c r="G298" s="4" t="s">
        <v>1436</v>
      </c>
      <c r="H298" s="4" t="s">
        <v>1437</v>
      </c>
      <c r="I298" s="4" t="s">
        <v>1438</v>
      </c>
    </row>
    <row r="299" spans="1:11" ht="28.8" x14ac:dyDescent="0.3">
      <c r="A299" s="1">
        <v>2156</v>
      </c>
      <c r="D299" s="4" t="s">
        <v>1439</v>
      </c>
      <c r="E299" s="4" t="s">
        <v>1440</v>
      </c>
      <c r="H299" s="4" t="s">
        <v>1441</v>
      </c>
      <c r="K299" s="4" t="s">
        <v>1442</v>
      </c>
    </row>
    <row r="300" spans="1:11" ht="86.4" x14ac:dyDescent="0.3">
      <c r="A300" s="1">
        <v>2166</v>
      </c>
      <c r="C300" s="4" t="s">
        <v>1443</v>
      </c>
      <c r="D300" s="4" t="s">
        <v>1444</v>
      </c>
      <c r="E300" s="4" t="s">
        <v>1445</v>
      </c>
      <c r="F300" s="4" t="s">
        <v>1446</v>
      </c>
      <c r="G300" s="4" t="s">
        <v>1447</v>
      </c>
      <c r="H300" s="4" t="s">
        <v>1448</v>
      </c>
      <c r="I300" s="4" t="s">
        <v>1449</v>
      </c>
      <c r="J300" s="4" t="s">
        <v>1450</v>
      </c>
      <c r="K300" s="4" t="s">
        <v>1451</v>
      </c>
    </row>
    <row r="301" spans="1:11" ht="86.4" x14ac:dyDescent="0.3">
      <c r="A301" s="1">
        <v>2171</v>
      </c>
      <c r="E301" s="4" t="s">
        <v>1452</v>
      </c>
      <c r="G301" s="4" t="s">
        <v>1453</v>
      </c>
      <c r="H301" s="4" t="s">
        <v>1454</v>
      </c>
      <c r="I301" s="4" t="s">
        <v>1455</v>
      </c>
      <c r="K301" s="4" t="s">
        <v>1456</v>
      </c>
    </row>
    <row r="302" spans="1:11" ht="86.4" x14ac:dyDescent="0.3">
      <c r="A302" s="1">
        <v>2181</v>
      </c>
      <c r="C302" s="4" t="s">
        <v>1457</v>
      </c>
      <c r="D302" s="4" t="s">
        <v>1458</v>
      </c>
      <c r="G302" s="4" t="s">
        <v>1459</v>
      </c>
      <c r="H302" s="4" t="s">
        <v>1460</v>
      </c>
      <c r="I302" s="4" t="s">
        <v>1461</v>
      </c>
      <c r="J302" s="4" t="s">
        <v>1462</v>
      </c>
      <c r="K302" s="4" t="s">
        <v>1463</v>
      </c>
    </row>
    <row r="303" spans="1:11" ht="100.8" x14ac:dyDescent="0.3">
      <c r="A303" s="1">
        <v>2191</v>
      </c>
      <c r="C303" s="4" t="s">
        <v>1464</v>
      </c>
      <c r="D303" s="4" t="s">
        <v>1465</v>
      </c>
      <c r="G303" s="4" t="s">
        <v>1466</v>
      </c>
    </row>
    <row r="304" spans="1:11" x14ac:dyDescent="0.3">
      <c r="A304" s="1">
        <v>2196</v>
      </c>
    </row>
    <row r="305" spans="1:11" ht="86.4" x14ac:dyDescent="0.3">
      <c r="A305" s="1">
        <v>2201</v>
      </c>
      <c r="C305" s="4" t="s">
        <v>1467</v>
      </c>
      <c r="D305" s="4" t="s">
        <v>1468</v>
      </c>
      <c r="E305" s="4" t="s">
        <v>1469</v>
      </c>
      <c r="F305" s="4" t="s">
        <v>1470</v>
      </c>
      <c r="G305" s="4" t="s">
        <v>1471</v>
      </c>
      <c r="K305" s="4" t="s">
        <v>1472</v>
      </c>
    </row>
    <row r="306" spans="1:11" ht="43.2" x14ac:dyDescent="0.3">
      <c r="A306" s="1">
        <v>2206</v>
      </c>
      <c r="C306" s="4" t="s">
        <v>1473</v>
      </c>
      <c r="D306" s="4" t="s">
        <v>1474</v>
      </c>
      <c r="G306" s="4" t="s">
        <v>1475</v>
      </c>
    </row>
    <row r="307" spans="1:11" ht="86.4" x14ac:dyDescent="0.3">
      <c r="A307" s="1">
        <v>2211</v>
      </c>
      <c r="C307" s="4" t="s">
        <v>1476</v>
      </c>
      <c r="D307" s="4" t="s">
        <v>1477</v>
      </c>
      <c r="G307" s="4" t="s">
        <v>1478</v>
      </c>
      <c r="H307" s="4" t="s">
        <v>1479</v>
      </c>
      <c r="K307" s="4" t="s">
        <v>1480</v>
      </c>
    </row>
    <row r="308" spans="1:11" ht="86.4" x14ac:dyDescent="0.3">
      <c r="A308" s="1">
        <v>2216</v>
      </c>
      <c r="C308" s="4" t="s">
        <v>1481</v>
      </c>
      <c r="D308" s="4" t="s">
        <v>1482</v>
      </c>
      <c r="E308" s="4" t="s">
        <v>1483</v>
      </c>
      <c r="F308" s="4" t="s">
        <v>1484</v>
      </c>
      <c r="G308" s="4" t="s">
        <v>1485</v>
      </c>
      <c r="H308" s="4" t="s">
        <v>1486</v>
      </c>
      <c r="I308" s="4" t="s">
        <v>1487</v>
      </c>
      <c r="K308" s="4" t="s">
        <v>1488</v>
      </c>
    </row>
    <row r="309" spans="1:11" ht="72" x14ac:dyDescent="0.3">
      <c r="A309" s="1">
        <v>2236</v>
      </c>
      <c r="C309" s="4" t="s">
        <v>1489</v>
      </c>
      <c r="D309" s="4" t="s">
        <v>1490</v>
      </c>
      <c r="E309" s="4" t="s">
        <v>1491</v>
      </c>
      <c r="F309" s="4" t="s">
        <v>1492</v>
      </c>
      <c r="G309" s="4" t="s">
        <v>1493</v>
      </c>
      <c r="H309" s="4" t="s">
        <v>1494</v>
      </c>
      <c r="I309" s="4" t="s">
        <v>1495</v>
      </c>
      <c r="J309" s="4" t="s">
        <v>1496</v>
      </c>
      <c r="K309" s="4" t="s">
        <v>1497</v>
      </c>
    </row>
    <row r="310" spans="1:11" x14ac:dyDescent="0.3">
      <c r="A310" s="1">
        <v>2241</v>
      </c>
      <c r="C310" s="4" t="s">
        <v>1498</v>
      </c>
      <c r="D310" s="4" t="s">
        <v>1499</v>
      </c>
    </row>
    <row r="311" spans="1:11" ht="86.4" x14ac:dyDescent="0.3">
      <c r="A311" s="1">
        <v>2246</v>
      </c>
      <c r="C311" s="4" t="s">
        <v>1500</v>
      </c>
      <c r="D311" s="4" t="s">
        <v>1501</v>
      </c>
      <c r="E311" s="4" t="s">
        <v>1502</v>
      </c>
      <c r="F311" s="4" t="s">
        <v>1503</v>
      </c>
      <c r="G311" s="4" t="s">
        <v>1504</v>
      </c>
      <c r="H311" s="4" t="s">
        <v>1505</v>
      </c>
      <c r="I311" s="4" t="s">
        <v>1506</v>
      </c>
      <c r="K311" s="4" t="s">
        <v>1507</v>
      </c>
    </row>
    <row r="312" spans="1:11" x14ac:dyDescent="0.3">
      <c r="A312" s="1">
        <v>2251</v>
      </c>
    </row>
    <row r="313" spans="1:11" x14ac:dyDescent="0.3">
      <c r="A313" s="1">
        <v>2256</v>
      </c>
      <c r="C313" s="4" t="s">
        <v>1508</v>
      </c>
    </row>
    <row r="314" spans="1:11" ht="86.4" x14ac:dyDescent="0.3">
      <c r="A314" s="1">
        <v>2271</v>
      </c>
      <c r="C314" s="4" t="s">
        <v>1509</v>
      </c>
      <c r="D314" s="4" t="s">
        <v>1510</v>
      </c>
      <c r="E314" s="4" t="s">
        <v>1511</v>
      </c>
      <c r="F314" s="4" t="s">
        <v>1512</v>
      </c>
      <c r="G314" s="4" t="s">
        <v>1513</v>
      </c>
      <c r="H314" s="4" t="s">
        <v>1514</v>
      </c>
      <c r="I314" s="4" t="s">
        <v>1515</v>
      </c>
      <c r="J314" s="4" t="s">
        <v>1516</v>
      </c>
      <c r="K314" s="4" t="s">
        <v>1517</v>
      </c>
    </row>
    <row r="315" spans="1:11" ht="72" x14ac:dyDescent="0.3">
      <c r="A315" s="1">
        <v>2281</v>
      </c>
      <c r="D315" s="4" t="s">
        <v>1518</v>
      </c>
      <c r="E315" s="4" t="s">
        <v>1519</v>
      </c>
      <c r="F315" s="4" t="s">
        <v>1520</v>
      </c>
    </row>
    <row r="316" spans="1:11" ht="86.4" x14ac:dyDescent="0.3">
      <c r="A316" s="1">
        <v>2286</v>
      </c>
      <c r="C316" s="4" t="s">
        <v>1521</v>
      </c>
      <c r="D316" s="4" t="s">
        <v>1522</v>
      </c>
      <c r="G316" s="4" t="s">
        <v>1523</v>
      </c>
      <c r="H316" s="4" t="s">
        <v>1524</v>
      </c>
      <c r="I316" s="4" t="s">
        <v>1525</v>
      </c>
      <c r="K316" s="4" t="s">
        <v>1526</v>
      </c>
    </row>
    <row r="317" spans="1:11" ht="86.4" x14ac:dyDescent="0.3">
      <c r="A317" s="1">
        <v>2291</v>
      </c>
      <c r="D317" s="4" t="s">
        <v>1527</v>
      </c>
      <c r="E317" s="4" t="s">
        <v>1528</v>
      </c>
    </row>
    <row r="318" spans="1:11" ht="43.2" x14ac:dyDescent="0.3">
      <c r="A318" s="1">
        <v>2301</v>
      </c>
      <c r="C318" s="4" t="s">
        <v>1529</v>
      </c>
      <c r="D318" s="4" t="s">
        <v>1530</v>
      </c>
    </row>
    <row r="319" spans="1:11" ht="72" x14ac:dyDescent="0.3">
      <c r="A319" s="1">
        <v>2306</v>
      </c>
      <c r="C319" s="4" t="s">
        <v>1531</v>
      </c>
      <c r="D319" s="4" t="s">
        <v>1532</v>
      </c>
      <c r="E319" s="4" t="s">
        <v>1533</v>
      </c>
      <c r="F319" s="4" t="s">
        <v>1534</v>
      </c>
      <c r="G319" s="4" t="s">
        <v>1535</v>
      </c>
      <c r="H319" s="4" t="s">
        <v>1536</v>
      </c>
      <c r="K319" s="4" t="s">
        <v>1537</v>
      </c>
    </row>
    <row r="320" spans="1:11" ht="86.4" x14ac:dyDescent="0.3">
      <c r="A320" s="1">
        <v>2311</v>
      </c>
      <c r="C320" s="4" t="s">
        <v>1538</v>
      </c>
      <c r="D320" s="4" t="s">
        <v>1539</v>
      </c>
      <c r="E320" s="4" t="s">
        <v>1540</v>
      </c>
      <c r="F320" s="4" t="s">
        <v>1541</v>
      </c>
      <c r="G320" s="4" t="s">
        <v>1542</v>
      </c>
      <c r="H320" s="4" t="s">
        <v>1543</v>
      </c>
      <c r="I320" s="4" t="s">
        <v>1544</v>
      </c>
      <c r="J320" s="4" t="s">
        <v>1545</v>
      </c>
      <c r="K320" s="4" t="s">
        <v>1546</v>
      </c>
    </row>
    <row r="321" spans="1:11" ht="86.4" x14ac:dyDescent="0.3">
      <c r="A321" s="1">
        <v>2316</v>
      </c>
      <c r="C321" s="4" t="s">
        <v>1547</v>
      </c>
      <c r="D321" s="4" t="s">
        <v>1548</v>
      </c>
      <c r="E321" s="4" t="s">
        <v>1549</v>
      </c>
      <c r="F321" s="4" t="s">
        <v>1550</v>
      </c>
      <c r="G321" s="4" t="s">
        <v>1551</v>
      </c>
      <c r="H321" s="4" t="s">
        <v>1552</v>
      </c>
      <c r="I321" s="4" t="s">
        <v>1553</v>
      </c>
      <c r="K321" s="4" t="s">
        <v>1554</v>
      </c>
    </row>
    <row r="322" spans="1:11" ht="86.4" x14ac:dyDescent="0.3">
      <c r="A322" s="1">
        <v>2326</v>
      </c>
      <c r="C322" s="4" t="s">
        <v>1555</v>
      </c>
      <c r="D322" s="4" t="s">
        <v>1556</v>
      </c>
      <c r="E322" s="4" t="s">
        <v>1557</v>
      </c>
      <c r="F322" s="4" t="s">
        <v>1558</v>
      </c>
      <c r="G322" s="4" t="s">
        <v>1559</v>
      </c>
      <c r="H322" s="4" t="s">
        <v>1560</v>
      </c>
      <c r="I322" s="4" t="s">
        <v>23175</v>
      </c>
      <c r="K322" s="4" t="s">
        <v>1561</v>
      </c>
    </row>
    <row r="323" spans="1:11" ht="86.4" x14ac:dyDescent="0.3">
      <c r="A323" s="1">
        <v>2331</v>
      </c>
      <c r="C323" s="4" t="s">
        <v>1562</v>
      </c>
      <c r="D323" s="4" t="s">
        <v>1563</v>
      </c>
      <c r="E323" s="4" t="s">
        <v>1564</v>
      </c>
      <c r="F323" s="4" t="s">
        <v>1565</v>
      </c>
      <c r="K323" s="4" t="s">
        <v>1566</v>
      </c>
    </row>
    <row r="324" spans="1:11" ht="43.2" x14ac:dyDescent="0.3">
      <c r="A324" s="1">
        <v>2341</v>
      </c>
      <c r="C324" s="4" t="s">
        <v>1567</v>
      </c>
      <c r="D324" s="4" t="s">
        <v>1568</v>
      </c>
      <c r="E324" s="4" t="s">
        <v>1569</v>
      </c>
      <c r="I324" s="4" t="s">
        <v>1570</v>
      </c>
    </row>
    <row r="325" spans="1:11" ht="72" x14ac:dyDescent="0.3">
      <c r="A325" s="1">
        <v>2346</v>
      </c>
      <c r="D325" s="4" t="s">
        <v>1571</v>
      </c>
      <c r="E325" s="4" t="s">
        <v>1572</v>
      </c>
      <c r="F325" s="4" t="s">
        <v>1573</v>
      </c>
      <c r="G325" s="4" t="s">
        <v>1574</v>
      </c>
      <c r="H325" s="4" t="s">
        <v>1437</v>
      </c>
      <c r="J325" s="4" t="s">
        <v>1575</v>
      </c>
      <c r="K325" s="4" t="s">
        <v>1576</v>
      </c>
    </row>
    <row r="326" spans="1:11" ht="28.8" x14ac:dyDescent="0.3">
      <c r="A326" s="1">
        <v>2351</v>
      </c>
      <c r="C326" s="4" t="s">
        <v>1577</v>
      </c>
      <c r="F326" s="4" t="s">
        <v>1578</v>
      </c>
      <c r="H326" s="4" t="s">
        <v>1579</v>
      </c>
      <c r="I326" s="4" t="s">
        <v>1580</v>
      </c>
    </row>
    <row r="327" spans="1:11" ht="43.2" x14ac:dyDescent="0.3">
      <c r="A327" s="1">
        <v>2356</v>
      </c>
      <c r="D327" s="4" t="s">
        <v>1581</v>
      </c>
      <c r="E327" s="4" t="s">
        <v>1582</v>
      </c>
    </row>
    <row r="328" spans="1:11" ht="43.2" x14ac:dyDescent="0.3">
      <c r="A328" s="1">
        <v>2371</v>
      </c>
      <c r="C328" s="4" t="s">
        <v>1583</v>
      </c>
      <c r="D328" s="4" t="s">
        <v>1413</v>
      </c>
      <c r="E328" s="4" t="s">
        <v>1413</v>
      </c>
      <c r="F328" s="4" t="s">
        <v>1413</v>
      </c>
      <c r="G328" s="4" t="s">
        <v>1413</v>
      </c>
      <c r="H328" s="4" t="s">
        <v>1413</v>
      </c>
      <c r="I328" s="4" t="s">
        <v>1413</v>
      </c>
      <c r="J328" s="4" t="s">
        <v>1584</v>
      </c>
      <c r="K328" s="4" t="s">
        <v>1585</v>
      </c>
    </row>
    <row r="329" spans="1:11" ht="43.2" x14ac:dyDescent="0.3">
      <c r="A329" s="1">
        <v>2386</v>
      </c>
      <c r="C329" s="4" t="s">
        <v>1586</v>
      </c>
      <c r="D329" s="4" t="s">
        <v>1587</v>
      </c>
      <c r="E329" s="4" t="s">
        <v>1588</v>
      </c>
      <c r="F329" s="4" t="s">
        <v>1589</v>
      </c>
      <c r="G329" s="4" t="s">
        <v>1590</v>
      </c>
      <c r="H329" s="4" t="s">
        <v>1591</v>
      </c>
      <c r="I329" s="4" t="s">
        <v>1592</v>
      </c>
    </row>
    <row r="330" spans="1:11" ht="72" x14ac:dyDescent="0.3">
      <c r="A330" s="1">
        <v>2391</v>
      </c>
      <c r="D330" s="4" t="s">
        <v>1593</v>
      </c>
      <c r="I330" s="4" t="s">
        <v>1594</v>
      </c>
    </row>
    <row r="331" spans="1:11" x14ac:dyDescent="0.3">
      <c r="A331" s="1">
        <v>2406</v>
      </c>
      <c r="C331" s="4" t="s">
        <v>1595</v>
      </c>
    </row>
    <row r="332" spans="1:11" ht="28.8" x14ac:dyDescent="0.3">
      <c r="A332" s="1">
        <v>2416</v>
      </c>
      <c r="C332" s="4" t="s">
        <v>1596</v>
      </c>
      <c r="D332" s="4" t="s">
        <v>1597</v>
      </c>
      <c r="E332" s="4" t="s">
        <v>1598</v>
      </c>
      <c r="G332" s="4" t="s">
        <v>1599</v>
      </c>
      <c r="J332" s="4" t="s">
        <v>1600</v>
      </c>
      <c r="K332" s="4" t="s">
        <v>1601</v>
      </c>
    </row>
    <row r="333" spans="1:11" ht="57.6" x14ac:dyDescent="0.3">
      <c r="A333" s="1">
        <v>2421</v>
      </c>
      <c r="D333" s="4" t="s">
        <v>1602</v>
      </c>
      <c r="G333" s="4" t="s">
        <v>1603</v>
      </c>
      <c r="H333" s="4" t="s">
        <v>1604</v>
      </c>
      <c r="I333" s="4" t="s">
        <v>1605</v>
      </c>
    </row>
    <row r="334" spans="1:11" x14ac:dyDescent="0.3">
      <c r="A334" s="1">
        <v>2431</v>
      </c>
      <c r="I334" s="4" t="s">
        <v>1606</v>
      </c>
    </row>
    <row r="335" spans="1:11" ht="100.8" x14ac:dyDescent="0.3">
      <c r="A335" s="1">
        <v>2436</v>
      </c>
      <c r="C335" s="4" t="s">
        <v>1607</v>
      </c>
      <c r="H335" s="4" t="s">
        <v>1608</v>
      </c>
      <c r="K335" s="4" t="s">
        <v>1609</v>
      </c>
    </row>
    <row r="336" spans="1:11" x14ac:dyDescent="0.3">
      <c r="A336" s="1">
        <v>2441</v>
      </c>
    </row>
    <row r="337" spans="1:11" ht="72" x14ac:dyDescent="0.3">
      <c r="A337" s="1">
        <v>2446</v>
      </c>
      <c r="C337" s="4" t="s">
        <v>1610</v>
      </c>
      <c r="D337" s="4" t="s">
        <v>1611</v>
      </c>
      <c r="E337" s="4" t="s">
        <v>1612</v>
      </c>
      <c r="F337" s="4" t="s">
        <v>1613</v>
      </c>
      <c r="G337" s="4" t="s">
        <v>1614</v>
      </c>
      <c r="H337" s="4" t="s">
        <v>1615</v>
      </c>
      <c r="I337" s="4" t="s">
        <v>1616</v>
      </c>
      <c r="J337" s="4" t="s">
        <v>1617</v>
      </c>
      <c r="K337" s="4" t="s">
        <v>1618</v>
      </c>
    </row>
    <row r="338" spans="1:11" ht="72" x14ac:dyDescent="0.3">
      <c r="A338" s="1">
        <v>2456</v>
      </c>
      <c r="C338" s="4" t="s">
        <v>1619</v>
      </c>
      <c r="G338" s="4" t="s">
        <v>1620</v>
      </c>
      <c r="H338" s="4" t="s">
        <v>1621</v>
      </c>
      <c r="I338" s="4" t="s">
        <v>1622</v>
      </c>
    </row>
    <row r="339" spans="1:11" ht="72" x14ac:dyDescent="0.3">
      <c r="A339" s="1">
        <v>2461</v>
      </c>
      <c r="C339" s="4" t="s">
        <v>1623</v>
      </c>
      <c r="D339" s="4" t="s">
        <v>1624</v>
      </c>
      <c r="E339" s="4" t="s">
        <v>1625</v>
      </c>
      <c r="F339" s="4" t="s">
        <v>1626</v>
      </c>
      <c r="G339" s="4" t="s">
        <v>1627</v>
      </c>
      <c r="H339" s="4" t="s">
        <v>1628</v>
      </c>
      <c r="I339" s="4" t="s">
        <v>1629</v>
      </c>
      <c r="J339" s="4" t="s">
        <v>1630</v>
      </c>
      <c r="K339" s="4" t="s">
        <v>1631</v>
      </c>
    </row>
    <row r="340" spans="1:11" ht="72" x14ac:dyDescent="0.3">
      <c r="A340" s="1">
        <v>2466</v>
      </c>
      <c r="D340" s="4" t="s">
        <v>1632</v>
      </c>
      <c r="E340" s="4" t="s">
        <v>1633</v>
      </c>
      <c r="F340" s="4" t="s">
        <v>1634</v>
      </c>
      <c r="I340" s="4" t="s">
        <v>1635</v>
      </c>
      <c r="K340" s="4" t="s">
        <v>1636</v>
      </c>
    </row>
    <row r="341" spans="1:11" ht="86.4" x14ac:dyDescent="0.3">
      <c r="A341" s="1">
        <v>2471</v>
      </c>
      <c r="C341" s="4" t="s">
        <v>1637</v>
      </c>
      <c r="D341" s="4" t="s">
        <v>1638</v>
      </c>
      <c r="E341" s="4" t="s">
        <v>1639</v>
      </c>
      <c r="F341" s="4" t="s">
        <v>1640</v>
      </c>
      <c r="G341" s="4" t="s">
        <v>1641</v>
      </c>
      <c r="H341" s="4" t="s">
        <v>1642</v>
      </c>
      <c r="I341" s="4" t="s">
        <v>1643</v>
      </c>
    </row>
    <row r="342" spans="1:11" ht="72" x14ac:dyDescent="0.3">
      <c r="A342" s="1">
        <v>2476</v>
      </c>
      <c r="C342" s="4" t="s">
        <v>1644</v>
      </c>
      <c r="D342" s="4" t="s">
        <v>1645</v>
      </c>
      <c r="K342" s="4" t="s">
        <v>1646</v>
      </c>
    </row>
    <row r="343" spans="1:11" ht="86.4" x14ac:dyDescent="0.3">
      <c r="A343" s="1">
        <v>2486</v>
      </c>
      <c r="C343" s="4" t="s">
        <v>1647</v>
      </c>
      <c r="D343" s="4" t="s">
        <v>1648</v>
      </c>
      <c r="E343" s="4" t="s">
        <v>1649</v>
      </c>
      <c r="F343" s="4" t="s">
        <v>1650</v>
      </c>
      <c r="G343" s="4" t="s">
        <v>1651</v>
      </c>
      <c r="H343" s="4" t="s">
        <v>1652</v>
      </c>
      <c r="I343" s="4" t="s">
        <v>1653</v>
      </c>
      <c r="K343" s="4" t="s">
        <v>1654</v>
      </c>
    </row>
    <row r="344" spans="1:11" ht="28.8" x14ac:dyDescent="0.3">
      <c r="A344" s="1">
        <v>2491</v>
      </c>
      <c r="C344" s="4" t="s">
        <v>1655</v>
      </c>
      <c r="D344" s="4" t="s">
        <v>1656</v>
      </c>
      <c r="E344" s="4" t="s">
        <v>1657</v>
      </c>
      <c r="F344" s="4" t="s">
        <v>1655</v>
      </c>
      <c r="G344" s="4" t="s">
        <v>1655</v>
      </c>
      <c r="H344" s="4" t="s">
        <v>1655</v>
      </c>
      <c r="I344" s="4" t="s">
        <v>1655</v>
      </c>
      <c r="K344" s="4" t="s">
        <v>1655</v>
      </c>
    </row>
    <row r="345" spans="1:11" ht="86.4" x14ac:dyDescent="0.3">
      <c r="A345" s="1">
        <v>2506</v>
      </c>
      <c r="C345" s="4" t="s">
        <v>1658</v>
      </c>
      <c r="D345" s="4" t="s">
        <v>1659</v>
      </c>
      <c r="E345" s="4" t="s">
        <v>1660</v>
      </c>
      <c r="F345" s="4" t="s">
        <v>1661</v>
      </c>
      <c r="G345" s="4" t="s">
        <v>1662</v>
      </c>
      <c r="H345" s="4" t="s">
        <v>1663</v>
      </c>
      <c r="I345" s="4" t="s">
        <v>1664</v>
      </c>
      <c r="K345" s="4" t="s">
        <v>1665</v>
      </c>
    </row>
    <row r="346" spans="1:11" ht="72" x14ac:dyDescent="0.3">
      <c r="A346" s="1">
        <v>2516</v>
      </c>
      <c r="C346" s="4" t="s">
        <v>1666</v>
      </c>
      <c r="D346" s="4" t="s">
        <v>1667</v>
      </c>
      <c r="E346" s="4" t="s">
        <v>1668</v>
      </c>
      <c r="F346" s="4" t="s">
        <v>1669</v>
      </c>
      <c r="G346" s="4" t="s">
        <v>1670</v>
      </c>
      <c r="H346" s="4" t="s">
        <v>1671</v>
      </c>
      <c r="I346" s="4" t="s">
        <v>1672</v>
      </c>
      <c r="K346" s="4" t="s">
        <v>1673</v>
      </c>
    </row>
    <row r="347" spans="1:11" ht="86.4" x14ac:dyDescent="0.3">
      <c r="A347" s="1">
        <v>2521</v>
      </c>
      <c r="C347" s="4" t="s">
        <v>1674</v>
      </c>
      <c r="D347" s="4" t="s">
        <v>1675</v>
      </c>
      <c r="E347" s="4" t="s">
        <v>1676</v>
      </c>
      <c r="F347" s="4" t="s">
        <v>1677</v>
      </c>
      <c r="G347" s="4" t="s">
        <v>1678</v>
      </c>
      <c r="H347" s="4" t="s">
        <v>1679</v>
      </c>
      <c r="I347" s="4" t="s">
        <v>1680</v>
      </c>
      <c r="J347" s="4" t="s">
        <v>1681</v>
      </c>
      <c r="K347" s="4" t="s">
        <v>1682</v>
      </c>
    </row>
    <row r="348" spans="1:11" ht="72" x14ac:dyDescent="0.3">
      <c r="A348" s="1">
        <v>2526</v>
      </c>
      <c r="C348" s="4" t="s">
        <v>1683</v>
      </c>
      <c r="D348" s="4" t="s">
        <v>1684</v>
      </c>
      <c r="G348" s="4" t="s">
        <v>1685</v>
      </c>
      <c r="H348" s="4" t="s">
        <v>1686</v>
      </c>
      <c r="I348" s="4" t="s">
        <v>1687</v>
      </c>
      <c r="K348" s="4" t="s">
        <v>1688</v>
      </c>
    </row>
    <row r="349" spans="1:11" ht="86.4" x14ac:dyDescent="0.3">
      <c r="A349" s="1">
        <v>2531</v>
      </c>
      <c r="C349" s="4" t="s">
        <v>1689</v>
      </c>
      <c r="D349" s="4" t="s">
        <v>1690</v>
      </c>
      <c r="E349" s="4" t="s">
        <v>1691</v>
      </c>
      <c r="G349" s="4" t="s">
        <v>1692</v>
      </c>
      <c r="H349" s="4" t="s">
        <v>1693</v>
      </c>
      <c r="I349" s="4" t="s">
        <v>1694</v>
      </c>
      <c r="K349" s="4" t="s">
        <v>1695</v>
      </c>
    </row>
    <row r="350" spans="1:11" ht="86.4" x14ac:dyDescent="0.3">
      <c r="A350" s="1">
        <v>2536</v>
      </c>
      <c r="C350" s="4" t="s">
        <v>23147</v>
      </c>
      <c r="D350" s="4" t="s">
        <v>1696</v>
      </c>
      <c r="E350" s="4" t="s">
        <v>1697</v>
      </c>
      <c r="F350" s="4" t="s">
        <v>1698</v>
      </c>
      <c r="G350" s="4" t="s">
        <v>1699</v>
      </c>
      <c r="H350" s="4" t="s">
        <v>1700</v>
      </c>
      <c r="I350" s="4" t="s">
        <v>1701</v>
      </c>
      <c r="K350" s="4" t="s">
        <v>1702</v>
      </c>
    </row>
    <row r="351" spans="1:11" ht="86.4" x14ac:dyDescent="0.3">
      <c r="A351" s="1">
        <v>2541</v>
      </c>
      <c r="C351" s="4" t="s">
        <v>1703</v>
      </c>
      <c r="D351" s="4" t="s">
        <v>1704</v>
      </c>
      <c r="E351" s="4" t="s">
        <v>1705</v>
      </c>
      <c r="G351" s="4" t="s">
        <v>1706</v>
      </c>
      <c r="H351" s="4" t="s">
        <v>1707</v>
      </c>
      <c r="K351" s="4" t="s">
        <v>1708</v>
      </c>
    </row>
    <row r="352" spans="1:11" ht="28.8" x14ac:dyDescent="0.3">
      <c r="A352" s="1">
        <v>2546</v>
      </c>
      <c r="E352" s="4" t="s">
        <v>1709</v>
      </c>
      <c r="F352" s="4" t="s">
        <v>1710</v>
      </c>
      <c r="H352" s="4" t="s">
        <v>1711</v>
      </c>
      <c r="I352" s="4" t="s">
        <v>1712</v>
      </c>
    </row>
    <row r="353" spans="1:11" ht="86.4" x14ac:dyDescent="0.3">
      <c r="A353" s="1">
        <v>2551</v>
      </c>
      <c r="C353" s="4" t="s">
        <v>1713</v>
      </c>
      <c r="D353" s="4" t="s">
        <v>1714</v>
      </c>
      <c r="E353" s="4" t="s">
        <v>1715</v>
      </c>
      <c r="F353" s="4" t="s">
        <v>1716</v>
      </c>
      <c r="G353" s="4" t="s">
        <v>1717</v>
      </c>
      <c r="H353" s="4" t="s">
        <v>1718</v>
      </c>
      <c r="I353" s="4" t="s">
        <v>1719</v>
      </c>
      <c r="K353" s="4" t="s">
        <v>1720</v>
      </c>
    </row>
    <row r="354" spans="1:11" ht="86.4" x14ac:dyDescent="0.3">
      <c r="A354" s="1">
        <v>2556</v>
      </c>
      <c r="C354" s="4" t="s">
        <v>1721</v>
      </c>
      <c r="D354" s="4" t="s">
        <v>1722</v>
      </c>
      <c r="E354" s="4" t="s">
        <v>1723</v>
      </c>
      <c r="F354" s="4" t="s">
        <v>1724</v>
      </c>
      <c r="G354" s="4" t="s">
        <v>1725</v>
      </c>
      <c r="H354" s="4" t="s">
        <v>1726</v>
      </c>
      <c r="I354" s="4" t="s">
        <v>1727</v>
      </c>
      <c r="K354" s="4" t="s">
        <v>1728</v>
      </c>
    </row>
    <row r="355" spans="1:11" x14ac:dyDescent="0.3">
      <c r="A355" s="1">
        <v>2561</v>
      </c>
    </row>
    <row r="356" spans="1:11" ht="43.2" x14ac:dyDescent="0.3">
      <c r="A356" s="1">
        <v>2566</v>
      </c>
      <c r="C356" s="4" t="s">
        <v>1729</v>
      </c>
      <c r="D356" s="4" t="s">
        <v>1730</v>
      </c>
      <c r="E356" s="4" t="s">
        <v>1731</v>
      </c>
      <c r="F356" s="4" t="s">
        <v>1732</v>
      </c>
      <c r="G356" s="4" t="s">
        <v>1733</v>
      </c>
      <c r="H356" s="4" t="s">
        <v>1734</v>
      </c>
      <c r="I356" s="4" t="s">
        <v>1735</v>
      </c>
      <c r="K356" s="4" t="s">
        <v>1736</v>
      </c>
    </row>
    <row r="357" spans="1:11" ht="57.6" x14ac:dyDescent="0.3">
      <c r="A357" s="1">
        <v>2571</v>
      </c>
      <c r="C357" s="4" t="s">
        <v>1737</v>
      </c>
      <c r="D357" s="4" t="s">
        <v>1738</v>
      </c>
      <c r="E357" s="4" t="s">
        <v>1739</v>
      </c>
      <c r="F357" s="4" t="s">
        <v>1740</v>
      </c>
      <c r="G357" s="4" t="s">
        <v>1741</v>
      </c>
      <c r="H357" s="4" t="s">
        <v>1742</v>
      </c>
    </row>
    <row r="358" spans="1:11" ht="86.4" x14ac:dyDescent="0.3">
      <c r="A358" s="1">
        <v>2576</v>
      </c>
      <c r="D358" s="4" t="s">
        <v>1743</v>
      </c>
      <c r="E358" s="4" t="s">
        <v>1744</v>
      </c>
      <c r="F358" s="4" t="s">
        <v>1745</v>
      </c>
      <c r="G358" s="4" t="s">
        <v>1746</v>
      </c>
      <c r="H358" s="4" t="s">
        <v>1747</v>
      </c>
      <c r="I358" s="4" t="s">
        <v>1748</v>
      </c>
      <c r="K358" s="4" t="s">
        <v>1749</v>
      </c>
    </row>
    <row r="359" spans="1:11" ht="72" x14ac:dyDescent="0.3">
      <c r="A359" s="1">
        <v>2591</v>
      </c>
      <c r="C359" s="4" t="s">
        <v>1750</v>
      </c>
      <c r="D359" s="4" t="s">
        <v>1751</v>
      </c>
      <c r="E359" s="4" t="s">
        <v>1752</v>
      </c>
      <c r="F359" s="4" t="s">
        <v>1753</v>
      </c>
      <c r="G359" s="4" t="s">
        <v>1754</v>
      </c>
      <c r="H359" s="4" t="s">
        <v>1755</v>
      </c>
      <c r="I359" s="4" t="s">
        <v>1756</v>
      </c>
      <c r="K359" s="4" t="s">
        <v>1757</v>
      </c>
    </row>
    <row r="360" spans="1:11" ht="86.4" x14ac:dyDescent="0.3">
      <c r="A360" s="1">
        <v>2596</v>
      </c>
      <c r="C360" s="4" t="s">
        <v>1758</v>
      </c>
      <c r="D360" s="4" t="s">
        <v>1759</v>
      </c>
      <c r="E360" s="4" t="s">
        <v>1760</v>
      </c>
      <c r="F360" s="4" t="s">
        <v>1761</v>
      </c>
      <c r="G360" s="4" t="s">
        <v>1762</v>
      </c>
      <c r="H360" s="4" t="s">
        <v>1763</v>
      </c>
      <c r="I360" s="4" t="s">
        <v>1764</v>
      </c>
      <c r="K360" s="4" t="s">
        <v>1765</v>
      </c>
    </row>
    <row r="361" spans="1:11" ht="86.4" x14ac:dyDescent="0.3">
      <c r="A361" s="1">
        <v>2601</v>
      </c>
      <c r="C361" s="4" t="s">
        <v>1766</v>
      </c>
      <c r="D361" s="4" t="s">
        <v>1767</v>
      </c>
      <c r="G361" s="4" t="s">
        <v>1768</v>
      </c>
      <c r="H361" s="4" t="s">
        <v>1769</v>
      </c>
      <c r="I361" s="4" t="s">
        <v>1770</v>
      </c>
      <c r="J361" s="4" t="s">
        <v>1771</v>
      </c>
      <c r="K361" s="4" t="s">
        <v>1772</v>
      </c>
    </row>
    <row r="362" spans="1:11" ht="43.2" x14ac:dyDescent="0.3">
      <c r="A362" s="1">
        <v>2611</v>
      </c>
      <c r="C362" s="4" t="s">
        <v>1773</v>
      </c>
      <c r="D362" s="4" t="s">
        <v>1774</v>
      </c>
      <c r="E362" s="4" t="s">
        <v>1775</v>
      </c>
      <c r="G362" s="4" t="s">
        <v>1776</v>
      </c>
      <c r="H362" s="4" t="s">
        <v>1777</v>
      </c>
      <c r="I362" s="4" t="s">
        <v>1778</v>
      </c>
      <c r="K362" s="4" t="s">
        <v>1779</v>
      </c>
    </row>
    <row r="363" spans="1:11" ht="86.4" x14ac:dyDescent="0.3">
      <c r="A363" s="1">
        <v>2616</v>
      </c>
      <c r="C363" s="4" t="s">
        <v>1780</v>
      </c>
      <c r="D363" s="4" t="s">
        <v>1781</v>
      </c>
      <c r="E363" s="4" t="s">
        <v>1782</v>
      </c>
      <c r="F363" s="4" t="s">
        <v>1783</v>
      </c>
      <c r="G363" s="4" t="s">
        <v>1784</v>
      </c>
      <c r="H363" s="4" t="s">
        <v>1785</v>
      </c>
    </row>
    <row r="364" spans="1:11" ht="86.4" x14ac:dyDescent="0.3">
      <c r="A364" s="1">
        <v>2621</v>
      </c>
      <c r="D364" s="4" t="s">
        <v>1786</v>
      </c>
      <c r="G364" s="4" t="s">
        <v>1787</v>
      </c>
      <c r="H364" s="4" t="s">
        <v>1788</v>
      </c>
      <c r="K364" s="4" t="s">
        <v>1789</v>
      </c>
    </row>
    <row r="365" spans="1:11" x14ac:dyDescent="0.3">
      <c r="A365" s="1">
        <v>2626</v>
      </c>
    </row>
    <row r="366" spans="1:11" ht="86.4" x14ac:dyDescent="0.3">
      <c r="A366" s="1">
        <v>2631</v>
      </c>
      <c r="C366" s="4" t="s">
        <v>1790</v>
      </c>
      <c r="D366" s="4" t="s">
        <v>1791</v>
      </c>
      <c r="E366" s="4" t="s">
        <v>1792</v>
      </c>
      <c r="F366" s="4" t="s">
        <v>1793</v>
      </c>
      <c r="G366" s="4" t="s">
        <v>1794</v>
      </c>
      <c r="H366" s="4" t="s">
        <v>1795</v>
      </c>
      <c r="I366" s="4" t="s">
        <v>1796</v>
      </c>
      <c r="K366" s="4" t="s">
        <v>1797</v>
      </c>
    </row>
    <row r="367" spans="1:11" ht="72" x14ac:dyDescent="0.3">
      <c r="A367" s="1">
        <v>2636</v>
      </c>
      <c r="G367" s="4" t="s">
        <v>1798</v>
      </c>
      <c r="H367" s="4" t="s">
        <v>1798</v>
      </c>
    </row>
    <row r="368" spans="1:11" ht="43.2" x14ac:dyDescent="0.3">
      <c r="A368" s="1">
        <v>2651</v>
      </c>
      <c r="C368" s="4" t="s">
        <v>1799</v>
      </c>
      <c r="D368" s="4" t="s">
        <v>1800</v>
      </c>
      <c r="E368" s="4" t="s">
        <v>1801</v>
      </c>
      <c r="F368" s="4" t="s">
        <v>1802</v>
      </c>
      <c r="G368" s="4" t="s">
        <v>1803</v>
      </c>
      <c r="H368" s="4" t="s">
        <v>1804</v>
      </c>
      <c r="I368" s="4" t="s">
        <v>1805</v>
      </c>
    </row>
    <row r="369" spans="1:11" ht="28.8" x14ac:dyDescent="0.3">
      <c r="A369" s="1">
        <v>2656</v>
      </c>
      <c r="C369" s="4" t="s">
        <v>1806</v>
      </c>
      <c r="D369" s="4" t="s">
        <v>1807</v>
      </c>
      <c r="E369" s="4" t="s">
        <v>1808</v>
      </c>
      <c r="F369" s="4" t="s">
        <v>1809</v>
      </c>
      <c r="G369" s="4" t="s">
        <v>1810</v>
      </c>
      <c r="H369" s="4" t="s">
        <v>1811</v>
      </c>
      <c r="I369" s="4" t="s">
        <v>1812</v>
      </c>
      <c r="J369" s="4" t="s">
        <v>1813</v>
      </c>
      <c r="K369" s="4" t="s">
        <v>1814</v>
      </c>
    </row>
    <row r="370" spans="1:11" ht="86.4" x14ac:dyDescent="0.3">
      <c r="A370" s="1">
        <v>2661</v>
      </c>
      <c r="C370" s="4" t="s">
        <v>1815</v>
      </c>
      <c r="D370" s="4" t="s">
        <v>1816</v>
      </c>
      <c r="E370" s="4" t="s">
        <v>1817</v>
      </c>
      <c r="F370" s="4" t="s">
        <v>1818</v>
      </c>
      <c r="G370" s="4" t="s">
        <v>1819</v>
      </c>
      <c r="H370" s="4" t="s">
        <v>1820</v>
      </c>
      <c r="I370" s="4" t="s">
        <v>1655</v>
      </c>
      <c r="K370" s="4" t="s">
        <v>1821</v>
      </c>
    </row>
    <row r="371" spans="1:11" ht="86.4" x14ac:dyDescent="0.3">
      <c r="A371" s="1">
        <v>2666</v>
      </c>
      <c r="D371" s="4" t="s">
        <v>1822</v>
      </c>
      <c r="G371" s="4" t="s">
        <v>1823</v>
      </c>
      <c r="K371" s="4" t="s">
        <v>1824</v>
      </c>
    </row>
    <row r="372" spans="1:11" ht="72" x14ac:dyDescent="0.3">
      <c r="A372" s="1">
        <v>2671</v>
      </c>
      <c r="C372" s="4" t="s">
        <v>1825</v>
      </c>
      <c r="D372" s="4" t="s">
        <v>1826</v>
      </c>
      <c r="E372" s="4" t="s">
        <v>1827</v>
      </c>
      <c r="F372" s="4" t="s">
        <v>1828</v>
      </c>
      <c r="G372" s="4" t="s">
        <v>1829</v>
      </c>
      <c r="H372" s="4" t="s">
        <v>1830</v>
      </c>
      <c r="I372" s="4" t="s">
        <v>1831</v>
      </c>
      <c r="K372" s="4" t="s">
        <v>1832</v>
      </c>
    </row>
    <row r="373" spans="1:11" ht="57.6" x14ac:dyDescent="0.3">
      <c r="A373" s="1">
        <v>2676</v>
      </c>
      <c r="C373" s="4" t="s">
        <v>1833</v>
      </c>
      <c r="D373" s="4" t="s">
        <v>1834</v>
      </c>
      <c r="E373" s="4" t="s">
        <v>1835</v>
      </c>
      <c r="F373" s="4" t="s">
        <v>1836</v>
      </c>
      <c r="G373" s="4" t="s">
        <v>1837</v>
      </c>
      <c r="I373" s="4" t="s">
        <v>1838</v>
      </c>
    </row>
    <row r="374" spans="1:11" ht="72" x14ac:dyDescent="0.3">
      <c r="A374" s="1">
        <v>2686</v>
      </c>
      <c r="C374" s="4" t="s">
        <v>1839</v>
      </c>
      <c r="D374" s="4" t="s">
        <v>1840</v>
      </c>
      <c r="E374" s="4" t="s">
        <v>1841</v>
      </c>
      <c r="F374" s="4" t="s">
        <v>1842</v>
      </c>
      <c r="G374" s="4" t="s">
        <v>1843</v>
      </c>
      <c r="H374" s="4" t="s">
        <v>1844</v>
      </c>
      <c r="I374" s="4" t="s">
        <v>1372</v>
      </c>
      <c r="K374" s="4" t="s">
        <v>1843</v>
      </c>
    </row>
    <row r="375" spans="1:11" ht="72" x14ac:dyDescent="0.3">
      <c r="A375" s="1">
        <v>2711</v>
      </c>
      <c r="C375" s="4" t="s">
        <v>1845</v>
      </c>
      <c r="D375" s="4" t="s">
        <v>1846</v>
      </c>
      <c r="E375" s="4" t="s">
        <v>1847</v>
      </c>
      <c r="F375" s="4" t="s">
        <v>1848</v>
      </c>
      <c r="G375" s="4" t="s">
        <v>1849</v>
      </c>
      <c r="H375" s="4" t="s">
        <v>1850</v>
      </c>
      <c r="I375" s="4" t="s">
        <v>1851</v>
      </c>
      <c r="K375" s="4" t="s">
        <v>1852</v>
      </c>
    </row>
    <row r="376" spans="1:11" ht="43.2" x14ac:dyDescent="0.3">
      <c r="A376" s="1">
        <v>2716</v>
      </c>
      <c r="D376" s="4" t="s">
        <v>1853</v>
      </c>
      <c r="G376" s="4" t="s">
        <v>1854</v>
      </c>
    </row>
    <row r="377" spans="1:11" ht="72" x14ac:dyDescent="0.3">
      <c r="A377" s="1">
        <v>2726</v>
      </c>
      <c r="C377" s="4" t="s">
        <v>1855</v>
      </c>
      <c r="D377" s="4" t="s">
        <v>1856</v>
      </c>
      <c r="E377" s="4" t="s">
        <v>1857</v>
      </c>
      <c r="I377" s="4" t="s">
        <v>1858</v>
      </c>
      <c r="K377" s="4" t="s">
        <v>1859</v>
      </c>
    </row>
    <row r="378" spans="1:11" ht="28.8" x14ac:dyDescent="0.3">
      <c r="A378" s="1">
        <v>2731</v>
      </c>
      <c r="C378" s="4" t="s">
        <v>1860</v>
      </c>
      <c r="D378" s="4" t="s">
        <v>1861</v>
      </c>
    </row>
    <row r="379" spans="1:11" ht="86.4" x14ac:dyDescent="0.3">
      <c r="A379" s="1">
        <v>2746</v>
      </c>
      <c r="C379" s="4" t="s">
        <v>1862</v>
      </c>
      <c r="D379" s="4" t="s">
        <v>1863</v>
      </c>
      <c r="G379" s="4" t="s">
        <v>1864</v>
      </c>
      <c r="H379" s="4" t="s">
        <v>1865</v>
      </c>
      <c r="I379" s="4" t="s">
        <v>1866</v>
      </c>
      <c r="K379" s="4" t="s">
        <v>1867</v>
      </c>
    </row>
    <row r="380" spans="1:11" ht="86.4" x14ac:dyDescent="0.3">
      <c r="A380" s="1">
        <v>2761</v>
      </c>
      <c r="C380" s="4" t="s">
        <v>1868</v>
      </c>
      <c r="D380" s="4" t="s">
        <v>1869</v>
      </c>
      <c r="E380" s="4" t="s">
        <v>1870</v>
      </c>
      <c r="F380" s="4" t="s">
        <v>1871</v>
      </c>
      <c r="G380" s="4" t="s">
        <v>1872</v>
      </c>
      <c r="H380" s="4" t="s">
        <v>1873</v>
      </c>
      <c r="I380" s="4" t="s">
        <v>1874</v>
      </c>
      <c r="K380" s="4" t="s">
        <v>1875</v>
      </c>
    </row>
    <row r="381" spans="1:11" ht="86.4" x14ac:dyDescent="0.3">
      <c r="A381" s="1">
        <v>2766</v>
      </c>
      <c r="C381" s="4" t="s">
        <v>1876</v>
      </c>
      <c r="D381" s="4" t="s">
        <v>1877</v>
      </c>
      <c r="E381" s="4" t="s">
        <v>1878</v>
      </c>
      <c r="F381" s="4" t="s">
        <v>1879</v>
      </c>
      <c r="G381" s="4" t="s">
        <v>1880</v>
      </c>
      <c r="H381" s="4" t="s">
        <v>1881</v>
      </c>
      <c r="I381" s="4" t="s">
        <v>1882</v>
      </c>
      <c r="K381" s="4" t="s">
        <v>1883</v>
      </c>
    </row>
    <row r="382" spans="1:11" ht="86.4" x14ac:dyDescent="0.3">
      <c r="A382" s="1">
        <v>2771</v>
      </c>
      <c r="C382" s="4" t="s">
        <v>1884</v>
      </c>
      <c r="D382" s="4" t="s">
        <v>1885</v>
      </c>
      <c r="F382" s="4" t="s">
        <v>1886</v>
      </c>
      <c r="G382" s="4" t="s">
        <v>1887</v>
      </c>
      <c r="H382" s="4" t="s">
        <v>1888</v>
      </c>
      <c r="I382" s="4" t="s">
        <v>1889</v>
      </c>
    </row>
    <row r="383" spans="1:11" ht="72" x14ac:dyDescent="0.3">
      <c r="A383" s="1">
        <v>2781</v>
      </c>
      <c r="C383" s="4" t="s">
        <v>1890</v>
      </c>
      <c r="D383" s="4" t="s">
        <v>1891</v>
      </c>
      <c r="E383" s="4" t="s">
        <v>1892</v>
      </c>
      <c r="F383" s="4" t="s">
        <v>1893</v>
      </c>
      <c r="G383" s="4" t="s">
        <v>1894</v>
      </c>
      <c r="H383" s="4" t="s">
        <v>1895</v>
      </c>
      <c r="I383" s="4" t="s">
        <v>1896</v>
      </c>
    </row>
    <row r="384" spans="1:11" ht="72" x14ac:dyDescent="0.3">
      <c r="A384" s="1">
        <v>2786</v>
      </c>
      <c r="B384" s="1" t="s">
        <v>1897</v>
      </c>
      <c r="C384" s="4" t="s">
        <v>1898</v>
      </c>
      <c r="D384" s="4" t="s">
        <v>1899</v>
      </c>
      <c r="E384" s="4" t="s">
        <v>1900</v>
      </c>
      <c r="F384" s="4" t="s">
        <v>1901</v>
      </c>
      <c r="G384" s="4" t="s">
        <v>1902</v>
      </c>
      <c r="H384" s="4" t="s">
        <v>1903</v>
      </c>
      <c r="I384" s="4" t="s">
        <v>1904</v>
      </c>
      <c r="K384" s="4" t="s">
        <v>1905</v>
      </c>
    </row>
    <row r="385" spans="1:11" ht="28.8" x14ac:dyDescent="0.3">
      <c r="A385" s="1">
        <v>2791</v>
      </c>
      <c r="C385" s="4" t="s">
        <v>1906</v>
      </c>
      <c r="D385" s="4" t="s">
        <v>1907</v>
      </c>
      <c r="E385" s="4" t="s">
        <v>1908</v>
      </c>
      <c r="K385" s="4" t="s">
        <v>1909</v>
      </c>
    </row>
    <row r="386" spans="1:11" ht="86.4" x14ac:dyDescent="0.3">
      <c r="A386" s="1">
        <v>2801</v>
      </c>
      <c r="C386" s="4" t="s">
        <v>1910</v>
      </c>
      <c r="D386" s="4" t="s">
        <v>1911</v>
      </c>
      <c r="F386" s="4" t="s">
        <v>1912</v>
      </c>
      <c r="G386" s="4" t="s">
        <v>1913</v>
      </c>
      <c r="H386" s="4" t="s">
        <v>1914</v>
      </c>
      <c r="I386" s="4" t="s">
        <v>1915</v>
      </c>
      <c r="J386" s="4" t="s">
        <v>1916</v>
      </c>
    </row>
    <row r="387" spans="1:11" ht="72" x14ac:dyDescent="0.3">
      <c r="A387" s="1">
        <v>2806</v>
      </c>
      <c r="C387" s="4" t="s">
        <v>1917</v>
      </c>
      <c r="D387" s="4" t="s">
        <v>1918</v>
      </c>
      <c r="E387" s="4" t="s">
        <v>1919</v>
      </c>
      <c r="F387" s="4" t="s">
        <v>1920</v>
      </c>
      <c r="G387" s="4" t="s">
        <v>1921</v>
      </c>
      <c r="H387" s="4" t="s">
        <v>1922</v>
      </c>
      <c r="I387" s="4" t="s">
        <v>1923</v>
      </c>
      <c r="K387" s="4" t="s">
        <v>1924</v>
      </c>
    </row>
    <row r="388" spans="1:11" ht="72" x14ac:dyDescent="0.3">
      <c r="A388" s="1">
        <v>2811</v>
      </c>
      <c r="C388" s="4" t="s">
        <v>1925</v>
      </c>
      <c r="D388" s="4" t="s">
        <v>1926</v>
      </c>
      <c r="E388" s="4" t="s">
        <v>1927</v>
      </c>
      <c r="F388" s="4" t="s">
        <v>1927</v>
      </c>
      <c r="G388" s="4" t="s">
        <v>1928</v>
      </c>
      <c r="H388" s="4" t="s">
        <v>1928</v>
      </c>
      <c r="I388" s="4" t="s">
        <v>1929</v>
      </c>
      <c r="J388" s="4" t="s">
        <v>1930</v>
      </c>
      <c r="K388" s="4" t="s">
        <v>1931</v>
      </c>
    </row>
    <row r="389" spans="1:11" ht="86.4" x14ac:dyDescent="0.3">
      <c r="A389" s="1">
        <v>2836</v>
      </c>
      <c r="C389" s="4" t="s">
        <v>1932</v>
      </c>
      <c r="D389" s="4" t="s">
        <v>1933</v>
      </c>
      <c r="E389" s="4" t="s">
        <v>1934</v>
      </c>
      <c r="F389" s="4" t="s">
        <v>1935</v>
      </c>
      <c r="G389" s="4" t="s">
        <v>1936</v>
      </c>
      <c r="H389" s="4" t="s">
        <v>1937</v>
      </c>
      <c r="I389" s="4" t="s">
        <v>1938</v>
      </c>
      <c r="K389" s="4" t="s">
        <v>1939</v>
      </c>
    </row>
    <row r="390" spans="1:11" ht="43.2" x14ac:dyDescent="0.3">
      <c r="A390" s="1">
        <v>2846</v>
      </c>
      <c r="C390" s="4" t="s">
        <v>1940</v>
      </c>
      <c r="D390" s="4" t="s">
        <v>1941</v>
      </c>
      <c r="E390" s="4" t="s">
        <v>1942</v>
      </c>
      <c r="F390" s="4" t="s">
        <v>1943</v>
      </c>
      <c r="G390" s="4" t="s">
        <v>1944</v>
      </c>
      <c r="H390" s="4" t="s">
        <v>1945</v>
      </c>
      <c r="I390" s="4" t="s">
        <v>1946</v>
      </c>
      <c r="J390" s="4" t="s">
        <v>1947</v>
      </c>
    </row>
    <row r="391" spans="1:11" ht="86.4" x14ac:dyDescent="0.3">
      <c r="A391" s="1">
        <v>2856</v>
      </c>
      <c r="C391" s="4" t="s">
        <v>1948</v>
      </c>
      <c r="E391" s="4" t="s">
        <v>1949</v>
      </c>
      <c r="G391" s="4" t="s">
        <v>1950</v>
      </c>
      <c r="I391" s="4" t="s">
        <v>1951</v>
      </c>
    </row>
    <row r="392" spans="1:11" ht="57.6" x14ac:dyDescent="0.3">
      <c r="A392" s="1">
        <v>2866</v>
      </c>
      <c r="E392" s="4" t="s">
        <v>1952</v>
      </c>
      <c r="F392" s="4" t="s">
        <v>1952</v>
      </c>
    </row>
    <row r="393" spans="1:11" ht="72" x14ac:dyDescent="0.3">
      <c r="A393" s="1">
        <v>2871</v>
      </c>
      <c r="C393" s="4" t="s">
        <v>1953</v>
      </c>
      <c r="D393" s="4" t="s">
        <v>1954</v>
      </c>
      <c r="E393" s="4" t="s">
        <v>1955</v>
      </c>
      <c r="F393" s="4" t="s">
        <v>1956</v>
      </c>
      <c r="G393" s="4" t="s">
        <v>1957</v>
      </c>
      <c r="H393" s="4" t="s">
        <v>1958</v>
      </c>
      <c r="I393" s="4" t="s">
        <v>1959</v>
      </c>
      <c r="K393" s="4" t="s">
        <v>1960</v>
      </c>
    </row>
    <row r="394" spans="1:11" ht="86.4" x14ac:dyDescent="0.3">
      <c r="A394" s="1">
        <v>2876</v>
      </c>
      <c r="C394" s="4" t="s">
        <v>1961</v>
      </c>
      <c r="D394" s="4" t="s">
        <v>1962</v>
      </c>
      <c r="F394" s="4" t="s">
        <v>1963</v>
      </c>
      <c r="G394" s="4" t="s">
        <v>1964</v>
      </c>
      <c r="I394" s="4" t="s">
        <v>1965</v>
      </c>
      <c r="K394" s="4" t="s">
        <v>1966</v>
      </c>
    </row>
    <row r="395" spans="1:11" ht="72" x14ac:dyDescent="0.3">
      <c r="A395" s="1">
        <v>2881</v>
      </c>
      <c r="C395" s="4" t="s">
        <v>1967</v>
      </c>
      <c r="G395" s="4" t="s">
        <v>1968</v>
      </c>
      <c r="H395" s="4" t="s">
        <v>1969</v>
      </c>
      <c r="I395" s="4" t="s">
        <v>1970</v>
      </c>
      <c r="J395" s="4" t="s">
        <v>1971</v>
      </c>
      <c r="K395" s="4" t="s">
        <v>1972</v>
      </c>
    </row>
    <row r="396" spans="1:11" ht="86.4" x14ac:dyDescent="0.3">
      <c r="A396" s="1">
        <v>2886</v>
      </c>
      <c r="C396" s="4" t="s">
        <v>1973</v>
      </c>
      <c r="D396" s="4" t="s">
        <v>1974</v>
      </c>
      <c r="E396" s="4" t="s">
        <v>1975</v>
      </c>
      <c r="F396" s="4" t="s">
        <v>1976</v>
      </c>
      <c r="G396" s="4" t="s">
        <v>1977</v>
      </c>
      <c r="H396" s="4" t="s">
        <v>1978</v>
      </c>
      <c r="I396" s="4" t="s">
        <v>1979</v>
      </c>
      <c r="K396" s="4" t="s">
        <v>1980</v>
      </c>
    </row>
    <row r="397" spans="1:11" ht="57.6" x14ac:dyDescent="0.3">
      <c r="A397" s="1">
        <v>2891</v>
      </c>
      <c r="C397" s="4" t="s">
        <v>1981</v>
      </c>
      <c r="D397" s="4" t="s">
        <v>1982</v>
      </c>
      <c r="E397" s="4" t="s">
        <v>1983</v>
      </c>
      <c r="F397" s="4" t="s">
        <v>1984</v>
      </c>
      <c r="G397" s="4" t="s">
        <v>1985</v>
      </c>
      <c r="H397" s="4" t="s">
        <v>1986</v>
      </c>
      <c r="I397" s="4" t="s">
        <v>1987</v>
      </c>
      <c r="K397" s="4" t="s">
        <v>1988</v>
      </c>
    </row>
    <row r="398" spans="1:11" ht="86.4" x14ac:dyDescent="0.3">
      <c r="A398" s="1">
        <v>2901</v>
      </c>
      <c r="C398" s="4" t="s">
        <v>1989</v>
      </c>
      <c r="D398" s="4" t="s">
        <v>1990</v>
      </c>
      <c r="E398" s="4" t="s">
        <v>1991</v>
      </c>
      <c r="F398" s="4" t="s">
        <v>1992</v>
      </c>
      <c r="G398" s="4" t="s">
        <v>1993</v>
      </c>
      <c r="H398" s="4" t="s">
        <v>1994</v>
      </c>
      <c r="I398" s="4" t="s">
        <v>1995</v>
      </c>
    </row>
    <row r="399" spans="1:11" ht="129.6" x14ac:dyDescent="0.3">
      <c r="A399" s="1">
        <v>2911</v>
      </c>
      <c r="C399" s="4" t="s">
        <v>1996</v>
      </c>
      <c r="D399" s="4" t="s">
        <v>1997</v>
      </c>
      <c r="E399" s="4" t="s">
        <v>1998</v>
      </c>
      <c r="F399" s="4" t="s">
        <v>1999</v>
      </c>
      <c r="G399" s="4" t="s">
        <v>2000</v>
      </c>
      <c r="H399" s="4" t="s">
        <v>2001</v>
      </c>
      <c r="I399" s="4" t="s">
        <v>2002</v>
      </c>
      <c r="K399" s="4" t="s">
        <v>2003</v>
      </c>
    </row>
    <row r="400" spans="1:11" ht="57.6" x14ac:dyDescent="0.3">
      <c r="A400" s="1">
        <v>2916</v>
      </c>
      <c r="C400" s="4" t="s">
        <v>2004</v>
      </c>
      <c r="D400" s="4" t="s">
        <v>2005</v>
      </c>
      <c r="E400" s="4" t="s">
        <v>2006</v>
      </c>
      <c r="F400" s="4" t="s">
        <v>2007</v>
      </c>
      <c r="G400" s="4" t="s">
        <v>2008</v>
      </c>
      <c r="K400" s="4" t="s">
        <v>2009</v>
      </c>
    </row>
    <row r="401" spans="1:11" ht="57.6" x14ac:dyDescent="0.3">
      <c r="A401" s="1">
        <v>2921</v>
      </c>
      <c r="C401" s="4" t="s">
        <v>2010</v>
      </c>
      <c r="D401" s="4" t="s">
        <v>2011</v>
      </c>
      <c r="E401" s="4" t="s">
        <v>2012</v>
      </c>
      <c r="F401" s="4" t="s">
        <v>2013</v>
      </c>
      <c r="G401" s="4" t="s">
        <v>2014</v>
      </c>
      <c r="H401" s="4" t="s">
        <v>2015</v>
      </c>
      <c r="I401" s="4" t="s">
        <v>2016</v>
      </c>
      <c r="K401" s="4" t="s">
        <v>2017</v>
      </c>
    </row>
    <row r="402" spans="1:11" ht="72" x14ac:dyDescent="0.3">
      <c r="A402" s="1">
        <v>2931</v>
      </c>
      <c r="C402" s="4" t="s">
        <v>2018</v>
      </c>
      <c r="D402" s="4" t="s">
        <v>2019</v>
      </c>
      <c r="E402" s="4" t="s">
        <v>2020</v>
      </c>
      <c r="F402" s="4" t="s">
        <v>2021</v>
      </c>
    </row>
    <row r="403" spans="1:11" x14ac:dyDescent="0.3">
      <c r="A403" s="1">
        <v>2961</v>
      </c>
    </row>
    <row r="404" spans="1:11" ht="86.4" x14ac:dyDescent="0.3">
      <c r="A404" s="1">
        <v>2966</v>
      </c>
      <c r="C404" s="4" t="s">
        <v>2022</v>
      </c>
      <c r="D404" s="4" t="s">
        <v>2023</v>
      </c>
      <c r="E404" s="4" t="s">
        <v>2024</v>
      </c>
      <c r="F404" s="4" t="s">
        <v>2025</v>
      </c>
      <c r="G404" s="4" t="s">
        <v>2026</v>
      </c>
      <c r="H404" s="4" t="s">
        <v>2027</v>
      </c>
      <c r="J404" s="4" t="s">
        <v>2028</v>
      </c>
      <c r="K404" s="4" t="s">
        <v>2029</v>
      </c>
    </row>
    <row r="405" spans="1:11" ht="86.4" x14ac:dyDescent="0.3">
      <c r="A405" s="1">
        <v>2971</v>
      </c>
      <c r="C405" s="4" t="s">
        <v>2030</v>
      </c>
      <c r="D405" s="4" t="s">
        <v>2031</v>
      </c>
      <c r="E405" s="4" t="s">
        <v>2032</v>
      </c>
      <c r="F405" s="4" t="s">
        <v>2033</v>
      </c>
      <c r="G405" s="4" t="s">
        <v>2034</v>
      </c>
      <c r="H405" s="4" t="s">
        <v>2035</v>
      </c>
      <c r="I405" s="4" t="s">
        <v>2036</v>
      </c>
      <c r="J405" s="4" t="s">
        <v>2037</v>
      </c>
      <c r="K405" s="4" t="s">
        <v>2038</v>
      </c>
    </row>
    <row r="406" spans="1:11" ht="86.4" x14ac:dyDescent="0.3">
      <c r="A406" s="1">
        <v>2986</v>
      </c>
      <c r="C406" s="4" t="s">
        <v>2039</v>
      </c>
      <c r="D406" s="4" t="s">
        <v>2040</v>
      </c>
      <c r="F406" s="4" t="s">
        <v>2041</v>
      </c>
      <c r="H406" s="4" t="s">
        <v>2042</v>
      </c>
      <c r="I406" s="4" t="s">
        <v>2043</v>
      </c>
      <c r="J406" s="4" t="s">
        <v>2044</v>
      </c>
      <c r="K406" s="4" t="s">
        <v>2045</v>
      </c>
    </row>
    <row r="407" spans="1:11" ht="57.6" x14ac:dyDescent="0.3">
      <c r="A407" s="1">
        <v>2991</v>
      </c>
      <c r="C407" s="4" t="s">
        <v>2046</v>
      </c>
      <c r="D407" s="4" t="s">
        <v>2047</v>
      </c>
      <c r="E407" s="4" t="s">
        <v>2048</v>
      </c>
      <c r="F407" s="4" t="s">
        <v>2049</v>
      </c>
      <c r="G407" s="4" t="s">
        <v>2050</v>
      </c>
      <c r="H407" s="4" t="s">
        <v>2051</v>
      </c>
      <c r="I407" s="4" t="s">
        <v>2052</v>
      </c>
      <c r="K407" s="4" t="s">
        <v>2053</v>
      </c>
    </row>
    <row r="408" spans="1:11" ht="86.4" x14ac:dyDescent="0.3">
      <c r="A408" s="1">
        <v>2996</v>
      </c>
      <c r="C408" s="4" t="s">
        <v>2054</v>
      </c>
      <c r="D408" s="4" t="s">
        <v>2055</v>
      </c>
      <c r="E408" s="4" t="s">
        <v>2056</v>
      </c>
      <c r="F408" s="4" t="s">
        <v>2057</v>
      </c>
      <c r="G408" s="4" t="s">
        <v>2058</v>
      </c>
      <c r="H408" s="4" t="s">
        <v>2059</v>
      </c>
      <c r="I408" s="4" t="s">
        <v>2060</v>
      </c>
      <c r="K408" s="4" t="s">
        <v>2061</v>
      </c>
    </row>
    <row r="409" spans="1:11" ht="28.8" x14ac:dyDescent="0.3">
      <c r="A409" s="1">
        <v>3006</v>
      </c>
      <c r="C409" s="4" t="s">
        <v>2062</v>
      </c>
      <c r="E409" s="4" t="s">
        <v>2063</v>
      </c>
      <c r="J409" s="4" t="s">
        <v>2064</v>
      </c>
      <c r="K409" s="4" t="s">
        <v>2065</v>
      </c>
    </row>
    <row r="410" spans="1:11" ht="72" x14ac:dyDescent="0.3">
      <c r="A410" s="1">
        <v>3011</v>
      </c>
      <c r="C410" s="4" t="s">
        <v>2066</v>
      </c>
      <c r="D410" s="4" t="s">
        <v>2067</v>
      </c>
      <c r="E410" s="4" t="s">
        <v>2068</v>
      </c>
      <c r="F410" s="4" t="s">
        <v>2069</v>
      </c>
      <c r="G410" s="4" t="s">
        <v>2070</v>
      </c>
      <c r="H410" s="4" t="s">
        <v>2071</v>
      </c>
      <c r="K410" s="4" t="s">
        <v>2072</v>
      </c>
    </row>
    <row r="411" spans="1:11" ht="72" x14ac:dyDescent="0.3">
      <c r="A411" s="1">
        <v>3016</v>
      </c>
      <c r="C411" s="4" t="s">
        <v>2073</v>
      </c>
      <c r="D411" s="4" t="s">
        <v>2074</v>
      </c>
      <c r="G411" s="4" t="s">
        <v>2075</v>
      </c>
      <c r="H411" s="4" t="s">
        <v>2076</v>
      </c>
      <c r="K411" s="4" t="s">
        <v>2077</v>
      </c>
    </row>
    <row r="412" spans="1:11" ht="100.8" x14ac:dyDescent="0.3">
      <c r="A412" s="1">
        <v>3021</v>
      </c>
      <c r="C412" s="4" t="s">
        <v>2078</v>
      </c>
      <c r="D412" s="4" t="s">
        <v>2079</v>
      </c>
      <c r="E412" s="4" t="s">
        <v>2080</v>
      </c>
      <c r="F412" s="4" t="s">
        <v>2081</v>
      </c>
      <c r="G412" s="4" t="s">
        <v>2082</v>
      </c>
      <c r="H412" s="4" t="s">
        <v>2083</v>
      </c>
      <c r="I412" s="4" t="s">
        <v>2084</v>
      </c>
      <c r="K412" s="4" t="s">
        <v>2085</v>
      </c>
    </row>
    <row r="413" spans="1:11" x14ac:dyDescent="0.3">
      <c r="A413" s="1">
        <v>3026</v>
      </c>
      <c r="D413" s="4" t="s">
        <v>2086</v>
      </c>
    </row>
    <row r="414" spans="1:11" x14ac:dyDescent="0.3">
      <c r="A414" s="1">
        <v>3046</v>
      </c>
      <c r="C414" s="4" t="s">
        <v>2087</v>
      </c>
      <c r="D414" s="4" t="s">
        <v>2088</v>
      </c>
    </row>
    <row r="415" spans="1:11" ht="72" x14ac:dyDescent="0.3">
      <c r="A415" s="1">
        <v>3056</v>
      </c>
      <c r="C415" s="4" t="s">
        <v>2089</v>
      </c>
      <c r="D415" s="4" t="s">
        <v>2090</v>
      </c>
      <c r="E415" s="4" t="s">
        <v>2091</v>
      </c>
      <c r="G415" s="4" t="s">
        <v>2092</v>
      </c>
      <c r="H415" s="4" t="s">
        <v>2093</v>
      </c>
      <c r="I415" s="4" t="s">
        <v>2094</v>
      </c>
    </row>
    <row r="416" spans="1:11" ht="72" x14ac:dyDescent="0.3">
      <c r="A416" s="1">
        <v>3066</v>
      </c>
      <c r="C416" s="4" t="s">
        <v>2095</v>
      </c>
      <c r="D416" s="4" t="s">
        <v>2096</v>
      </c>
      <c r="G416" s="4" t="s">
        <v>2097</v>
      </c>
      <c r="H416" s="4" t="s">
        <v>2098</v>
      </c>
      <c r="K416" s="4" t="s">
        <v>2099</v>
      </c>
    </row>
    <row r="417" spans="1:11" x14ac:dyDescent="0.3">
      <c r="A417" s="1">
        <v>3071</v>
      </c>
      <c r="C417" s="4" t="s">
        <v>2100</v>
      </c>
      <c r="D417" s="4" t="s">
        <v>2100</v>
      </c>
      <c r="E417" s="4" t="s">
        <v>2100</v>
      </c>
      <c r="F417" s="4" t="s">
        <v>2100</v>
      </c>
      <c r="G417" s="4" t="s">
        <v>2100</v>
      </c>
      <c r="H417" s="4" t="s">
        <v>2100</v>
      </c>
      <c r="I417" s="4" t="s">
        <v>2100</v>
      </c>
    </row>
    <row r="418" spans="1:11" ht="86.4" x14ac:dyDescent="0.3">
      <c r="A418" s="1">
        <v>3076</v>
      </c>
      <c r="C418" s="4" t="s">
        <v>2101</v>
      </c>
      <c r="D418" s="4" t="s">
        <v>2102</v>
      </c>
      <c r="G418" s="4" t="s">
        <v>2103</v>
      </c>
      <c r="H418" s="4" t="s">
        <v>2104</v>
      </c>
      <c r="I418" s="4" t="s">
        <v>2105</v>
      </c>
      <c r="K418" s="4" t="s">
        <v>2106</v>
      </c>
    </row>
    <row r="419" spans="1:11" ht="86.4" x14ac:dyDescent="0.3">
      <c r="A419" s="1">
        <v>3081</v>
      </c>
      <c r="C419" s="4" t="s">
        <v>2107</v>
      </c>
      <c r="D419" s="4" t="s">
        <v>2108</v>
      </c>
      <c r="E419" s="4" t="s">
        <v>2109</v>
      </c>
      <c r="F419" s="4" t="s">
        <v>2110</v>
      </c>
      <c r="G419" s="4" t="s">
        <v>2111</v>
      </c>
      <c r="H419" s="4" t="s">
        <v>2112</v>
      </c>
      <c r="I419" s="4" t="s">
        <v>2113</v>
      </c>
      <c r="K419" s="4" t="s">
        <v>2114</v>
      </c>
    </row>
    <row r="420" spans="1:11" ht="72" x14ac:dyDescent="0.3">
      <c r="A420" s="1">
        <v>3086</v>
      </c>
      <c r="C420" s="4" t="s">
        <v>2115</v>
      </c>
      <c r="D420" s="4" t="s">
        <v>2116</v>
      </c>
      <c r="E420" s="4" t="s">
        <v>2117</v>
      </c>
      <c r="F420" s="4" t="s">
        <v>2118</v>
      </c>
      <c r="G420" s="4" t="s">
        <v>2119</v>
      </c>
      <c r="K420" s="4" t="s">
        <v>2120</v>
      </c>
    </row>
    <row r="421" spans="1:11" x14ac:dyDescent="0.3">
      <c r="A421" s="1">
        <v>3101</v>
      </c>
    </row>
    <row r="422" spans="1:11" ht="86.4" x14ac:dyDescent="0.3">
      <c r="A422" s="1">
        <v>3106</v>
      </c>
      <c r="C422" s="4" t="s">
        <v>2121</v>
      </c>
      <c r="D422" s="4" t="s">
        <v>2122</v>
      </c>
      <c r="E422" s="4" t="s">
        <v>2123</v>
      </c>
      <c r="F422" s="4" t="s">
        <v>2124</v>
      </c>
      <c r="G422" s="4" t="s">
        <v>2125</v>
      </c>
      <c r="H422" s="4" t="s">
        <v>2126</v>
      </c>
      <c r="I422" s="4" t="s">
        <v>2127</v>
      </c>
      <c r="K422" s="4" t="s">
        <v>2128</v>
      </c>
    </row>
    <row r="423" spans="1:11" ht="100.8" x14ac:dyDescent="0.3">
      <c r="A423" s="1">
        <v>3111</v>
      </c>
      <c r="C423" s="4" t="s">
        <v>2129</v>
      </c>
      <c r="D423" s="4" t="s">
        <v>2130</v>
      </c>
      <c r="E423" s="4" t="s">
        <v>2131</v>
      </c>
      <c r="F423" s="4" t="s">
        <v>2132</v>
      </c>
      <c r="G423" s="4" t="s">
        <v>2133</v>
      </c>
      <c r="H423" s="4" t="s">
        <v>2134</v>
      </c>
      <c r="I423" s="4" t="s">
        <v>2135</v>
      </c>
    </row>
    <row r="424" spans="1:11" ht="72" x14ac:dyDescent="0.3">
      <c r="A424" s="1">
        <v>3116</v>
      </c>
      <c r="E424" s="4" t="s">
        <v>2136</v>
      </c>
      <c r="F424" s="4" t="s">
        <v>2137</v>
      </c>
      <c r="G424" s="4" t="s">
        <v>2138</v>
      </c>
      <c r="H424" s="4" t="s">
        <v>2139</v>
      </c>
      <c r="K424" s="4" t="s">
        <v>2140</v>
      </c>
    </row>
    <row r="425" spans="1:11" ht="43.2" x14ac:dyDescent="0.3">
      <c r="A425" s="1">
        <v>3121</v>
      </c>
      <c r="C425" s="4" t="s">
        <v>2141</v>
      </c>
      <c r="D425" s="4" t="s">
        <v>2142</v>
      </c>
      <c r="E425" s="4" t="s">
        <v>2143</v>
      </c>
      <c r="F425" s="4" t="s">
        <v>2144</v>
      </c>
      <c r="G425" s="4" t="s">
        <v>2145</v>
      </c>
      <c r="H425" s="4" t="s">
        <v>2146</v>
      </c>
      <c r="I425" s="4" t="s">
        <v>2147</v>
      </c>
      <c r="K425" s="4" t="s">
        <v>2148</v>
      </c>
    </row>
    <row r="426" spans="1:11" ht="72" x14ac:dyDescent="0.3">
      <c r="A426" s="1">
        <v>3131</v>
      </c>
      <c r="C426" s="4" t="s">
        <v>2149</v>
      </c>
      <c r="D426" s="4" t="s">
        <v>2150</v>
      </c>
      <c r="E426" s="4" t="s">
        <v>2151</v>
      </c>
      <c r="F426" s="4" t="s">
        <v>2152</v>
      </c>
      <c r="G426" s="4" t="s">
        <v>2153</v>
      </c>
      <c r="H426" s="4" t="s">
        <v>2154</v>
      </c>
      <c r="I426" s="4" t="s">
        <v>2155</v>
      </c>
      <c r="K426" s="4" t="s">
        <v>2156</v>
      </c>
    </row>
    <row r="427" spans="1:11" ht="72" x14ac:dyDescent="0.3">
      <c r="A427" s="1">
        <v>3141</v>
      </c>
      <c r="C427" s="4" t="s">
        <v>2157</v>
      </c>
      <c r="D427" s="4" t="s">
        <v>2158</v>
      </c>
      <c r="F427" s="4" t="s">
        <v>2159</v>
      </c>
      <c r="G427" s="4" t="s">
        <v>2160</v>
      </c>
      <c r="H427" s="4" t="s">
        <v>2161</v>
      </c>
      <c r="I427" s="4" t="s">
        <v>2162</v>
      </c>
      <c r="J427" s="4" t="s">
        <v>2163</v>
      </c>
      <c r="K427" s="4" t="s">
        <v>2164</v>
      </c>
    </row>
    <row r="428" spans="1:11" ht="72" x14ac:dyDescent="0.3">
      <c r="A428" s="1">
        <v>3146</v>
      </c>
      <c r="C428" s="4" t="s">
        <v>2165</v>
      </c>
      <c r="D428" s="4" t="s">
        <v>2166</v>
      </c>
      <c r="E428" s="4" t="s">
        <v>2167</v>
      </c>
      <c r="F428" s="4" t="s">
        <v>2168</v>
      </c>
      <c r="G428" s="4" t="s">
        <v>2169</v>
      </c>
      <c r="H428" s="4" t="s">
        <v>2170</v>
      </c>
      <c r="I428" s="4" t="s">
        <v>2171</v>
      </c>
      <c r="J428" s="4" t="s">
        <v>2172</v>
      </c>
    </row>
    <row r="429" spans="1:11" ht="72" x14ac:dyDescent="0.3">
      <c r="A429" s="1">
        <v>3151</v>
      </c>
      <c r="C429" s="4" t="s">
        <v>2173</v>
      </c>
      <c r="D429" s="4" t="s">
        <v>2174</v>
      </c>
      <c r="E429" s="4" t="s">
        <v>2175</v>
      </c>
      <c r="F429" s="4" t="s">
        <v>2176</v>
      </c>
      <c r="G429" s="4" t="s">
        <v>2177</v>
      </c>
      <c r="H429" s="4" t="s">
        <v>2178</v>
      </c>
      <c r="I429" s="4" t="s">
        <v>2179</v>
      </c>
      <c r="K429" s="4" t="s">
        <v>2180</v>
      </c>
    </row>
    <row r="430" spans="1:11" ht="86.4" x14ac:dyDescent="0.3">
      <c r="A430" s="1">
        <v>3156</v>
      </c>
      <c r="C430" s="4" t="s">
        <v>2181</v>
      </c>
      <c r="D430" s="4" t="s">
        <v>2182</v>
      </c>
      <c r="E430" s="4" t="s">
        <v>2183</v>
      </c>
      <c r="F430" s="4" t="s">
        <v>2184</v>
      </c>
      <c r="G430" s="4" t="s">
        <v>2185</v>
      </c>
      <c r="H430" s="4" t="s">
        <v>2186</v>
      </c>
      <c r="K430" s="4" t="s">
        <v>2187</v>
      </c>
    </row>
    <row r="431" spans="1:11" ht="72" x14ac:dyDescent="0.3">
      <c r="A431" s="1">
        <v>3166</v>
      </c>
      <c r="C431" s="4" t="s">
        <v>2188</v>
      </c>
      <c r="D431" s="4" t="s">
        <v>2189</v>
      </c>
      <c r="F431" s="4" t="s">
        <v>2190</v>
      </c>
      <c r="G431" s="4" t="s">
        <v>2191</v>
      </c>
      <c r="H431" s="4" t="s">
        <v>2191</v>
      </c>
      <c r="J431" s="4" t="s">
        <v>2192</v>
      </c>
      <c r="K431" s="4" t="s">
        <v>2193</v>
      </c>
    </row>
    <row r="432" spans="1:11" x14ac:dyDescent="0.3">
      <c r="A432" s="1">
        <v>3176</v>
      </c>
      <c r="D432" s="4" t="s">
        <v>2194</v>
      </c>
      <c r="E432" s="4" t="s">
        <v>2195</v>
      </c>
    </row>
    <row r="433" spans="1:11" ht="86.4" x14ac:dyDescent="0.3">
      <c r="A433" s="1">
        <v>3181</v>
      </c>
      <c r="C433" s="4" t="s">
        <v>2196</v>
      </c>
      <c r="D433" s="4" t="s">
        <v>2197</v>
      </c>
      <c r="F433" s="4" t="s">
        <v>2198</v>
      </c>
      <c r="G433" s="4" t="s">
        <v>2199</v>
      </c>
      <c r="H433" s="4" t="s">
        <v>2200</v>
      </c>
      <c r="I433" s="4" t="s">
        <v>2201</v>
      </c>
      <c r="K433" s="4" t="s">
        <v>2202</v>
      </c>
    </row>
    <row r="434" spans="1:11" ht="72" x14ac:dyDescent="0.3">
      <c r="A434" s="1">
        <v>3186</v>
      </c>
      <c r="C434" s="4" t="s">
        <v>2203</v>
      </c>
      <c r="D434" s="4" t="s">
        <v>2204</v>
      </c>
      <c r="G434" s="4" t="s">
        <v>2205</v>
      </c>
      <c r="H434" s="4" t="s">
        <v>2206</v>
      </c>
      <c r="I434" s="4" t="s">
        <v>2207</v>
      </c>
      <c r="K434" s="4" t="s">
        <v>23148</v>
      </c>
    </row>
    <row r="435" spans="1:11" ht="72" x14ac:dyDescent="0.3">
      <c r="A435" s="1">
        <v>3191</v>
      </c>
      <c r="C435" s="4" t="s">
        <v>2208</v>
      </c>
      <c r="D435" s="4" t="s">
        <v>2209</v>
      </c>
      <c r="E435" s="4" t="s">
        <v>2210</v>
      </c>
      <c r="F435" s="4" t="s">
        <v>2211</v>
      </c>
      <c r="G435" s="4" t="s">
        <v>2212</v>
      </c>
      <c r="H435" s="4" t="s">
        <v>2213</v>
      </c>
      <c r="I435" s="4" t="s">
        <v>2214</v>
      </c>
      <c r="K435" s="4" t="s">
        <v>2215</v>
      </c>
    </row>
    <row r="436" spans="1:11" ht="86.4" x14ac:dyDescent="0.3">
      <c r="A436" s="1">
        <v>3196</v>
      </c>
      <c r="C436" s="4" t="s">
        <v>2216</v>
      </c>
      <c r="D436" s="4" t="s">
        <v>2217</v>
      </c>
      <c r="E436" s="4" t="s">
        <v>2218</v>
      </c>
      <c r="F436" s="4" t="s">
        <v>2219</v>
      </c>
      <c r="G436" s="4" t="s">
        <v>2220</v>
      </c>
      <c r="H436" s="4" t="s">
        <v>2221</v>
      </c>
      <c r="K436" s="4" t="s">
        <v>2222</v>
      </c>
    </row>
    <row r="437" spans="1:11" ht="72" x14ac:dyDescent="0.3">
      <c r="A437" s="1">
        <v>3201</v>
      </c>
      <c r="D437" s="4" t="s">
        <v>2223</v>
      </c>
      <c r="G437" s="4" t="s">
        <v>2224</v>
      </c>
      <c r="I437" s="4" t="s">
        <v>2225</v>
      </c>
    </row>
    <row r="438" spans="1:11" x14ac:dyDescent="0.3">
      <c r="A438" s="1">
        <v>3206</v>
      </c>
    </row>
    <row r="439" spans="1:11" ht="28.8" x14ac:dyDescent="0.3">
      <c r="A439" s="1">
        <v>3211</v>
      </c>
      <c r="D439" s="4" t="s">
        <v>2226</v>
      </c>
      <c r="G439" s="4" t="s">
        <v>2227</v>
      </c>
      <c r="H439" s="4" t="s">
        <v>2228</v>
      </c>
    </row>
    <row r="440" spans="1:11" ht="86.4" x14ac:dyDescent="0.3">
      <c r="A440" s="1">
        <v>3216</v>
      </c>
      <c r="C440" s="4" t="s">
        <v>2229</v>
      </c>
      <c r="D440" s="4" t="s">
        <v>2230</v>
      </c>
      <c r="E440" s="4" t="s">
        <v>2231</v>
      </c>
      <c r="F440" s="4" t="s">
        <v>2232</v>
      </c>
      <c r="G440" s="4" t="s">
        <v>2233</v>
      </c>
      <c r="H440" s="4" t="s">
        <v>2234</v>
      </c>
      <c r="I440" s="4" t="s">
        <v>2235</v>
      </c>
      <c r="J440" s="4" t="s">
        <v>2236</v>
      </c>
      <c r="K440" s="4" t="s">
        <v>2237</v>
      </c>
    </row>
    <row r="441" spans="1:11" ht="86.4" x14ac:dyDescent="0.3">
      <c r="A441" s="1">
        <v>3226</v>
      </c>
      <c r="C441" s="4" t="s">
        <v>2238</v>
      </c>
      <c r="D441" s="4" t="s">
        <v>2239</v>
      </c>
      <c r="E441" s="4" t="s">
        <v>2240</v>
      </c>
      <c r="F441" s="4" t="s">
        <v>2241</v>
      </c>
      <c r="G441" s="4" t="s">
        <v>2242</v>
      </c>
      <c r="H441" s="4" t="s">
        <v>2243</v>
      </c>
      <c r="I441" s="4" t="s">
        <v>2244</v>
      </c>
      <c r="K441" s="4" t="s">
        <v>2245</v>
      </c>
    </row>
    <row r="442" spans="1:11" ht="86.4" x14ac:dyDescent="0.3">
      <c r="A442" s="1">
        <v>3231</v>
      </c>
      <c r="C442" s="4" t="s">
        <v>2246</v>
      </c>
      <c r="D442" s="4" t="s">
        <v>2247</v>
      </c>
      <c r="E442" s="4" t="s">
        <v>2248</v>
      </c>
      <c r="F442" s="4" t="s">
        <v>2249</v>
      </c>
      <c r="G442" s="4" t="s">
        <v>2250</v>
      </c>
      <c r="H442" s="4" t="s">
        <v>2251</v>
      </c>
      <c r="I442" s="4" t="s">
        <v>2252</v>
      </c>
      <c r="K442" s="4" t="s">
        <v>2253</v>
      </c>
    </row>
    <row r="443" spans="1:11" ht="86.4" x14ac:dyDescent="0.3">
      <c r="A443" s="1">
        <v>3236</v>
      </c>
      <c r="C443" s="4" t="s">
        <v>2254</v>
      </c>
      <c r="D443" s="4" t="s">
        <v>2255</v>
      </c>
      <c r="E443" s="4" t="s">
        <v>2256</v>
      </c>
      <c r="F443" s="4" t="s">
        <v>2257</v>
      </c>
      <c r="G443" s="4" t="s">
        <v>2258</v>
      </c>
      <c r="H443" s="4" t="s">
        <v>2259</v>
      </c>
      <c r="I443" s="4" t="s">
        <v>2260</v>
      </c>
      <c r="J443" s="4" t="s">
        <v>2261</v>
      </c>
      <c r="K443" s="4" t="s">
        <v>2262</v>
      </c>
    </row>
    <row r="444" spans="1:11" ht="86.4" x14ac:dyDescent="0.3">
      <c r="A444" s="1">
        <v>3251</v>
      </c>
      <c r="C444" s="4" t="s">
        <v>2263</v>
      </c>
      <c r="D444" s="7" t="s">
        <v>23196</v>
      </c>
      <c r="E444" s="4" t="s">
        <v>2264</v>
      </c>
      <c r="F444" s="4" t="s">
        <v>2265</v>
      </c>
      <c r="G444" s="4" t="s">
        <v>2266</v>
      </c>
      <c r="H444" s="4" t="s">
        <v>2267</v>
      </c>
      <c r="I444" s="4" t="s">
        <v>2268</v>
      </c>
      <c r="J444" s="4" t="s">
        <v>2269</v>
      </c>
      <c r="K444" s="4" t="s">
        <v>2270</v>
      </c>
    </row>
    <row r="445" spans="1:11" ht="86.4" x14ac:dyDescent="0.3">
      <c r="A445" s="1">
        <v>3261</v>
      </c>
      <c r="C445" s="4" t="s">
        <v>2271</v>
      </c>
      <c r="D445" s="4" t="s">
        <v>2272</v>
      </c>
      <c r="E445" s="4" t="s">
        <v>2273</v>
      </c>
      <c r="G445" s="4" t="s">
        <v>2274</v>
      </c>
      <c r="H445" s="4" t="s">
        <v>2275</v>
      </c>
      <c r="I445" s="4" t="s">
        <v>2276</v>
      </c>
      <c r="K445" s="4" t="s">
        <v>2277</v>
      </c>
    </row>
    <row r="446" spans="1:11" ht="28.8" x14ac:dyDescent="0.3">
      <c r="A446" s="1">
        <v>3276</v>
      </c>
      <c r="C446" s="4" t="s">
        <v>2278</v>
      </c>
    </row>
    <row r="447" spans="1:11" ht="57.6" x14ac:dyDescent="0.3">
      <c r="A447" s="1">
        <v>3281</v>
      </c>
      <c r="C447" s="4" t="s">
        <v>2279</v>
      </c>
      <c r="D447" s="4" t="s">
        <v>2280</v>
      </c>
      <c r="E447" s="4" t="s">
        <v>2281</v>
      </c>
      <c r="G447" s="4" t="s">
        <v>2282</v>
      </c>
      <c r="J447" s="4" t="s">
        <v>2283</v>
      </c>
    </row>
    <row r="448" spans="1:11" ht="86.4" x14ac:dyDescent="0.3">
      <c r="A448" s="1">
        <v>3286</v>
      </c>
      <c r="G448" s="4" t="s">
        <v>2284</v>
      </c>
      <c r="H448" s="4" t="s">
        <v>2285</v>
      </c>
    </row>
    <row r="449" spans="1:11" ht="72" x14ac:dyDescent="0.3">
      <c r="A449" s="1">
        <v>3291</v>
      </c>
      <c r="C449" s="4" t="s">
        <v>2286</v>
      </c>
      <c r="D449" s="4" t="s">
        <v>2287</v>
      </c>
      <c r="E449" s="4" t="s">
        <v>2288</v>
      </c>
      <c r="F449" s="4" t="s">
        <v>2289</v>
      </c>
      <c r="G449" s="4" t="s">
        <v>2290</v>
      </c>
      <c r="H449" s="4" t="s">
        <v>2291</v>
      </c>
      <c r="I449" s="4" t="s">
        <v>2292</v>
      </c>
      <c r="K449" s="4" t="s">
        <v>2293</v>
      </c>
    </row>
    <row r="450" spans="1:11" ht="86.4" x14ac:dyDescent="0.3">
      <c r="A450" s="1">
        <v>3306</v>
      </c>
      <c r="C450" s="4" t="s">
        <v>2294</v>
      </c>
      <c r="D450" s="4" t="s">
        <v>2295</v>
      </c>
      <c r="E450" s="4" t="s">
        <v>2296</v>
      </c>
      <c r="F450" s="4" t="s">
        <v>2297</v>
      </c>
      <c r="G450" s="4" t="s">
        <v>2298</v>
      </c>
      <c r="H450" s="4" t="s">
        <v>2299</v>
      </c>
      <c r="I450" s="4" t="s">
        <v>2300</v>
      </c>
      <c r="J450" s="4" t="s">
        <v>2301</v>
      </c>
      <c r="K450" s="4" t="s">
        <v>2302</v>
      </c>
    </row>
    <row r="451" spans="1:11" ht="72" x14ac:dyDescent="0.3">
      <c r="A451" s="1">
        <v>3311</v>
      </c>
      <c r="C451" s="4" t="s">
        <v>2303</v>
      </c>
      <c r="D451" s="4" t="s">
        <v>2304</v>
      </c>
      <c r="E451" s="4" t="s">
        <v>2305</v>
      </c>
      <c r="F451" s="4" t="s">
        <v>2306</v>
      </c>
      <c r="G451" s="4" t="s">
        <v>2307</v>
      </c>
      <c r="H451" s="4" t="s">
        <v>2308</v>
      </c>
      <c r="I451" s="4" t="s">
        <v>2309</v>
      </c>
      <c r="K451" s="4" t="s">
        <v>2310</v>
      </c>
    </row>
    <row r="452" spans="1:11" ht="72" x14ac:dyDescent="0.3">
      <c r="A452" s="1">
        <v>3316</v>
      </c>
      <c r="C452" s="4" t="s">
        <v>2311</v>
      </c>
      <c r="D452" s="4" t="s">
        <v>2312</v>
      </c>
      <c r="E452" s="4" t="s">
        <v>2313</v>
      </c>
      <c r="F452" s="4" t="s">
        <v>2314</v>
      </c>
      <c r="G452" s="4" t="s">
        <v>2315</v>
      </c>
      <c r="H452" s="4" t="s">
        <v>2316</v>
      </c>
      <c r="I452" s="4" t="s">
        <v>2317</v>
      </c>
      <c r="K452" s="4" t="s">
        <v>2318</v>
      </c>
    </row>
    <row r="453" spans="1:11" ht="72" x14ac:dyDescent="0.3">
      <c r="A453" s="1">
        <v>3321</v>
      </c>
      <c r="C453" s="4" t="s">
        <v>2319</v>
      </c>
      <c r="D453" s="4" t="s">
        <v>2320</v>
      </c>
      <c r="G453" s="4" t="s">
        <v>2321</v>
      </c>
    </row>
    <row r="454" spans="1:11" ht="72" x14ac:dyDescent="0.3">
      <c r="A454" s="1">
        <v>3326</v>
      </c>
      <c r="C454" s="4" t="s">
        <v>2322</v>
      </c>
      <c r="D454" s="4" t="s">
        <v>2323</v>
      </c>
      <c r="E454" s="4" t="s">
        <v>2324</v>
      </c>
      <c r="G454" s="4" t="s">
        <v>2325</v>
      </c>
      <c r="I454" s="4" t="s">
        <v>2326</v>
      </c>
    </row>
    <row r="455" spans="1:11" ht="43.2" x14ac:dyDescent="0.3">
      <c r="A455" s="1">
        <v>3331</v>
      </c>
      <c r="G455" s="4" t="s">
        <v>2327</v>
      </c>
      <c r="H455" s="4" t="s">
        <v>2328</v>
      </c>
    </row>
    <row r="456" spans="1:11" ht="28.8" x14ac:dyDescent="0.3">
      <c r="A456" s="1">
        <v>3351</v>
      </c>
      <c r="G456" s="4" t="s">
        <v>2329</v>
      </c>
      <c r="H456" s="4" t="s">
        <v>2330</v>
      </c>
      <c r="K456" s="4" t="s">
        <v>2331</v>
      </c>
    </row>
    <row r="457" spans="1:11" ht="72" x14ac:dyDescent="0.3">
      <c r="A457" s="1">
        <v>3361</v>
      </c>
      <c r="C457" s="4" t="s">
        <v>2332</v>
      </c>
      <c r="D457" s="4" t="s">
        <v>2333</v>
      </c>
      <c r="G457" s="4" t="s">
        <v>2334</v>
      </c>
      <c r="H457" s="4" t="s">
        <v>2335</v>
      </c>
      <c r="I457" s="4" t="s">
        <v>2336</v>
      </c>
      <c r="K457" s="4" t="s">
        <v>2337</v>
      </c>
    </row>
    <row r="458" spans="1:11" ht="43.2" x14ac:dyDescent="0.3">
      <c r="A458" s="1">
        <v>3366</v>
      </c>
      <c r="C458" s="4" t="s">
        <v>2338</v>
      </c>
      <c r="D458" s="4" t="s">
        <v>2339</v>
      </c>
      <c r="E458" s="4" t="s">
        <v>2340</v>
      </c>
      <c r="F458" s="4" t="s">
        <v>2341</v>
      </c>
      <c r="G458" s="4" t="s">
        <v>2342</v>
      </c>
    </row>
    <row r="459" spans="1:11" ht="86.4" x14ac:dyDescent="0.3">
      <c r="A459" s="1">
        <v>3371</v>
      </c>
      <c r="C459" s="4" t="s">
        <v>2343</v>
      </c>
      <c r="D459" s="4" t="s">
        <v>2344</v>
      </c>
      <c r="E459" s="4" t="s">
        <v>2345</v>
      </c>
      <c r="F459" s="4" t="s">
        <v>2346</v>
      </c>
      <c r="G459" s="4" t="s">
        <v>2347</v>
      </c>
      <c r="H459" s="4" t="s">
        <v>2348</v>
      </c>
      <c r="I459" s="4" t="s">
        <v>2349</v>
      </c>
      <c r="K459" s="4" t="s">
        <v>2350</v>
      </c>
    </row>
    <row r="460" spans="1:11" ht="57.6" x14ac:dyDescent="0.3">
      <c r="A460" s="1">
        <v>3376</v>
      </c>
      <c r="C460" s="4" t="s">
        <v>2351</v>
      </c>
      <c r="D460" s="4" t="s">
        <v>2352</v>
      </c>
      <c r="F460" s="4" t="s">
        <v>2353</v>
      </c>
      <c r="G460" s="4" t="s">
        <v>2354</v>
      </c>
      <c r="H460" s="4" t="s">
        <v>2355</v>
      </c>
      <c r="J460" s="4" t="s">
        <v>2356</v>
      </c>
      <c r="K460" s="4" t="s">
        <v>2357</v>
      </c>
    </row>
    <row r="461" spans="1:11" ht="28.8" x14ac:dyDescent="0.3">
      <c r="A461" s="1">
        <v>3381</v>
      </c>
      <c r="C461" s="4" t="s">
        <v>2358</v>
      </c>
      <c r="D461" s="4" t="s">
        <v>2359</v>
      </c>
      <c r="E461" s="4" t="s">
        <v>2360</v>
      </c>
    </row>
    <row r="462" spans="1:11" ht="72" x14ac:dyDescent="0.3">
      <c r="A462" s="1">
        <v>3386</v>
      </c>
      <c r="C462" s="4" t="s">
        <v>2361</v>
      </c>
      <c r="D462" s="4" t="s">
        <v>2362</v>
      </c>
      <c r="G462" s="4" t="s">
        <v>2363</v>
      </c>
      <c r="H462" s="4" t="s">
        <v>2364</v>
      </c>
      <c r="K462" s="4" t="s">
        <v>2365</v>
      </c>
    </row>
    <row r="463" spans="1:11" ht="86.4" x14ac:dyDescent="0.3">
      <c r="A463" s="1">
        <v>3391</v>
      </c>
      <c r="C463" s="4" t="s">
        <v>2366</v>
      </c>
      <c r="D463" s="4" t="s">
        <v>2367</v>
      </c>
      <c r="F463" s="4" t="s">
        <v>2368</v>
      </c>
      <c r="G463" s="4" t="s">
        <v>2369</v>
      </c>
      <c r="H463" s="4" t="s">
        <v>2370</v>
      </c>
      <c r="I463" s="4" t="s">
        <v>2371</v>
      </c>
      <c r="K463" s="4" t="s">
        <v>2372</v>
      </c>
    </row>
    <row r="464" spans="1:11" ht="43.2" x14ac:dyDescent="0.3">
      <c r="A464" s="1">
        <v>3406</v>
      </c>
      <c r="G464" s="4" t="s">
        <v>2373</v>
      </c>
      <c r="H464" s="4" t="s">
        <v>2374</v>
      </c>
      <c r="K464" s="4" t="s">
        <v>2375</v>
      </c>
    </row>
    <row r="465" spans="1:11" ht="86.4" x14ac:dyDescent="0.3">
      <c r="A465" s="1">
        <v>3411</v>
      </c>
      <c r="D465" s="4" t="s">
        <v>2376</v>
      </c>
      <c r="E465" s="4" t="s">
        <v>2377</v>
      </c>
      <c r="K465" s="4" t="s">
        <v>2378</v>
      </c>
    </row>
    <row r="466" spans="1:11" ht="86.4" x14ac:dyDescent="0.3">
      <c r="A466" s="1">
        <v>3441</v>
      </c>
      <c r="C466" s="4" t="s">
        <v>2379</v>
      </c>
      <c r="D466" s="4" t="s">
        <v>2380</v>
      </c>
      <c r="E466" s="4" t="s">
        <v>2381</v>
      </c>
      <c r="F466" s="4" t="s">
        <v>2382</v>
      </c>
      <c r="G466" s="4" t="s">
        <v>2383</v>
      </c>
      <c r="H466" s="4" t="s">
        <v>2384</v>
      </c>
      <c r="I466" s="4" t="s">
        <v>2385</v>
      </c>
      <c r="K466" s="4" t="s">
        <v>2386</v>
      </c>
    </row>
    <row r="467" spans="1:11" ht="72" x14ac:dyDescent="0.3">
      <c r="A467" s="1">
        <v>3446</v>
      </c>
      <c r="D467" s="4" t="s">
        <v>2387</v>
      </c>
      <c r="E467" s="4" t="s">
        <v>2388</v>
      </c>
      <c r="G467" s="4" t="s">
        <v>2389</v>
      </c>
      <c r="H467" s="4" t="s">
        <v>2390</v>
      </c>
      <c r="I467" s="4" t="s">
        <v>2391</v>
      </c>
      <c r="K467" s="4" t="s">
        <v>2392</v>
      </c>
    </row>
    <row r="468" spans="1:11" x14ac:dyDescent="0.3">
      <c r="A468" s="1">
        <v>3461</v>
      </c>
      <c r="C468" s="4" t="s">
        <v>2393</v>
      </c>
      <c r="D468" s="4" t="s">
        <v>2394</v>
      </c>
      <c r="G468" s="4" t="s">
        <v>2395</v>
      </c>
    </row>
    <row r="469" spans="1:11" ht="86.4" x14ac:dyDescent="0.3">
      <c r="A469" s="1">
        <v>3466</v>
      </c>
      <c r="C469" s="4" t="s">
        <v>2396</v>
      </c>
      <c r="D469" s="4" t="s">
        <v>2397</v>
      </c>
      <c r="E469" s="4" t="s">
        <v>2398</v>
      </c>
      <c r="F469" s="4" t="s">
        <v>2399</v>
      </c>
      <c r="G469" s="4" t="s">
        <v>2400</v>
      </c>
      <c r="H469" s="4" t="s">
        <v>2401</v>
      </c>
      <c r="I469" s="4" t="s">
        <v>2402</v>
      </c>
      <c r="J469" s="4" t="s">
        <v>2403</v>
      </c>
      <c r="K469" s="4" t="s">
        <v>2404</v>
      </c>
    </row>
    <row r="470" spans="1:11" ht="86.4" x14ac:dyDescent="0.3">
      <c r="A470" s="1">
        <v>3476</v>
      </c>
      <c r="C470" s="4" t="s">
        <v>2405</v>
      </c>
      <c r="D470" s="4" t="s">
        <v>2406</v>
      </c>
      <c r="E470" s="4" t="s">
        <v>2407</v>
      </c>
      <c r="F470" s="4" t="s">
        <v>2408</v>
      </c>
      <c r="G470" s="4" t="s">
        <v>2409</v>
      </c>
      <c r="H470" s="4" t="s">
        <v>2410</v>
      </c>
      <c r="I470" s="4" t="s">
        <v>2411</v>
      </c>
      <c r="K470" s="4" t="s">
        <v>2412</v>
      </c>
    </row>
    <row r="471" spans="1:11" ht="28.8" x14ac:dyDescent="0.3">
      <c r="A471" s="1">
        <v>3481</v>
      </c>
      <c r="G471" s="4" t="s">
        <v>2413</v>
      </c>
    </row>
    <row r="472" spans="1:11" ht="86.4" x14ac:dyDescent="0.3">
      <c r="A472" s="1">
        <v>3491</v>
      </c>
      <c r="C472" s="4" t="s">
        <v>2414</v>
      </c>
      <c r="D472" s="4" t="s">
        <v>2415</v>
      </c>
      <c r="E472" s="4" t="s">
        <v>2416</v>
      </c>
      <c r="F472" s="4" t="s">
        <v>2417</v>
      </c>
      <c r="G472" s="4" t="s">
        <v>2418</v>
      </c>
      <c r="H472" s="4" t="s">
        <v>2419</v>
      </c>
      <c r="I472" s="4" t="s">
        <v>2420</v>
      </c>
      <c r="J472" s="4" t="s">
        <v>2421</v>
      </c>
      <c r="K472" s="4" t="s">
        <v>2422</v>
      </c>
    </row>
    <row r="473" spans="1:11" ht="72" x14ac:dyDescent="0.3">
      <c r="A473" s="1">
        <v>3496</v>
      </c>
      <c r="E473" s="4" t="s">
        <v>2423</v>
      </c>
    </row>
    <row r="474" spans="1:11" ht="43.2" x14ac:dyDescent="0.3">
      <c r="A474" s="1">
        <v>3506</v>
      </c>
      <c r="C474" s="4" t="s">
        <v>2424</v>
      </c>
      <c r="D474" s="4" t="s">
        <v>2425</v>
      </c>
      <c r="K474" s="4" t="s">
        <v>2426</v>
      </c>
    </row>
    <row r="475" spans="1:11" ht="57.6" x14ac:dyDescent="0.3">
      <c r="A475" s="1">
        <v>3521</v>
      </c>
      <c r="C475" s="4" t="s">
        <v>2427</v>
      </c>
      <c r="D475" s="4" t="s">
        <v>2428</v>
      </c>
      <c r="E475" s="4" t="s">
        <v>2429</v>
      </c>
      <c r="G475" s="4" t="s">
        <v>2430</v>
      </c>
      <c r="H475" s="4" t="s">
        <v>2431</v>
      </c>
      <c r="K475" s="4" t="s">
        <v>2432</v>
      </c>
    </row>
    <row r="476" spans="1:11" ht="72" x14ac:dyDescent="0.3">
      <c r="A476" s="1">
        <v>3531</v>
      </c>
      <c r="C476" s="4" t="s">
        <v>2433</v>
      </c>
      <c r="D476" s="4" t="s">
        <v>2434</v>
      </c>
      <c r="E476" s="4" t="s">
        <v>2435</v>
      </c>
      <c r="F476" s="4" t="s">
        <v>2436</v>
      </c>
      <c r="K476" s="4" t="s">
        <v>2437</v>
      </c>
    </row>
    <row r="477" spans="1:11" ht="86.4" x14ac:dyDescent="0.3">
      <c r="A477" s="1">
        <v>3536</v>
      </c>
      <c r="C477" s="4" t="s">
        <v>2438</v>
      </c>
      <c r="D477" s="4" t="s">
        <v>2439</v>
      </c>
      <c r="G477" s="4" t="s">
        <v>2440</v>
      </c>
      <c r="H477" s="4" t="s">
        <v>2441</v>
      </c>
      <c r="I477" s="4" t="s">
        <v>2442</v>
      </c>
    </row>
    <row r="478" spans="1:11" ht="43.2" x14ac:dyDescent="0.3">
      <c r="A478" s="1">
        <v>3551</v>
      </c>
      <c r="D478" s="4" t="s">
        <v>2443</v>
      </c>
      <c r="E478" s="4" t="s">
        <v>2444</v>
      </c>
      <c r="F478" s="4" t="s">
        <v>2445</v>
      </c>
      <c r="G478" s="4" t="s">
        <v>2446</v>
      </c>
      <c r="H478" s="4" t="s">
        <v>2446</v>
      </c>
      <c r="K478" s="4" t="s">
        <v>2447</v>
      </c>
    </row>
    <row r="479" spans="1:11" ht="86.4" x14ac:dyDescent="0.3">
      <c r="A479" s="1">
        <v>3556</v>
      </c>
      <c r="C479" s="4" t="s">
        <v>2448</v>
      </c>
      <c r="D479" s="4" t="s">
        <v>2449</v>
      </c>
      <c r="E479" s="4" t="s">
        <v>2450</v>
      </c>
      <c r="F479" s="4" t="s">
        <v>2451</v>
      </c>
      <c r="G479" s="4" t="s">
        <v>2452</v>
      </c>
      <c r="H479" s="4" t="s">
        <v>2453</v>
      </c>
      <c r="I479" s="4" t="s">
        <v>2454</v>
      </c>
      <c r="K479" s="4" t="s">
        <v>2455</v>
      </c>
    </row>
    <row r="480" spans="1:11" ht="86.4" x14ac:dyDescent="0.3">
      <c r="A480" s="1">
        <v>3561</v>
      </c>
      <c r="C480" s="4" t="s">
        <v>2456</v>
      </c>
      <c r="E480" s="4" t="s">
        <v>2457</v>
      </c>
      <c r="F480" s="4" t="s">
        <v>2458</v>
      </c>
      <c r="G480" s="4" t="s">
        <v>2459</v>
      </c>
      <c r="H480" s="4" t="s">
        <v>2460</v>
      </c>
      <c r="I480" s="4" t="s">
        <v>2461</v>
      </c>
      <c r="J480" s="4" t="s">
        <v>2462</v>
      </c>
      <c r="K480" s="4" t="s">
        <v>2463</v>
      </c>
    </row>
    <row r="481" spans="1:11" ht="86.4" x14ac:dyDescent="0.3">
      <c r="A481" s="1">
        <v>3581</v>
      </c>
      <c r="C481" s="4" t="s">
        <v>2464</v>
      </c>
      <c r="D481" s="4" t="s">
        <v>2465</v>
      </c>
      <c r="G481" s="4" t="s">
        <v>2466</v>
      </c>
      <c r="H481" s="4" t="s">
        <v>2467</v>
      </c>
      <c r="I481" s="4" t="s">
        <v>2468</v>
      </c>
      <c r="K481" s="4" t="s">
        <v>2469</v>
      </c>
    </row>
    <row r="482" spans="1:11" x14ac:dyDescent="0.3">
      <c r="A482" s="1">
        <v>3596</v>
      </c>
    </row>
    <row r="483" spans="1:11" ht="86.4" x14ac:dyDescent="0.3">
      <c r="A483" s="1">
        <v>3606</v>
      </c>
      <c r="C483" s="4" t="s">
        <v>2470</v>
      </c>
      <c r="D483" s="4" t="s">
        <v>2471</v>
      </c>
      <c r="J483" s="4" t="s">
        <v>2472</v>
      </c>
    </row>
    <row r="484" spans="1:11" ht="72" x14ac:dyDescent="0.3">
      <c r="A484" s="1">
        <v>3611</v>
      </c>
      <c r="C484" s="4" t="s">
        <v>2473</v>
      </c>
      <c r="D484" s="4" t="s">
        <v>2474</v>
      </c>
      <c r="E484" s="4" t="s">
        <v>2475</v>
      </c>
    </row>
    <row r="485" spans="1:11" ht="86.4" x14ac:dyDescent="0.3">
      <c r="A485" s="1">
        <v>3616</v>
      </c>
      <c r="C485" s="4" t="s">
        <v>2476</v>
      </c>
      <c r="D485" s="4" t="s">
        <v>2477</v>
      </c>
      <c r="E485" s="4" t="s">
        <v>2478</v>
      </c>
    </row>
    <row r="486" spans="1:11" ht="72" x14ac:dyDescent="0.3">
      <c r="A486" s="1">
        <v>3621</v>
      </c>
      <c r="C486" s="4" t="s">
        <v>2479</v>
      </c>
      <c r="D486" s="4" t="s">
        <v>2480</v>
      </c>
      <c r="E486" s="4" t="s">
        <v>2481</v>
      </c>
      <c r="F486" s="4" t="s">
        <v>2482</v>
      </c>
      <c r="H486" s="4" t="s">
        <v>2483</v>
      </c>
      <c r="I486" s="4" t="s">
        <v>2484</v>
      </c>
    </row>
    <row r="487" spans="1:11" x14ac:dyDescent="0.3">
      <c r="A487" s="1">
        <v>3626</v>
      </c>
      <c r="D487" s="4" t="s">
        <v>2485</v>
      </c>
    </row>
    <row r="488" spans="1:11" ht="86.4" x14ac:dyDescent="0.3">
      <c r="A488" s="1">
        <v>3646</v>
      </c>
      <c r="C488" s="4" t="s">
        <v>2486</v>
      </c>
      <c r="D488" s="4" t="s">
        <v>2487</v>
      </c>
      <c r="E488" s="4" t="s">
        <v>2488</v>
      </c>
      <c r="F488" s="4" t="s">
        <v>2489</v>
      </c>
      <c r="G488" s="4" t="s">
        <v>2490</v>
      </c>
      <c r="H488" s="4" t="s">
        <v>2491</v>
      </c>
      <c r="I488" s="4" t="s">
        <v>2492</v>
      </c>
      <c r="J488" s="4" t="s">
        <v>2493</v>
      </c>
      <c r="K488" s="4" t="s">
        <v>2494</v>
      </c>
    </row>
    <row r="489" spans="1:11" ht="86.4" x14ac:dyDescent="0.3">
      <c r="A489" s="1">
        <v>3651</v>
      </c>
      <c r="D489" s="4" t="s">
        <v>2495</v>
      </c>
      <c r="E489" s="4" t="s">
        <v>2496</v>
      </c>
      <c r="G489" s="4" t="s">
        <v>2497</v>
      </c>
      <c r="I489" s="4" t="s">
        <v>2498</v>
      </c>
    </row>
    <row r="490" spans="1:11" x14ac:dyDescent="0.3">
      <c r="A490" s="1">
        <v>3656</v>
      </c>
      <c r="F490" s="4" t="s">
        <v>2499</v>
      </c>
      <c r="K490" s="4" t="s">
        <v>2500</v>
      </c>
    </row>
    <row r="491" spans="1:11" ht="43.2" x14ac:dyDescent="0.3">
      <c r="A491" s="1">
        <v>3671</v>
      </c>
      <c r="C491" s="4" t="s">
        <v>2501</v>
      </c>
      <c r="D491" s="4" t="s">
        <v>2502</v>
      </c>
      <c r="E491" s="4" t="s">
        <v>2503</v>
      </c>
      <c r="F491" s="4" t="s">
        <v>2504</v>
      </c>
      <c r="G491" s="4" t="s">
        <v>2505</v>
      </c>
      <c r="H491" s="4" t="s">
        <v>2506</v>
      </c>
      <c r="I491" s="4" t="s">
        <v>2507</v>
      </c>
      <c r="K491" s="4" t="s">
        <v>2508</v>
      </c>
    </row>
    <row r="492" spans="1:11" ht="72" x14ac:dyDescent="0.3">
      <c r="A492" s="1">
        <v>3676</v>
      </c>
      <c r="C492" s="4" t="s">
        <v>2509</v>
      </c>
    </row>
    <row r="493" spans="1:11" ht="86.4" x14ac:dyDescent="0.3">
      <c r="A493" s="1">
        <v>3681</v>
      </c>
      <c r="C493" s="4" t="s">
        <v>2510</v>
      </c>
      <c r="D493" s="4" t="s">
        <v>2511</v>
      </c>
      <c r="F493" s="4" t="s">
        <v>2512</v>
      </c>
      <c r="G493" s="4" t="s">
        <v>2513</v>
      </c>
      <c r="H493" s="4" t="s">
        <v>2514</v>
      </c>
      <c r="I493" s="4" t="s">
        <v>2515</v>
      </c>
      <c r="K493" s="4" t="s">
        <v>2516</v>
      </c>
    </row>
    <row r="494" spans="1:11" ht="57.6" x14ac:dyDescent="0.3">
      <c r="A494" s="1">
        <v>3686</v>
      </c>
      <c r="C494" s="4" t="s">
        <v>2517</v>
      </c>
      <c r="E494" s="4" t="s">
        <v>2518</v>
      </c>
      <c r="F494" s="4" t="s">
        <v>2519</v>
      </c>
      <c r="K494" s="4" t="s">
        <v>2520</v>
      </c>
    </row>
    <row r="495" spans="1:11" ht="72" x14ac:dyDescent="0.3">
      <c r="A495" s="1">
        <v>3691</v>
      </c>
      <c r="C495" s="4" t="s">
        <v>2521</v>
      </c>
      <c r="D495" s="4" t="s">
        <v>2522</v>
      </c>
      <c r="E495" s="4" t="s">
        <v>2523</v>
      </c>
      <c r="G495" s="4" t="s">
        <v>2524</v>
      </c>
      <c r="I495" s="4" t="s">
        <v>2525</v>
      </c>
    </row>
    <row r="496" spans="1:11" ht="43.2" x14ac:dyDescent="0.3">
      <c r="A496" s="1">
        <v>3706</v>
      </c>
      <c r="C496" s="4" t="s">
        <v>2526</v>
      </c>
      <c r="F496" s="4" t="s">
        <v>2527</v>
      </c>
      <c r="G496" s="4" t="s">
        <v>2528</v>
      </c>
      <c r="H496" s="4" t="s">
        <v>2529</v>
      </c>
      <c r="I496" s="4" t="s">
        <v>2530</v>
      </c>
    </row>
    <row r="497" spans="1:11" ht="43.2" x14ac:dyDescent="0.3">
      <c r="A497" s="1">
        <v>3711</v>
      </c>
      <c r="D497" s="4" t="s">
        <v>2531</v>
      </c>
      <c r="G497" s="4" t="s">
        <v>2532</v>
      </c>
    </row>
    <row r="498" spans="1:11" ht="72" x14ac:dyDescent="0.3">
      <c r="A498" s="1">
        <v>3756</v>
      </c>
      <c r="C498" s="4" t="s">
        <v>2533</v>
      </c>
      <c r="D498" s="4" t="s">
        <v>2534</v>
      </c>
      <c r="E498" s="4" t="s">
        <v>2535</v>
      </c>
      <c r="F498" s="4" t="s">
        <v>2536</v>
      </c>
      <c r="G498" s="4" t="s">
        <v>2536</v>
      </c>
      <c r="H498" s="4" t="s">
        <v>2536</v>
      </c>
      <c r="I498" s="4" t="s">
        <v>2535</v>
      </c>
      <c r="K498" s="4" t="s">
        <v>2537</v>
      </c>
    </row>
    <row r="499" spans="1:11" ht="86.4" x14ac:dyDescent="0.3">
      <c r="A499" s="1">
        <v>3761</v>
      </c>
      <c r="E499" s="4" t="s">
        <v>2538</v>
      </c>
      <c r="G499" s="4" t="s">
        <v>2539</v>
      </c>
      <c r="I499" s="4" t="s">
        <v>2540</v>
      </c>
      <c r="K499" s="4" t="s">
        <v>2541</v>
      </c>
    </row>
    <row r="500" spans="1:11" ht="86.4" x14ac:dyDescent="0.3">
      <c r="A500" s="1">
        <v>3766</v>
      </c>
      <c r="C500" s="4" t="s">
        <v>2542</v>
      </c>
      <c r="D500" s="4" t="s">
        <v>2543</v>
      </c>
      <c r="E500" s="4" t="s">
        <v>2544</v>
      </c>
      <c r="F500" s="4" t="s">
        <v>2545</v>
      </c>
      <c r="G500" s="4" t="s">
        <v>2546</v>
      </c>
      <c r="H500" s="4" t="s">
        <v>2547</v>
      </c>
      <c r="I500" s="4" t="s">
        <v>2548</v>
      </c>
      <c r="K500" s="4" t="s">
        <v>2549</v>
      </c>
    </row>
    <row r="501" spans="1:11" ht="57.6" x14ac:dyDescent="0.3">
      <c r="A501" s="1">
        <v>3776</v>
      </c>
      <c r="C501" s="4" t="s">
        <v>2550</v>
      </c>
      <c r="D501" s="4" t="s">
        <v>2551</v>
      </c>
      <c r="E501" s="4" t="s">
        <v>2552</v>
      </c>
      <c r="F501" s="4" t="s">
        <v>2553</v>
      </c>
      <c r="G501" s="4" t="s">
        <v>2554</v>
      </c>
      <c r="H501" s="4" t="s">
        <v>2555</v>
      </c>
      <c r="K501" s="4" t="s">
        <v>2556</v>
      </c>
    </row>
    <row r="502" spans="1:11" ht="57.6" x14ac:dyDescent="0.3">
      <c r="A502" s="1">
        <v>3796</v>
      </c>
      <c r="C502" s="4" t="s">
        <v>2557</v>
      </c>
      <c r="D502" s="4" t="s">
        <v>2558</v>
      </c>
      <c r="E502" s="4" t="s">
        <v>2559</v>
      </c>
      <c r="G502" s="4" t="s">
        <v>2560</v>
      </c>
      <c r="H502" s="4" t="s">
        <v>2561</v>
      </c>
      <c r="K502" s="4" t="s">
        <v>2562</v>
      </c>
    </row>
    <row r="503" spans="1:11" ht="57.6" x14ac:dyDescent="0.3">
      <c r="A503" s="1">
        <v>3816</v>
      </c>
      <c r="C503" s="4" t="s">
        <v>2563</v>
      </c>
      <c r="D503" s="4" t="s">
        <v>2564</v>
      </c>
      <c r="E503" s="4" t="s">
        <v>2565</v>
      </c>
      <c r="F503" s="4" t="s">
        <v>2566</v>
      </c>
      <c r="G503" s="4" t="s">
        <v>2567</v>
      </c>
      <c r="H503" s="4" t="s">
        <v>2568</v>
      </c>
      <c r="I503" s="4" t="e">
        <v>#NAME?</v>
      </c>
      <c r="K503" s="4" t="s">
        <v>2569</v>
      </c>
    </row>
    <row r="504" spans="1:11" ht="86.4" x14ac:dyDescent="0.3">
      <c r="A504" s="1">
        <v>3821</v>
      </c>
      <c r="C504" s="4" t="s">
        <v>2570</v>
      </c>
      <c r="D504" s="4" t="s">
        <v>2571</v>
      </c>
      <c r="E504" s="4" t="s">
        <v>2572</v>
      </c>
      <c r="F504" s="4" t="s">
        <v>2573</v>
      </c>
      <c r="G504" s="4" t="s">
        <v>2574</v>
      </c>
      <c r="H504" s="4" t="s">
        <v>2575</v>
      </c>
      <c r="I504" s="4" t="s">
        <v>2576</v>
      </c>
      <c r="J504" s="4" t="s">
        <v>2577</v>
      </c>
      <c r="K504" s="4" t="s">
        <v>2578</v>
      </c>
    </row>
    <row r="505" spans="1:11" ht="86.4" x14ac:dyDescent="0.3">
      <c r="A505" s="1">
        <v>3831</v>
      </c>
      <c r="C505" s="4" t="s">
        <v>2579</v>
      </c>
      <c r="D505" s="4" t="s">
        <v>2580</v>
      </c>
      <c r="E505" s="4" t="s">
        <v>2581</v>
      </c>
      <c r="F505" s="4" t="s">
        <v>2582</v>
      </c>
      <c r="G505" s="4" t="s">
        <v>2583</v>
      </c>
      <c r="H505" s="4" t="s">
        <v>2584</v>
      </c>
      <c r="I505" s="4" t="s">
        <v>2585</v>
      </c>
      <c r="K505" s="4" t="s">
        <v>2586</v>
      </c>
    </row>
    <row r="506" spans="1:11" ht="72" x14ac:dyDescent="0.3">
      <c r="A506" s="1">
        <v>3836</v>
      </c>
      <c r="C506" s="4" t="s">
        <v>2587</v>
      </c>
      <c r="D506" s="4" t="s">
        <v>2588</v>
      </c>
      <c r="E506" s="4" t="s">
        <v>2589</v>
      </c>
      <c r="F506" s="4" t="s">
        <v>2590</v>
      </c>
      <c r="G506" s="4" t="s">
        <v>2591</v>
      </c>
      <c r="H506" s="4" t="s">
        <v>2592</v>
      </c>
      <c r="I506" s="4" t="s">
        <v>2593</v>
      </c>
      <c r="J506" s="4" t="s">
        <v>2594</v>
      </c>
      <c r="K506" s="4" t="s">
        <v>2595</v>
      </c>
    </row>
    <row r="507" spans="1:11" ht="86.4" x14ac:dyDescent="0.3">
      <c r="A507" s="1">
        <v>3851</v>
      </c>
      <c r="C507" s="4" t="s">
        <v>2596</v>
      </c>
      <c r="D507" s="4" t="s">
        <v>2597</v>
      </c>
      <c r="E507" s="4" t="s">
        <v>2598</v>
      </c>
      <c r="F507" s="4" t="s">
        <v>2599</v>
      </c>
      <c r="G507" s="4" t="s">
        <v>2600</v>
      </c>
      <c r="H507" s="4" t="s">
        <v>2601</v>
      </c>
      <c r="I507" s="4" t="s">
        <v>2602</v>
      </c>
      <c r="J507" s="4" t="s">
        <v>2603</v>
      </c>
      <c r="K507" s="4" t="s">
        <v>2604</v>
      </c>
    </row>
    <row r="508" spans="1:11" x14ac:dyDescent="0.3">
      <c r="A508" s="1">
        <v>3856</v>
      </c>
    </row>
    <row r="509" spans="1:11" ht="28.8" x14ac:dyDescent="0.3">
      <c r="A509" s="1">
        <v>3866</v>
      </c>
      <c r="C509" s="4" t="s">
        <v>2605</v>
      </c>
      <c r="D509" s="4" t="s">
        <v>2606</v>
      </c>
      <c r="H509" s="4" t="s">
        <v>2607</v>
      </c>
    </row>
    <row r="510" spans="1:11" ht="86.4" x14ac:dyDescent="0.3">
      <c r="A510" s="1">
        <v>3871</v>
      </c>
      <c r="C510" s="4" t="s">
        <v>2608</v>
      </c>
      <c r="D510" s="4" t="s">
        <v>2609</v>
      </c>
      <c r="G510" s="4" t="s">
        <v>2610</v>
      </c>
      <c r="H510" s="4" t="s">
        <v>2611</v>
      </c>
      <c r="I510" s="4" t="s">
        <v>2612</v>
      </c>
      <c r="K510" s="4" t="s">
        <v>2613</v>
      </c>
    </row>
    <row r="511" spans="1:11" ht="72" x14ac:dyDescent="0.3">
      <c r="A511" s="1">
        <v>3876</v>
      </c>
      <c r="C511" s="4" t="s">
        <v>2614</v>
      </c>
      <c r="D511" s="4" t="s">
        <v>2615</v>
      </c>
      <c r="E511" s="4" t="s">
        <v>2616</v>
      </c>
      <c r="F511" s="4" t="s">
        <v>2617</v>
      </c>
      <c r="K511" s="4" t="s">
        <v>2618</v>
      </c>
    </row>
    <row r="512" spans="1:11" ht="57.6" x14ac:dyDescent="0.3">
      <c r="A512" s="1">
        <v>3881</v>
      </c>
      <c r="C512" s="4" t="s">
        <v>2619</v>
      </c>
      <c r="D512" s="4" t="s">
        <v>2620</v>
      </c>
      <c r="E512" s="4" t="s">
        <v>2621</v>
      </c>
      <c r="F512" s="4" t="s">
        <v>2622</v>
      </c>
      <c r="G512" s="4" t="s">
        <v>2623</v>
      </c>
      <c r="H512" s="4" t="s">
        <v>2623</v>
      </c>
      <c r="I512" s="4" t="s">
        <v>2624</v>
      </c>
      <c r="K512" s="4" t="s">
        <v>2625</v>
      </c>
    </row>
    <row r="513" spans="1:11" ht="57.6" x14ac:dyDescent="0.3">
      <c r="A513" s="1">
        <v>3891</v>
      </c>
      <c r="C513" s="4" t="s">
        <v>2626</v>
      </c>
      <c r="D513" s="4" t="s">
        <v>2627</v>
      </c>
      <c r="F513" s="4" t="s">
        <v>2628</v>
      </c>
      <c r="G513" s="4" t="s">
        <v>2629</v>
      </c>
      <c r="H513" s="4" t="s">
        <v>2630</v>
      </c>
      <c r="I513" s="4" t="s">
        <v>2631</v>
      </c>
    </row>
    <row r="514" spans="1:11" ht="28.8" x14ac:dyDescent="0.3">
      <c r="A514" s="1">
        <v>3911</v>
      </c>
      <c r="D514" s="4" t="s">
        <v>2632</v>
      </c>
      <c r="E514" s="4" t="s">
        <v>2633</v>
      </c>
    </row>
    <row r="515" spans="1:11" ht="72" x14ac:dyDescent="0.3">
      <c r="A515" s="1">
        <v>3916</v>
      </c>
      <c r="D515" s="4" t="s">
        <v>2634</v>
      </c>
      <c r="G515" s="4" t="s">
        <v>2635</v>
      </c>
      <c r="H515" s="4" t="s">
        <v>2636</v>
      </c>
    </row>
    <row r="516" spans="1:11" ht="72" x14ac:dyDescent="0.3">
      <c r="A516" s="1">
        <v>3921</v>
      </c>
      <c r="C516" s="4" t="s">
        <v>2637</v>
      </c>
      <c r="D516" s="4" t="s">
        <v>2638</v>
      </c>
      <c r="E516" s="4" t="s">
        <v>2639</v>
      </c>
      <c r="G516" s="4" t="s">
        <v>2640</v>
      </c>
      <c r="H516" s="4" t="s">
        <v>2641</v>
      </c>
      <c r="I516" s="4" t="s">
        <v>2642</v>
      </c>
      <c r="J516" s="4" t="s">
        <v>2643</v>
      </c>
    </row>
    <row r="517" spans="1:11" ht="72" x14ac:dyDescent="0.3">
      <c r="A517" s="1">
        <v>3931</v>
      </c>
      <c r="D517" s="4" t="s">
        <v>2644</v>
      </c>
      <c r="G517" s="4" t="s">
        <v>2645</v>
      </c>
      <c r="H517" s="4" t="s">
        <v>2646</v>
      </c>
      <c r="K517" s="4" t="s">
        <v>2647</v>
      </c>
    </row>
    <row r="518" spans="1:11" ht="86.4" x14ac:dyDescent="0.3">
      <c r="A518" s="1">
        <v>3936</v>
      </c>
      <c r="D518" s="4" t="s">
        <v>2648</v>
      </c>
      <c r="F518" s="4" t="s">
        <v>2649</v>
      </c>
      <c r="G518" s="4" t="s">
        <v>2650</v>
      </c>
    </row>
    <row r="519" spans="1:11" ht="86.4" x14ac:dyDescent="0.3">
      <c r="A519" s="1">
        <v>3941</v>
      </c>
      <c r="C519" s="4" t="s">
        <v>2651</v>
      </c>
      <c r="D519" s="4" t="s">
        <v>2652</v>
      </c>
      <c r="E519" s="4" t="s">
        <v>2653</v>
      </c>
      <c r="F519" s="4" t="s">
        <v>2654</v>
      </c>
      <c r="G519" s="4" t="s">
        <v>2655</v>
      </c>
      <c r="H519" s="4" t="s">
        <v>2656</v>
      </c>
      <c r="I519" s="4" t="s">
        <v>2657</v>
      </c>
      <c r="K519" s="4" t="s">
        <v>2658</v>
      </c>
    </row>
    <row r="520" spans="1:11" ht="43.2" x14ac:dyDescent="0.3">
      <c r="A520" s="1">
        <v>3946</v>
      </c>
      <c r="C520" s="4" t="s">
        <v>2659</v>
      </c>
      <c r="D520" s="4" t="s">
        <v>2660</v>
      </c>
      <c r="E520" s="4" t="s">
        <v>2661</v>
      </c>
      <c r="F520" s="4" t="s">
        <v>2662</v>
      </c>
      <c r="G520" s="4" t="s">
        <v>2663</v>
      </c>
      <c r="H520" s="4" t="s">
        <v>2664</v>
      </c>
      <c r="I520" s="4" t="s">
        <v>2665</v>
      </c>
      <c r="J520" s="4" t="s">
        <v>2666</v>
      </c>
    </row>
    <row r="521" spans="1:11" x14ac:dyDescent="0.3">
      <c r="A521" s="1">
        <v>3951</v>
      </c>
      <c r="D521" s="4" t="s">
        <v>2667</v>
      </c>
      <c r="E521" s="4" t="s">
        <v>2668</v>
      </c>
    </row>
    <row r="522" spans="1:11" ht="100.8" x14ac:dyDescent="0.3">
      <c r="A522" s="1">
        <v>3956</v>
      </c>
      <c r="C522" s="4" t="s">
        <v>2669</v>
      </c>
      <c r="D522" s="4" t="s">
        <v>2670</v>
      </c>
      <c r="F522" s="4" t="s">
        <v>2671</v>
      </c>
      <c r="H522" s="4" t="s">
        <v>2672</v>
      </c>
      <c r="I522" s="4" t="s">
        <v>2673</v>
      </c>
      <c r="K522" s="4" t="s">
        <v>2674</v>
      </c>
    </row>
    <row r="523" spans="1:11" ht="86.4" x14ac:dyDescent="0.3">
      <c r="A523" s="1">
        <v>3966</v>
      </c>
      <c r="C523" s="4" t="s">
        <v>2675</v>
      </c>
      <c r="D523" s="4" t="s">
        <v>2676</v>
      </c>
      <c r="E523" s="4" t="s">
        <v>2677</v>
      </c>
      <c r="F523" s="4" t="s">
        <v>2678</v>
      </c>
      <c r="G523" s="4" t="s">
        <v>2679</v>
      </c>
      <c r="H523" s="4" t="s">
        <v>2680</v>
      </c>
      <c r="I523" s="4" t="s">
        <v>2681</v>
      </c>
      <c r="K523" s="4" t="s">
        <v>2682</v>
      </c>
    </row>
    <row r="524" spans="1:11" ht="72" x14ac:dyDescent="0.3">
      <c r="A524" s="1">
        <v>3971</v>
      </c>
      <c r="C524" s="4" t="s">
        <v>2683</v>
      </c>
      <c r="D524" s="4" t="s">
        <v>2684</v>
      </c>
      <c r="E524" s="4" t="s">
        <v>2685</v>
      </c>
      <c r="F524" s="4" t="s">
        <v>2686</v>
      </c>
      <c r="G524" s="4" t="s">
        <v>2687</v>
      </c>
      <c r="H524" s="4" t="s">
        <v>2688</v>
      </c>
      <c r="K524" s="4" t="s">
        <v>2689</v>
      </c>
    </row>
    <row r="525" spans="1:11" ht="28.8" x14ac:dyDescent="0.3">
      <c r="A525" s="1">
        <v>3976</v>
      </c>
      <c r="C525" s="4" t="s">
        <v>2690</v>
      </c>
      <c r="D525" s="4" t="s">
        <v>2691</v>
      </c>
      <c r="E525" s="4" t="s">
        <v>2692</v>
      </c>
      <c r="F525" s="4" t="s">
        <v>2692</v>
      </c>
      <c r="G525" s="4" t="s">
        <v>2693</v>
      </c>
      <c r="H525" s="4" t="s">
        <v>2694</v>
      </c>
      <c r="I525" s="4" t="s">
        <v>2695</v>
      </c>
      <c r="K525" s="4" t="s">
        <v>2696</v>
      </c>
    </row>
    <row r="526" spans="1:11" ht="86.4" x14ac:dyDescent="0.3">
      <c r="A526" s="1">
        <v>3981</v>
      </c>
      <c r="C526" s="4" t="s">
        <v>2697</v>
      </c>
      <c r="D526" s="4" t="s">
        <v>2698</v>
      </c>
      <c r="F526" s="4" t="s">
        <v>2699</v>
      </c>
      <c r="G526" s="4" t="s">
        <v>2700</v>
      </c>
      <c r="H526" s="4" t="s">
        <v>2701</v>
      </c>
      <c r="I526" s="4" t="s">
        <v>2702</v>
      </c>
      <c r="K526" s="4" t="s">
        <v>2703</v>
      </c>
    </row>
    <row r="527" spans="1:11" ht="43.2" x14ac:dyDescent="0.3">
      <c r="A527" s="1">
        <v>3986</v>
      </c>
      <c r="B527" s="1" t="s">
        <v>2704</v>
      </c>
      <c r="C527" s="4" t="s">
        <v>2705</v>
      </c>
      <c r="D527" s="4" t="s">
        <v>2706</v>
      </c>
      <c r="G527" s="4" t="s">
        <v>2707</v>
      </c>
      <c r="H527" s="4" t="s">
        <v>2708</v>
      </c>
    </row>
    <row r="528" spans="1:11" ht="86.4" x14ac:dyDescent="0.3">
      <c r="A528" s="1">
        <v>3996</v>
      </c>
      <c r="C528" s="4" t="s">
        <v>2709</v>
      </c>
      <c r="D528" s="4" t="s">
        <v>2710</v>
      </c>
      <c r="E528" s="4" t="s">
        <v>2711</v>
      </c>
      <c r="F528" s="4" t="s">
        <v>2712</v>
      </c>
      <c r="G528" s="4" t="s">
        <v>2713</v>
      </c>
      <c r="H528" s="4" t="s">
        <v>2714</v>
      </c>
      <c r="I528" s="4" t="s">
        <v>2715</v>
      </c>
      <c r="K528" s="4" t="s">
        <v>2716</v>
      </c>
    </row>
    <row r="529" spans="1:11" ht="72" x14ac:dyDescent="0.3">
      <c r="A529" s="1">
        <v>4001</v>
      </c>
      <c r="C529" s="4" t="s">
        <v>2717</v>
      </c>
      <c r="D529" s="4" t="s">
        <v>2718</v>
      </c>
      <c r="F529" s="4" t="s">
        <v>2719</v>
      </c>
      <c r="G529" s="4" t="s">
        <v>2720</v>
      </c>
      <c r="H529" s="4" t="s">
        <v>2721</v>
      </c>
      <c r="I529" s="4" t="s">
        <v>2722</v>
      </c>
      <c r="K529" s="4" t="s">
        <v>2723</v>
      </c>
    </row>
    <row r="530" spans="1:11" ht="86.4" x14ac:dyDescent="0.3">
      <c r="A530" s="1">
        <v>4016</v>
      </c>
      <c r="C530" s="4" t="s">
        <v>2724</v>
      </c>
      <c r="D530" s="4" t="s">
        <v>2725</v>
      </c>
      <c r="E530" s="4" t="s">
        <v>2726</v>
      </c>
      <c r="F530" s="4" t="s">
        <v>2727</v>
      </c>
      <c r="G530" s="4" t="s">
        <v>2728</v>
      </c>
      <c r="H530" s="4" t="s">
        <v>2729</v>
      </c>
      <c r="I530" s="4" t="s">
        <v>2730</v>
      </c>
      <c r="K530" s="4" t="s">
        <v>2731</v>
      </c>
    </row>
    <row r="531" spans="1:11" x14ac:dyDescent="0.3">
      <c r="A531" s="1">
        <v>4021</v>
      </c>
    </row>
    <row r="532" spans="1:11" x14ac:dyDescent="0.3">
      <c r="A532" s="1">
        <v>4031</v>
      </c>
    </row>
    <row r="533" spans="1:11" x14ac:dyDescent="0.3">
      <c r="A533" s="1">
        <v>4036</v>
      </c>
    </row>
    <row r="534" spans="1:11" ht="72" x14ac:dyDescent="0.3">
      <c r="A534" s="1">
        <v>4046</v>
      </c>
      <c r="C534" s="4" t="s">
        <v>2732</v>
      </c>
      <c r="D534" s="4" t="s">
        <v>2733</v>
      </c>
      <c r="G534" s="4" t="s">
        <v>2734</v>
      </c>
      <c r="H534" s="4" t="s">
        <v>2735</v>
      </c>
      <c r="I534" s="4" t="s">
        <v>2736</v>
      </c>
      <c r="K534" s="4" t="s">
        <v>2737</v>
      </c>
    </row>
    <row r="535" spans="1:11" ht="86.4" x14ac:dyDescent="0.3">
      <c r="A535" s="1">
        <v>4066</v>
      </c>
      <c r="C535" s="4" t="s">
        <v>2738</v>
      </c>
      <c r="D535" s="4" t="s">
        <v>2739</v>
      </c>
      <c r="E535" s="4" t="s">
        <v>2740</v>
      </c>
      <c r="F535" s="4" t="s">
        <v>2741</v>
      </c>
      <c r="G535" s="4" t="s">
        <v>2742</v>
      </c>
      <c r="H535" s="4" t="s">
        <v>2743</v>
      </c>
      <c r="I535" s="4" t="s">
        <v>2744</v>
      </c>
      <c r="K535" s="4" t="s">
        <v>2745</v>
      </c>
    </row>
    <row r="536" spans="1:11" ht="43.2" x14ac:dyDescent="0.3">
      <c r="A536" s="1">
        <v>4071</v>
      </c>
      <c r="D536" s="4" t="s">
        <v>2746</v>
      </c>
      <c r="G536" s="4" t="s">
        <v>2747</v>
      </c>
      <c r="I536" s="4" t="s">
        <v>2748</v>
      </c>
    </row>
    <row r="537" spans="1:11" ht="86.4" x14ac:dyDescent="0.3">
      <c r="A537" s="1">
        <v>4076</v>
      </c>
      <c r="C537" s="4" t="s">
        <v>2749</v>
      </c>
      <c r="D537" s="4" t="s">
        <v>2750</v>
      </c>
      <c r="E537" s="4" t="s">
        <v>2751</v>
      </c>
      <c r="F537" s="4" t="s">
        <v>2752</v>
      </c>
      <c r="G537" s="4" t="s">
        <v>2753</v>
      </c>
      <c r="H537" s="4" t="s">
        <v>2754</v>
      </c>
      <c r="I537" s="4" t="s">
        <v>2755</v>
      </c>
      <c r="K537" s="4" t="s">
        <v>2756</v>
      </c>
    </row>
    <row r="538" spans="1:11" ht="86.4" x14ac:dyDescent="0.3">
      <c r="A538" s="1">
        <v>4081</v>
      </c>
      <c r="C538" s="4" t="s">
        <v>2757</v>
      </c>
      <c r="D538" s="4" t="s">
        <v>2758</v>
      </c>
      <c r="E538" s="4" t="s">
        <v>2759</v>
      </c>
      <c r="F538" s="4" t="s">
        <v>2760</v>
      </c>
      <c r="G538" s="4" t="s">
        <v>2761</v>
      </c>
      <c r="H538" s="4" t="s">
        <v>2762</v>
      </c>
      <c r="I538" s="4" t="s">
        <v>2763</v>
      </c>
      <c r="K538" s="4" t="s">
        <v>2764</v>
      </c>
    </row>
    <row r="539" spans="1:11" ht="72" x14ac:dyDescent="0.3">
      <c r="A539" s="1">
        <v>4086</v>
      </c>
      <c r="C539" s="4" t="s">
        <v>2765</v>
      </c>
      <c r="D539" s="4" t="s">
        <v>2766</v>
      </c>
      <c r="E539" s="4" t="s">
        <v>2767</v>
      </c>
      <c r="F539" s="4" t="s">
        <v>2768</v>
      </c>
      <c r="G539" s="4" t="s">
        <v>2769</v>
      </c>
      <c r="H539" s="4" t="s">
        <v>2770</v>
      </c>
      <c r="K539" s="4" t="s">
        <v>2771</v>
      </c>
    </row>
    <row r="540" spans="1:11" ht="57.6" x14ac:dyDescent="0.3">
      <c r="A540" s="1">
        <v>4091</v>
      </c>
      <c r="C540" s="4" t="s">
        <v>2772</v>
      </c>
    </row>
    <row r="541" spans="1:11" ht="72" x14ac:dyDescent="0.3">
      <c r="A541" s="1">
        <v>4101</v>
      </c>
      <c r="C541" s="4" t="s">
        <v>2773</v>
      </c>
      <c r="D541" s="4" t="s">
        <v>2774</v>
      </c>
      <c r="G541" s="4" t="s">
        <v>2775</v>
      </c>
      <c r="H541" s="4" t="s">
        <v>2776</v>
      </c>
      <c r="K541" s="4" t="s">
        <v>2777</v>
      </c>
    </row>
    <row r="542" spans="1:11" ht="100.8" x14ac:dyDescent="0.3">
      <c r="A542" s="1">
        <v>4106</v>
      </c>
      <c r="C542" s="4" t="s">
        <v>2778</v>
      </c>
      <c r="D542" s="4" t="s">
        <v>2779</v>
      </c>
      <c r="E542" s="4" t="s">
        <v>2780</v>
      </c>
      <c r="F542" s="4" t="s">
        <v>2781</v>
      </c>
      <c r="G542" s="4" t="s">
        <v>2782</v>
      </c>
      <c r="H542" s="4" t="s">
        <v>2783</v>
      </c>
      <c r="I542" s="4" t="s">
        <v>2784</v>
      </c>
      <c r="K542" s="4" t="s">
        <v>2785</v>
      </c>
    </row>
    <row r="543" spans="1:11" ht="86.4" x14ac:dyDescent="0.3">
      <c r="A543" s="1">
        <v>4111</v>
      </c>
      <c r="D543" s="4" t="s">
        <v>2786</v>
      </c>
      <c r="E543" s="4" t="s">
        <v>2787</v>
      </c>
      <c r="F543" s="4" t="s">
        <v>2788</v>
      </c>
      <c r="G543" s="4" t="s">
        <v>2789</v>
      </c>
      <c r="I543" s="4" t="s">
        <v>2790</v>
      </c>
      <c r="K543" s="4" t="s">
        <v>2791</v>
      </c>
    </row>
    <row r="544" spans="1:11" ht="72" x14ac:dyDescent="0.3">
      <c r="A544" s="1">
        <v>4116</v>
      </c>
      <c r="C544" s="4" t="s">
        <v>2792</v>
      </c>
      <c r="D544" s="4" t="s">
        <v>2793</v>
      </c>
      <c r="E544" s="4" t="s">
        <v>2794</v>
      </c>
      <c r="F544" s="4" t="s">
        <v>2795</v>
      </c>
      <c r="G544" s="4" t="s">
        <v>2796</v>
      </c>
      <c r="H544" s="4" t="s">
        <v>2797</v>
      </c>
      <c r="I544" s="4" t="s">
        <v>2798</v>
      </c>
      <c r="K544" s="4" t="s">
        <v>2799</v>
      </c>
    </row>
    <row r="545" spans="1:11" ht="86.4" x14ac:dyDescent="0.3">
      <c r="A545" s="1">
        <v>4121</v>
      </c>
      <c r="C545" s="4" t="s">
        <v>2800</v>
      </c>
      <c r="D545" s="4" t="s">
        <v>2801</v>
      </c>
      <c r="F545" s="4" t="s">
        <v>2802</v>
      </c>
      <c r="H545" s="4" t="s">
        <v>2803</v>
      </c>
      <c r="I545" s="4" t="s">
        <v>2804</v>
      </c>
      <c r="J545" s="4" t="s">
        <v>2805</v>
      </c>
    </row>
    <row r="546" spans="1:11" ht="72" x14ac:dyDescent="0.3">
      <c r="A546" s="1">
        <v>4126</v>
      </c>
      <c r="C546" s="4" t="s">
        <v>2806</v>
      </c>
      <c r="D546" s="4" t="s">
        <v>2807</v>
      </c>
      <c r="E546" s="4" t="s">
        <v>2808</v>
      </c>
      <c r="F546" s="4" t="s">
        <v>2809</v>
      </c>
    </row>
    <row r="547" spans="1:11" ht="86.4" x14ac:dyDescent="0.3">
      <c r="A547" s="1">
        <v>4131</v>
      </c>
      <c r="C547" s="4" t="s">
        <v>2810</v>
      </c>
      <c r="D547" s="4" t="s">
        <v>2811</v>
      </c>
      <c r="E547" s="4" t="s">
        <v>2812</v>
      </c>
      <c r="F547" s="4" t="s">
        <v>2813</v>
      </c>
      <c r="G547" s="4" t="s">
        <v>2814</v>
      </c>
      <c r="J547" s="4" t="s">
        <v>2815</v>
      </c>
      <c r="K547" s="4" t="s">
        <v>2816</v>
      </c>
    </row>
    <row r="548" spans="1:11" ht="57.6" x14ac:dyDescent="0.3">
      <c r="A548" s="1">
        <v>4136</v>
      </c>
      <c r="C548" s="4" t="s">
        <v>2817</v>
      </c>
      <c r="D548" s="4" t="s">
        <v>2818</v>
      </c>
      <c r="E548" s="4" t="s">
        <v>2819</v>
      </c>
      <c r="F548" s="4" t="s">
        <v>2820</v>
      </c>
      <c r="G548" s="4" t="s">
        <v>2821</v>
      </c>
      <c r="H548" s="4" t="s">
        <v>2822</v>
      </c>
      <c r="I548" s="4" t="s">
        <v>2823</v>
      </c>
      <c r="K548" s="4" t="s">
        <v>2824</v>
      </c>
    </row>
    <row r="549" spans="1:11" ht="28.8" x14ac:dyDescent="0.3">
      <c r="A549" s="1">
        <v>4141</v>
      </c>
      <c r="D549" s="4" t="s">
        <v>2825</v>
      </c>
      <c r="E549" s="4" t="s">
        <v>2826</v>
      </c>
      <c r="F549" s="4" t="s">
        <v>2827</v>
      </c>
      <c r="G549" s="4" t="s">
        <v>2828</v>
      </c>
      <c r="I549" s="4" t="s">
        <v>2829</v>
      </c>
      <c r="J549" s="4" t="s">
        <v>2830</v>
      </c>
    </row>
    <row r="550" spans="1:11" ht="86.4" x14ac:dyDescent="0.3">
      <c r="A550" s="1">
        <v>4146</v>
      </c>
      <c r="C550" s="4" t="s">
        <v>2831</v>
      </c>
      <c r="D550" s="4" t="s">
        <v>2832</v>
      </c>
      <c r="E550" s="4" t="s">
        <v>2833</v>
      </c>
      <c r="F550" s="4" t="s">
        <v>2834</v>
      </c>
      <c r="G550" s="4" t="s">
        <v>2835</v>
      </c>
      <c r="H550" s="4" t="s">
        <v>2836</v>
      </c>
      <c r="I550" s="4" t="s">
        <v>2837</v>
      </c>
      <c r="J550" s="4" t="s">
        <v>2838</v>
      </c>
      <c r="K550" s="4" t="s">
        <v>2839</v>
      </c>
    </row>
    <row r="551" spans="1:11" ht="86.4" x14ac:dyDescent="0.3">
      <c r="A551" s="1">
        <v>4156</v>
      </c>
      <c r="C551" s="4" t="s">
        <v>2840</v>
      </c>
      <c r="D551" s="4" t="s">
        <v>2841</v>
      </c>
      <c r="F551" s="4" t="s">
        <v>2842</v>
      </c>
      <c r="G551" s="4" t="s">
        <v>2843</v>
      </c>
      <c r="H551" s="4" t="s">
        <v>2844</v>
      </c>
      <c r="I551" s="4" t="s">
        <v>2845</v>
      </c>
    </row>
    <row r="552" spans="1:11" ht="72" x14ac:dyDescent="0.3">
      <c r="A552" s="1">
        <v>4161</v>
      </c>
      <c r="D552" s="4" t="s">
        <v>2846</v>
      </c>
    </row>
    <row r="553" spans="1:11" ht="72" x14ac:dyDescent="0.3">
      <c r="A553" s="1">
        <v>4166</v>
      </c>
      <c r="C553" s="4" t="s">
        <v>2847</v>
      </c>
      <c r="D553" s="4" t="s">
        <v>2848</v>
      </c>
      <c r="E553" s="4" t="s">
        <v>2849</v>
      </c>
      <c r="G553" s="4" t="s">
        <v>2850</v>
      </c>
      <c r="H553" s="4" t="s">
        <v>2851</v>
      </c>
      <c r="I553" s="4" t="s">
        <v>2852</v>
      </c>
      <c r="K553" s="4" t="s">
        <v>2853</v>
      </c>
    </row>
    <row r="554" spans="1:11" ht="86.4" x14ac:dyDescent="0.3">
      <c r="A554" s="1">
        <v>4171</v>
      </c>
      <c r="C554" s="4" t="s">
        <v>2854</v>
      </c>
      <c r="D554" s="4" t="s">
        <v>2855</v>
      </c>
      <c r="E554" s="4" t="s">
        <v>2856</v>
      </c>
      <c r="F554" s="4" t="s">
        <v>2857</v>
      </c>
      <c r="G554" s="4" t="s">
        <v>2858</v>
      </c>
      <c r="H554" s="4" t="s">
        <v>2859</v>
      </c>
      <c r="I554" s="4" t="s">
        <v>2860</v>
      </c>
      <c r="K554" s="4" t="s">
        <v>2861</v>
      </c>
    </row>
    <row r="555" spans="1:11" ht="57.6" x14ac:dyDescent="0.3">
      <c r="A555" s="1">
        <v>4181</v>
      </c>
      <c r="C555" s="4" t="s">
        <v>2862</v>
      </c>
      <c r="D555" s="4" t="s">
        <v>2863</v>
      </c>
      <c r="E555" s="4" t="s">
        <v>2864</v>
      </c>
      <c r="G555" s="4" t="s">
        <v>2865</v>
      </c>
      <c r="I555" s="4" t="s">
        <v>2866</v>
      </c>
      <c r="K555" s="4" t="s">
        <v>2867</v>
      </c>
    </row>
    <row r="556" spans="1:11" ht="72" x14ac:dyDescent="0.3">
      <c r="A556" s="1">
        <v>4186</v>
      </c>
      <c r="C556" s="4" t="s">
        <v>2868</v>
      </c>
      <c r="D556" s="4" t="s">
        <v>2869</v>
      </c>
      <c r="E556" s="4" t="s">
        <v>2870</v>
      </c>
      <c r="G556" s="4" t="s">
        <v>2871</v>
      </c>
      <c r="H556" s="4" t="s">
        <v>2872</v>
      </c>
      <c r="K556" s="4" t="s">
        <v>2873</v>
      </c>
    </row>
    <row r="557" spans="1:11" ht="86.4" x14ac:dyDescent="0.3">
      <c r="A557" s="1">
        <v>4191</v>
      </c>
      <c r="C557" s="4" t="s">
        <v>2874</v>
      </c>
      <c r="D557" s="4" t="s">
        <v>2875</v>
      </c>
      <c r="E557" s="4" t="s">
        <v>2876</v>
      </c>
      <c r="F557" s="4" t="s">
        <v>2877</v>
      </c>
      <c r="G557" s="4" t="s">
        <v>2878</v>
      </c>
      <c r="H557" s="4" t="s">
        <v>2879</v>
      </c>
      <c r="I557" s="4" t="s">
        <v>2880</v>
      </c>
      <c r="J557" s="4" t="s">
        <v>2881</v>
      </c>
    </row>
    <row r="558" spans="1:11" ht="72" x14ac:dyDescent="0.3">
      <c r="A558" s="1">
        <v>4201</v>
      </c>
      <c r="C558" s="4" t="s">
        <v>2882</v>
      </c>
      <c r="G558" s="4" t="s">
        <v>2883</v>
      </c>
      <c r="H558" s="4" t="s">
        <v>2884</v>
      </c>
    </row>
    <row r="559" spans="1:11" ht="86.4" x14ac:dyDescent="0.3">
      <c r="A559" s="1">
        <v>4206</v>
      </c>
      <c r="D559" s="4" t="s">
        <v>2885</v>
      </c>
      <c r="E559" s="4" t="s">
        <v>2886</v>
      </c>
      <c r="F559" s="4" t="s">
        <v>2887</v>
      </c>
      <c r="G559" s="4" t="s">
        <v>2888</v>
      </c>
      <c r="H559" s="4" t="s">
        <v>2889</v>
      </c>
      <c r="I559" s="4" t="s">
        <v>2890</v>
      </c>
      <c r="J559" s="4" t="s">
        <v>2891</v>
      </c>
    </row>
    <row r="560" spans="1:11" ht="28.8" x14ac:dyDescent="0.3">
      <c r="A560" s="1">
        <v>4211</v>
      </c>
      <c r="C560" s="4" t="s">
        <v>2892</v>
      </c>
      <c r="D560" s="4" t="s">
        <v>2893</v>
      </c>
      <c r="F560" s="4" t="s">
        <v>2894</v>
      </c>
      <c r="G560" s="4" t="s">
        <v>2895</v>
      </c>
    </row>
    <row r="561" spans="1:11" ht="28.8" x14ac:dyDescent="0.3">
      <c r="A561" s="1">
        <v>4226</v>
      </c>
      <c r="C561" s="4" t="s">
        <v>2896</v>
      </c>
    </row>
    <row r="562" spans="1:11" ht="72" x14ac:dyDescent="0.3">
      <c r="A562" s="1">
        <v>4231</v>
      </c>
      <c r="C562" s="4" t="s">
        <v>2897</v>
      </c>
      <c r="D562" s="4" t="s">
        <v>2898</v>
      </c>
      <c r="E562" s="4" t="s">
        <v>2899</v>
      </c>
      <c r="F562" s="4" t="s">
        <v>2900</v>
      </c>
      <c r="G562" s="4" t="s">
        <v>2901</v>
      </c>
      <c r="H562" s="4" t="s">
        <v>2902</v>
      </c>
      <c r="I562" s="4" t="s">
        <v>2903</v>
      </c>
      <c r="J562" s="4" t="s">
        <v>2904</v>
      </c>
    </row>
    <row r="563" spans="1:11" ht="57.6" x14ac:dyDescent="0.3">
      <c r="A563" s="1">
        <v>4236</v>
      </c>
      <c r="C563" s="4" t="s">
        <v>2905</v>
      </c>
      <c r="E563" s="4" t="s">
        <v>2906</v>
      </c>
      <c r="G563" s="4" t="s">
        <v>2907</v>
      </c>
      <c r="I563" s="4" t="s">
        <v>2908</v>
      </c>
    </row>
    <row r="564" spans="1:11" ht="86.4" x14ac:dyDescent="0.3">
      <c r="A564" s="1">
        <v>4241</v>
      </c>
      <c r="C564" s="4" t="s">
        <v>2909</v>
      </c>
      <c r="D564" s="4" t="s">
        <v>2910</v>
      </c>
      <c r="E564" s="4" t="s">
        <v>2911</v>
      </c>
      <c r="F564" s="4" t="s">
        <v>2912</v>
      </c>
      <c r="H564" s="4" t="s">
        <v>2913</v>
      </c>
      <c r="I564" s="4" t="s">
        <v>2914</v>
      </c>
      <c r="K564" s="4" t="s">
        <v>2915</v>
      </c>
    </row>
    <row r="565" spans="1:11" ht="86.4" x14ac:dyDescent="0.3">
      <c r="A565" s="1">
        <v>4256</v>
      </c>
      <c r="D565" s="4" t="s">
        <v>2916</v>
      </c>
      <c r="F565" s="4" t="s">
        <v>2917</v>
      </c>
      <c r="G565" s="4" t="s">
        <v>2918</v>
      </c>
      <c r="H565" s="4" t="s">
        <v>2919</v>
      </c>
      <c r="I565" s="4" t="s">
        <v>2920</v>
      </c>
      <c r="J565" s="4" t="s">
        <v>2921</v>
      </c>
      <c r="K565" s="4" t="s">
        <v>2922</v>
      </c>
    </row>
    <row r="566" spans="1:11" ht="100.8" x14ac:dyDescent="0.3">
      <c r="A566" s="1">
        <v>4261</v>
      </c>
      <c r="C566" s="4" t="s">
        <v>2923</v>
      </c>
      <c r="D566" s="4" t="s">
        <v>2924</v>
      </c>
      <c r="E566" s="4" t="s">
        <v>2925</v>
      </c>
      <c r="F566" s="4" t="s">
        <v>2926</v>
      </c>
      <c r="G566" s="4" t="s">
        <v>2927</v>
      </c>
      <c r="H566" s="4" t="s">
        <v>2928</v>
      </c>
      <c r="I566" s="4" t="s">
        <v>2929</v>
      </c>
      <c r="K566" s="4" t="s">
        <v>2930</v>
      </c>
    </row>
    <row r="567" spans="1:11" ht="86.4" x14ac:dyDescent="0.3">
      <c r="A567" s="1">
        <v>4266</v>
      </c>
      <c r="C567" s="4" t="s">
        <v>2931</v>
      </c>
      <c r="D567" s="4" t="s">
        <v>2932</v>
      </c>
      <c r="E567" s="4" t="s">
        <v>2933</v>
      </c>
      <c r="F567" s="4" t="s">
        <v>2934</v>
      </c>
      <c r="G567" s="4" t="s">
        <v>2935</v>
      </c>
      <c r="H567" s="4" t="s">
        <v>2936</v>
      </c>
      <c r="I567" s="4" t="s">
        <v>2937</v>
      </c>
      <c r="K567" s="4" t="s">
        <v>2938</v>
      </c>
    </row>
    <row r="568" spans="1:11" x14ac:dyDescent="0.3">
      <c r="A568" s="1">
        <v>4271</v>
      </c>
      <c r="C568" s="4" t="s">
        <v>2939</v>
      </c>
      <c r="D568" s="4" t="s">
        <v>2939</v>
      </c>
      <c r="E568" s="4" t="s">
        <v>2939</v>
      </c>
    </row>
    <row r="569" spans="1:11" ht="100.8" x14ac:dyDescent="0.3">
      <c r="A569" s="1">
        <v>4276</v>
      </c>
      <c r="C569" s="4" t="s">
        <v>2940</v>
      </c>
      <c r="D569" s="4" t="s">
        <v>2941</v>
      </c>
      <c r="E569" s="4" t="s">
        <v>2942</v>
      </c>
      <c r="F569" s="4" t="s">
        <v>2943</v>
      </c>
      <c r="G569" s="4" t="s">
        <v>2944</v>
      </c>
      <c r="H569" s="4" t="s">
        <v>2945</v>
      </c>
      <c r="I569" s="4" t="s">
        <v>2946</v>
      </c>
      <c r="K569" s="4" t="s">
        <v>2947</v>
      </c>
    </row>
    <row r="570" spans="1:11" ht="86.4" x14ac:dyDescent="0.3">
      <c r="A570" s="1">
        <v>4291</v>
      </c>
      <c r="C570" s="4" t="s">
        <v>2948</v>
      </c>
      <c r="D570" s="4" t="s">
        <v>2949</v>
      </c>
      <c r="E570" s="4" t="s">
        <v>2950</v>
      </c>
      <c r="F570" s="4" t="s">
        <v>2951</v>
      </c>
      <c r="G570" s="4" t="s">
        <v>2952</v>
      </c>
      <c r="H570" s="4" t="s">
        <v>2953</v>
      </c>
      <c r="I570" s="4" t="s">
        <v>2954</v>
      </c>
      <c r="K570" s="4" t="s">
        <v>2955</v>
      </c>
    </row>
    <row r="571" spans="1:11" ht="86.4" x14ac:dyDescent="0.3">
      <c r="A571" s="1">
        <v>4296</v>
      </c>
      <c r="C571" s="4" t="s">
        <v>2956</v>
      </c>
      <c r="D571" s="4" t="s">
        <v>2957</v>
      </c>
      <c r="E571" s="4" t="s">
        <v>2958</v>
      </c>
      <c r="F571" s="4" t="s">
        <v>2959</v>
      </c>
      <c r="G571" s="4" t="s">
        <v>2960</v>
      </c>
      <c r="H571" s="4" t="s">
        <v>2961</v>
      </c>
      <c r="I571" s="4" t="s">
        <v>2962</v>
      </c>
      <c r="J571" s="4" t="s">
        <v>2963</v>
      </c>
      <c r="K571" s="4" t="s">
        <v>2964</v>
      </c>
    </row>
    <row r="572" spans="1:11" ht="57.6" x14ac:dyDescent="0.3">
      <c r="A572" s="1">
        <v>4311</v>
      </c>
      <c r="C572" s="4" t="s">
        <v>2965</v>
      </c>
      <c r="D572" s="4" t="s">
        <v>2966</v>
      </c>
      <c r="E572" s="4" t="s">
        <v>2967</v>
      </c>
      <c r="F572" s="4" t="s">
        <v>2968</v>
      </c>
      <c r="G572" s="4" t="s">
        <v>2969</v>
      </c>
      <c r="H572" s="4" t="s">
        <v>2970</v>
      </c>
      <c r="I572" s="4" t="s">
        <v>2971</v>
      </c>
      <c r="K572" s="4" t="s">
        <v>2972</v>
      </c>
    </row>
    <row r="573" spans="1:11" ht="72" x14ac:dyDescent="0.3">
      <c r="A573" s="1">
        <v>4316</v>
      </c>
      <c r="C573" s="4" t="s">
        <v>2973</v>
      </c>
      <c r="D573" s="4" t="s">
        <v>2974</v>
      </c>
      <c r="I573" s="4" t="s">
        <v>2975</v>
      </c>
    </row>
    <row r="574" spans="1:11" ht="86.4" x14ac:dyDescent="0.3">
      <c r="A574" s="1">
        <v>4321</v>
      </c>
      <c r="C574" s="4" t="s">
        <v>2976</v>
      </c>
      <c r="D574" s="4" t="s">
        <v>2977</v>
      </c>
      <c r="E574" s="4" t="s">
        <v>2978</v>
      </c>
      <c r="F574" s="4" t="s">
        <v>2979</v>
      </c>
      <c r="G574" s="4" t="s">
        <v>2980</v>
      </c>
      <c r="H574" s="4" t="s">
        <v>2981</v>
      </c>
      <c r="I574" s="4" t="s">
        <v>2982</v>
      </c>
      <c r="K574" s="4" t="s">
        <v>2983</v>
      </c>
    </row>
    <row r="575" spans="1:11" ht="86.4" x14ac:dyDescent="0.3">
      <c r="A575" s="1">
        <v>4326</v>
      </c>
      <c r="C575" s="4" t="s">
        <v>2984</v>
      </c>
      <c r="F575" s="4" t="s">
        <v>2985</v>
      </c>
      <c r="G575" s="4" t="s">
        <v>2986</v>
      </c>
      <c r="K575" s="4" t="s">
        <v>2987</v>
      </c>
    </row>
    <row r="576" spans="1:11" ht="43.2" x14ac:dyDescent="0.3">
      <c r="A576" s="1">
        <v>4341</v>
      </c>
      <c r="C576" s="4" t="s">
        <v>2988</v>
      </c>
      <c r="D576" s="4" t="s">
        <v>2989</v>
      </c>
      <c r="E576" s="4" t="s">
        <v>2990</v>
      </c>
    </row>
    <row r="577" spans="1:11" ht="72" x14ac:dyDescent="0.3">
      <c r="A577" s="1">
        <v>4351</v>
      </c>
      <c r="C577" s="4" t="s">
        <v>2991</v>
      </c>
      <c r="D577" s="4" t="s">
        <v>2992</v>
      </c>
      <c r="E577" s="4" t="s">
        <v>2993</v>
      </c>
      <c r="F577" s="4" t="s">
        <v>2994</v>
      </c>
      <c r="G577" s="4" t="s">
        <v>2995</v>
      </c>
      <c r="H577" s="4" t="s">
        <v>2996</v>
      </c>
      <c r="K577" s="4" t="s">
        <v>2997</v>
      </c>
    </row>
    <row r="578" spans="1:11" ht="72" x14ac:dyDescent="0.3">
      <c r="A578" s="1">
        <v>4366</v>
      </c>
      <c r="D578" s="4" t="s">
        <v>2998</v>
      </c>
      <c r="E578" s="4" t="s">
        <v>2999</v>
      </c>
      <c r="F578" s="4" t="s">
        <v>3000</v>
      </c>
      <c r="G578" s="4" t="s">
        <v>3001</v>
      </c>
      <c r="H578" s="4" t="s">
        <v>3002</v>
      </c>
    </row>
    <row r="579" spans="1:11" x14ac:dyDescent="0.3">
      <c r="A579" s="1">
        <v>4376</v>
      </c>
    </row>
    <row r="580" spans="1:11" ht="57.6" x14ac:dyDescent="0.3">
      <c r="A580" s="1">
        <v>4381</v>
      </c>
      <c r="C580" s="4" t="s">
        <v>3003</v>
      </c>
      <c r="D580" s="4" t="s">
        <v>3004</v>
      </c>
      <c r="G580" s="4" t="s">
        <v>3005</v>
      </c>
      <c r="I580" s="4" t="s">
        <v>3006</v>
      </c>
    </row>
    <row r="581" spans="1:11" ht="28.8" x14ac:dyDescent="0.3">
      <c r="A581" s="1">
        <v>4386</v>
      </c>
      <c r="K581" s="4" t="s">
        <v>3007</v>
      </c>
    </row>
    <row r="582" spans="1:11" ht="43.2" x14ac:dyDescent="0.3">
      <c r="A582" s="1">
        <v>4391</v>
      </c>
      <c r="D582" s="4" t="s">
        <v>3008</v>
      </c>
      <c r="H582" s="4" t="s">
        <v>3009</v>
      </c>
      <c r="K582" s="4" t="s">
        <v>3010</v>
      </c>
    </row>
    <row r="583" spans="1:11" ht="72" x14ac:dyDescent="0.3">
      <c r="A583" s="1">
        <v>4411</v>
      </c>
      <c r="C583" s="4" t="s">
        <v>3011</v>
      </c>
      <c r="D583" s="4" t="s">
        <v>3012</v>
      </c>
      <c r="E583" s="4" t="s">
        <v>3013</v>
      </c>
      <c r="F583" s="4" t="s">
        <v>3014</v>
      </c>
    </row>
    <row r="584" spans="1:11" ht="57.6" x14ac:dyDescent="0.3">
      <c r="A584" s="1">
        <v>4416</v>
      </c>
      <c r="C584" s="4" t="s">
        <v>3015</v>
      </c>
      <c r="D584" s="4" t="s">
        <v>3016</v>
      </c>
      <c r="E584" s="4" t="s">
        <v>3017</v>
      </c>
      <c r="F584" s="4" t="s">
        <v>3018</v>
      </c>
      <c r="G584" s="4" t="s">
        <v>3019</v>
      </c>
      <c r="H584" s="4" t="s">
        <v>3020</v>
      </c>
      <c r="I584" s="4" t="s">
        <v>3021</v>
      </c>
      <c r="K584" s="4" t="s">
        <v>3022</v>
      </c>
    </row>
    <row r="585" spans="1:11" ht="72" x14ac:dyDescent="0.3">
      <c r="A585" s="1">
        <v>4421</v>
      </c>
      <c r="C585" s="4" t="s">
        <v>3023</v>
      </c>
      <c r="D585" s="4" t="s">
        <v>3024</v>
      </c>
      <c r="E585" s="4" t="s">
        <v>3025</v>
      </c>
      <c r="G585" s="4" t="s">
        <v>3026</v>
      </c>
      <c r="H585" s="4" t="s">
        <v>3027</v>
      </c>
    </row>
    <row r="586" spans="1:11" ht="86.4" x14ac:dyDescent="0.3">
      <c r="A586" s="1">
        <v>4426</v>
      </c>
      <c r="C586" s="4" t="s">
        <v>3028</v>
      </c>
      <c r="E586" s="4" t="s">
        <v>3029</v>
      </c>
      <c r="F586" s="4" t="s">
        <v>3029</v>
      </c>
      <c r="G586" s="4" t="s">
        <v>3030</v>
      </c>
      <c r="K586" s="4" t="s">
        <v>3031</v>
      </c>
    </row>
    <row r="587" spans="1:11" ht="86.4" x14ac:dyDescent="0.3">
      <c r="A587" s="1">
        <v>4446</v>
      </c>
      <c r="C587" s="4" t="s">
        <v>3032</v>
      </c>
      <c r="D587" s="4" t="s">
        <v>3033</v>
      </c>
      <c r="E587" s="4" t="s">
        <v>3034</v>
      </c>
      <c r="F587" s="4" t="s">
        <v>3035</v>
      </c>
      <c r="G587" s="4" t="s">
        <v>3036</v>
      </c>
      <c r="H587" s="4" t="s">
        <v>3037</v>
      </c>
      <c r="I587" s="4" t="s">
        <v>3038</v>
      </c>
      <c r="K587" s="4" t="s">
        <v>3039</v>
      </c>
    </row>
    <row r="588" spans="1:11" ht="100.8" x14ac:dyDescent="0.3">
      <c r="A588" s="1">
        <v>4456</v>
      </c>
      <c r="C588" s="4" t="s">
        <v>3040</v>
      </c>
      <c r="D588" s="4" t="s">
        <v>3041</v>
      </c>
      <c r="E588" s="4" t="s">
        <v>3042</v>
      </c>
      <c r="F588" s="4" t="s">
        <v>3043</v>
      </c>
      <c r="G588" s="4" t="s">
        <v>3044</v>
      </c>
      <c r="K588" s="4" t="s">
        <v>3045</v>
      </c>
    </row>
    <row r="589" spans="1:11" ht="43.2" x14ac:dyDescent="0.3">
      <c r="A589" s="1">
        <v>4466</v>
      </c>
      <c r="C589" s="4" t="s">
        <v>3046</v>
      </c>
      <c r="D589" s="4" t="s">
        <v>3047</v>
      </c>
      <c r="E589" s="4" t="s">
        <v>3048</v>
      </c>
      <c r="F589" s="4" t="s">
        <v>3049</v>
      </c>
      <c r="G589" s="4" t="s">
        <v>3050</v>
      </c>
      <c r="H589" s="4" t="s">
        <v>3051</v>
      </c>
      <c r="I589" s="4" t="s">
        <v>3052</v>
      </c>
      <c r="K589" s="4" t="s">
        <v>3053</v>
      </c>
    </row>
    <row r="590" spans="1:11" ht="72" x14ac:dyDescent="0.3">
      <c r="A590" s="1">
        <v>4481</v>
      </c>
      <c r="C590" s="4" t="s">
        <v>3054</v>
      </c>
      <c r="D590" s="4" t="s">
        <v>3055</v>
      </c>
      <c r="E590" s="4" t="s">
        <v>3056</v>
      </c>
      <c r="F590" s="4" t="s">
        <v>3057</v>
      </c>
      <c r="G590" s="4" t="s">
        <v>3058</v>
      </c>
      <c r="H590" s="4" t="s">
        <v>3059</v>
      </c>
      <c r="I590" s="4" t="s">
        <v>3060</v>
      </c>
      <c r="K590" s="4" t="s">
        <v>3061</v>
      </c>
    </row>
    <row r="591" spans="1:11" ht="86.4" x14ac:dyDescent="0.3">
      <c r="A591" s="1">
        <v>4491</v>
      </c>
      <c r="C591" s="4" t="s">
        <v>3062</v>
      </c>
      <c r="D591" s="4" t="s">
        <v>3063</v>
      </c>
      <c r="E591" s="4" t="s">
        <v>3064</v>
      </c>
      <c r="F591" s="4" t="s">
        <v>3064</v>
      </c>
      <c r="G591" s="4" t="s">
        <v>3065</v>
      </c>
      <c r="H591" s="4" t="s">
        <v>3066</v>
      </c>
      <c r="I591" s="4" t="s">
        <v>3067</v>
      </c>
      <c r="K591" s="4" t="s">
        <v>3068</v>
      </c>
    </row>
    <row r="592" spans="1:11" ht="86.4" x14ac:dyDescent="0.3">
      <c r="A592" s="1">
        <v>4496</v>
      </c>
      <c r="D592" s="4" t="s">
        <v>3069</v>
      </c>
      <c r="E592" s="4" t="s">
        <v>3070</v>
      </c>
      <c r="F592" s="4" t="s">
        <v>3071</v>
      </c>
      <c r="G592" s="4" t="s">
        <v>3072</v>
      </c>
      <c r="H592" s="4" t="s">
        <v>3073</v>
      </c>
      <c r="I592" s="4" t="s">
        <v>3074</v>
      </c>
      <c r="K592" s="4" t="s">
        <v>3075</v>
      </c>
    </row>
    <row r="593" spans="1:11" ht="86.4" x14ac:dyDescent="0.3">
      <c r="A593" s="1">
        <v>4501</v>
      </c>
      <c r="C593" s="4" t="s">
        <v>3076</v>
      </c>
      <c r="D593" s="4" t="s">
        <v>3077</v>
      </c>
      <c r="E593" s="4" t="s">
        <v>3078</v>
      </c>
      <c r="G593" s="4" t="s">
        <v>3079</v>
      </c>
      <c r="H593" s="4" t="s">
        <v>3080</v>
      </c>
      <c r="J593" s="4" t="s">
        <v>3081</v>
      </c>
      <c r="K593" s="4" t="s">
        <v>3082</v>
      </c>
    </row>
    <row r="594" spans="1:11" ht="57.6" x14ac:dyDescent="0.3">
      <c r="A594" s="1">
        <v>4506</v>
      </c>
      <c r="C594" s="4" t="s">
        <v>3083</v>
      </c>
      <c r="D594" s="4" t="s">
        <v>3084</v>
      </c>
      <c r="G594" s="4" t="s">
        <v>3085</v>
      </c>
      <c r="H594" s="4" t="s">
        <v>3086</v>
      </c>
      <c r="I594" s="4" t="s">
        <v>3087</v>
      </c>
      <c r="J594" s="4" t="s">
        <v>3088</v>
      </c>
      <c r="K594" s="4" t="s">
        <v>3089</v>
      </c>
    </row>
    <row r="595" spans="1:11" ht="86.4" x14ac:dyDescent="0.3">
      <c r="A595" s="1">
        <v>4511</v>
      </c>
      <c r="C595" s="4" t="s">
        <v>3090</v>
      </c>
      <c r="D595" s="4" t="s">
        <v>3091</v>
      </c>
      <c r="E595" s="4" t="s">
        <v>3092</v>
      </c>
      <c r="F595" s="4" t="s">
        <v>3093</v>
      </c>
      <c r="G595" s="4" t="s">
        <v>3094</v>
      </c>
      <c r="H595" s="4" t="s">
        <v>3095</v>
      </c>
      <c r="I595" s="4" t="s">
        <v>3096</v>
      </c>
      <c r="K595" s="4" t="s">
        <v>3097</v>
      </c>
    </row>
    <row r="596" spans="1:11" ht="72" x14ac:dyDescent="0.3">
      <c r="A596" s="1">
        <v>4516</v>
      </c>
      <c r="C596" s="4" t="s">
        <v>3098</v>
      </c>
      <c r="D596" s="4" t="s">
        <v>3099</v>
      </c>
      <c r="E596" s="4" t="s">
        <v>3100</v>
      </c>
      <c r="F596" s="4" t="s">
        <v>3101</v>
      </c>
      <c r="G596" s="4" t="s">
        <v>3102</v>
      </c>
      <c r="H596" s="4" t="s">
        <v>3103</v>
      </c>
      <c r="I596" s="4" t="s">
        <v>3104</v>
      </c>
      <c r="K596" s="4" t="s">
        <v>3105</v>
      </c>
    </row>
    <row r="597" spans="1:11" ht="57.6" x14ac:dyDescent="0.3">
      <c r="A597" s="1">
        <v>4521</v>
      </c>
      <c r="E597" s="4" t="s">
        <v>3106</v>
      </c>
    </row>
    <row r="598" spans="1:11" x14ac:dyDescent="0.3">
      <c r="A598" s="1">
        <v>4526</v>
      </c>
    </row>
    <row r="599" spans="1:11" ht="86.4" x14ac:dyDescent="0.3">
      <c r="A599" s="1">
        <v>4531</v>
      </c>
      <c r="C599" s="4" t="s">
        <v>3107</v>
      </c>
      <c r="D599" s="4" t="s">
        <v>3108</v>
      </c>
      <c r="E599" s="4" t="s">
        <v>3109</v>
      </c>
      <c r="F599" s="4" t="s">
        <v>3110</v>
      </c>
      <c r="G599" s="4" t="s">
        <v>3111</v>
      </c>
      <c r="H599" s="4" t="s">
        <v>3112</v>
      </c>
      <c r="I599" s="4" t="s">
        <v>3113</v>
      </c>
      <c r="K599" s="4" t="s">
        <v>3114</v>
      </c>
    </row>
    <row r="600" spans="1:11" ht="72" x14ac:dyDescent="0.3">
      <c r="A600" s="1">
        <v>4541</v>
      </c>
      <c r="C600" s="4" t="s">
        <v>3115</v>
      </c>
      <c r="D600" s="4" t="s">
        <v>3116</v>
      </c>
      <c r="E600" s="4" t="s">
        <v>3117</v>
      </c>
      <c r="F600" s="4" t="s">
        <v>3118</v>
      </c>
      <c r="G600" s="4" t="s">
        <v>3119</v>
      </c>
      <c r="H600" s="4" t="s">
        <v>3120</v>
      </c>
      <c r="I600" s="4" t="s">
        <v>3121</v>
      </c>
      <c r="K600" s="4" t="s">
        <v>3122</v>
      </c>
    </row>
    <row r="601" spans="1:11" ht="86.4" x14ac:dyDescent="0.3">
      <c r="A601" s="1">
        <v>4551</v>
      </c>
      <c r="C601" s="4" t="s">
        <v>3123</v>
      </c>
      <c r="D601" s="4" t="s">
        <v>3124</v>
      </c>
      <c r="E601" s="4" t="s">
        <v>3125</v>
      </c>
      <c r="F601" s="4" t="s">
        <v>1626</v>
      </c>
      <c r="G601" s="4" t="s">
        <v>3126</v>
      </c>
      <c r="H601" s="4" t="s">
        <v>3127</v>
      </c>
      <c r="I601" s="4" t="s">
        <v>3128</v>
      </c>
      <c r="J601" s="4" t="s">
        <v>3129</v>
      </c>
    </row>
    <row r="602" spans="1:11" ht="86.4" x14ac:dyDescent="0.3">
      <c r="A602" s="1">
        <v>4571</v>
      </c>
      <c r="D602" s="4" t="s">
        <v>3130</v>
      </c>
      <c r="F602" s="4" t="s">
        <v>1895</v>
      </c>
    </row>
    <row r="603" spans="1:11" ht="86.4" x14ac:dyDescent="0.3">
      <c r="A603" s="1">
        <v>4586</v>
      </c>
      <c r="C603" s="4" t="s">
        <v>3131</v>
      </c>
      <c r="D603" s="4" t="s">
        <v>3132</v>
      </c>
      <c r="E603" s="4" t="s">
        <v>3133</v>
      </c>
      <c r="F603" s="4" t="s">
        <v>3134</v>
      </c>
      <c r="G603" s="4" t="s">
        <v>3135</v>
      </c>
      <c r="H603" s="4" t="s">
        <v>3136</v>
      </c>
      <c r="I603" s="4" t="s">
        <v>3137</v>
      </c>
      <c r="K603" s="4" t="s">
        <v>3138</v>
      </c>
    </row>
    <row r="604" spans="1:11" ht="72" x14ac:dyDescent="0.3">
      <c r="A604" s="1">
        <v>4591</v>
      </c>
      <c r="C604" s="4" t="s">
        <v>3139</v>
      </c>
      <c r="D604" s="4" t="s">
        <v>3140</v>
      </c>
      <c r="E604" s="4" t="s">
        <v>3141</v>
      </c>
      <c r="F604" s="4" t="s">
        <v>3142</v>
      </c>
      <c r="G604" s="4" t="s">
        <v>3143</v>
      </c>
      <c r="I604" s="4" t="s">
        <v>3144</v>
      </c>
      <c r="J604" s="4" t="s">
        <v>3145</v>
      </c>
    </row>
    <row r="605" spans="1:11" ht="86.4" x14ac:dyDescent="0.3">
      <c r="A605" s="1">
        <v>4596</v>
      </c>
      <c r="C605" s="4" t="s">
        <v>3146</v>
      </c>
      <c r="D605" s="4" t="s">
        <v>3147</v>
      </c>
      <c r="G605" s="4" t="s">
        <v>3148</v>
      </c>
      <c r="H605" s="4" t="s">
        <v>3149</v>
      </c>
      <c r="I605" s="4" t="s">
        <v>3150</v>
      </c>
      <c r="K605" s="4" t="s">
        <v>3151</v>
      </c>
    </row>
    <row r="606" spans="1:11" ht="43.2" x14ac:dyDescent="0.3">
      <c r="A606" s="1">
        <v>4616</v>
      </c>
      <c r="C606" s="4" t="s">
        <v>3152</v>
      </c>
      <c r="D606" s="4" t="s">
        <v>3153</v>
      </c>
      <c r="G606" s="4" t="s">
        <v>3154</v>
      </c>
      <c r="H606" s="4" t="s">
        <v>3155</v>
      </c>
    </row>
    <row r="607" spans="1:11" x14ac:dyDescent="0.3">
      <c r="A607" s="1">
        <v>4621</v>
      </c>
    </row>
    <row r="608" spans="1:11" ht="43.2" x14ac:dyDescent="0.3">
      <c r="A608" s="1">
        <v>4626</v>
      </c>
      <c r="C608" s="4" t="s">
        <v>3156</v>
      </c>
      <c r="D608" s="4" t="s">
        <v>3157</v>
      </c>
      <c r="E608" s="4" t="s">
        <v>3158</v>
      </c>
      <c r="F608" s="4" t="s">
        <v>3159</v>
      </c>
      <c r="G608" s="4" t="s">
        <v>3160</v>
      </c>
      <c r="H608" s="4" t="s">
        <v>3161</v>
      </c>
      <c r="I608" s="4" t="s">
        <v>3162</v>
      </c>
      <c r="J608" s="4" t="s">
        <v>3163</v>
      </c>
      <c r="K608" s="4" t="s">
        <v>3164</v>
      </c>
    </row>
    <row r="609" spans="1:11" ht="86.4" x14ac:dyDescent="0.3">
      <c r="A609" s="1">
        <v>4636</v>
      </c>
      <c r="C609" s="4" t="s">
        <v>3165</v>
      </c>
      <c r="D609" s="4" t="s">
        <v>3166</v>
      </c>
      <c r="E609" s="4" t="s">
        <v>3167</v>
      </c>
      <c r="F609" s="4" t="s">
        <v>3168</v>
      </c>
      <c r="G609" s="4" t="s">
        <v>3169</v>
      </c>
      <c r="H609" s="4" t="s">
        <v>3170</v>
      </c>
      <c r="I609" s="4" t="s">
        <v>3171</v>
      </c>
      <c r="K609" s="4" t="s">
        <v>3172</v>
      </c>
    </row>
    <row r="610" spans="1:11" ht="86.4" x14ac:dyDescent="0.3">
      <c r="A610" s="1">
        <v>4641</v>
      </c>
      <c r="C610" s="4" t="s">
        <v>3173</v>
      </c>
      <c r="D610" s="4" t="s">
        <v>3174</v>
      </c>
      <c r="E610" s="4" t="s">
        <v>3175</v>
      </c>
      <c r="F610" s="4" t="s">
        <v>3176</v>
      </c>
      <c r="G610" s="4" t="s">
        <v>3177</v>
      </c>
      <c r="H610" s="4" t="s">
        <v>3178</v>
      </c>
      <c r="I610" s="4" t="s">
        <v>3179</v>
      </c>
      <c r="K610" s="4" t="s">
        <v>3180</v>
      </c>
    </row>
    <row r="611" spans="1:11" ht="86.4" x14ac:dyDescent="0.3">
      <c r="A611" s="1">
        <v>4646</v>
      </c>
      <c r="C611" s="4" t="s">
        <v>3181</v>
      </c>
      <c r="D611" s="4" t="s">
        <v>3182</v>
      </c>
      <c r="E611" s="4" t="s">
        <v>3183</v>
      </c>
      <c r="F611" s="4" t="s">
        <v>3184</v>
      </c>
      <c r="G611" s="4" t="s">
        <v>3185</v>
      </c>
      <c r="H611" s="4" t="s">
        <v>3186</v>
      </c>
      <c r="I611" s="4" t="s">
        <v>3187</v>
      </c>
      <c r="K611" s="4" t="s">
        <v>3188</v>
      </c>
    </row>
    <row r="612" spans="1:11" ht="86.4" x14ac:dyDescent="0.3">
      <c r="A612" s="1">
        <v>4651</v>
      </c>
      <c r="C612" s="4" t="s">
        <v>3189</v>
      </c>
      <c r="D612" s="4" t="s">
        <v>3190</v>
      </c>
      <c r="F612" s="4" t="s">
        <v>3191</v>
      </c>
      <c r="H612" s="4" t="s">
        <v>3192</v>
      </c>
      <c r="I612" s="4" t="s">
        <v>3193</v>
      </c>
      <c r="K612" s="4" t="s">
        <v>3194</v>
      </c>
    </row>
    <row r="613" spans="1:11" x14ac:dyDescent="0.3">
      <c r="A613" s="1">
        <v>4661</v>
      </c>
    </row>
    <row r="614" spans="1:11" ht="72" x14ac:dyDescent="0.3">
      <c r="A614" s="1">
        <v>4676</v>
      </c>
      <c r="C614" s="4" t="s">
        <v>3195</v>
      </c>
      <c r="D614" s="4" t="s">
        <v>3195</v>
      </c>
      <c r="E614" s="4" t="s">
        <v>3195</v>
      </c>
      <c r="F614" s="4" t="s">
        <v>3195</v>
      </c>
      <c r="G614" s="4" t="s">
        <v>3195</v>
      </c>
      <c r="H614" s="4" t="s">
        <v>3195</v>
      </c>
      <c r="I614" s="4" t="s">
        <v>3195</v>
      </c>
      <c r="J614" s="4" t="s">
        <v>3196</v>
      </c>
      <c r="K614" s="4" t="s">
        <v>3195</v>
      </c>
    </row>
    <row r="615" spans="1:11" ht="115.2" x14ac:dyDescent="0.3">
      <c r="A615" s="1">
        <v>4696</v>
      </c>
      <c r="B615" s="1" t="s">
        <v>3197</v>
      </c>
      <c r="G615" s="4" t="s">
        <v>3198</v>
      </c>
      <c r="H615" s="4" t="s">
        <v>3199</v>
      </c>
      <c r="J615" s="4" t="s">
        <v>3200</v>
      </c>
      <c r="K615" s="4" t="s">
        <v>3201</v>
      </c>
    </row>
    <row r="616" spans="1:11" ht="43.2" x14ac:dyDescent="0.3">
      <c r="A616" s="1">
        <v>4701</v>
      </c>
      <c r="D616" s="4" t="s">
        <v>3202</v>
      </c>
      <c r="F616" s="4" t="s">
        <v>3203</v>
      </c>
      <c r="H616" s="4" t="s">
        <v>3204</v>
      </c>
      <c r="J616" s="4" t="s">
        <v>3205</v>
      </c>
    </row>
    <row r="617" spans="1:11" ht="72" x14ac:dyDescent="0.3">
      <c r="A617" s="1">
        <v>4706</v>
      </c>
      <c r="C617" s="4" t="s">
        <v>3206</v>
      </c>
      <c r="D617" s="4" t="s">
        <v>3207</v>
      </c>
      <c r="E617" s="4" t="s">
        <v>3208</v>
      </c>
      <c r="F617" s="4" t="s">
        <v>3209</v>
      </c>
      <c r="G617" s="4" t="s">
        <v>3210</v>
      </c>
      <c r="H617" s="4" t="s">
        <v>3211</v>
      </c>
      <c r="I617" s="4" t="s">
        <v>3212</v>
      </c>
      <c r="K617" s="4" t="s">
        <v>3213</v>
      </c>
    </row>
    <row r="618" spans="1:11" x14ac:dyDescent="0.3">
      <c r="A618" s="1">
        <v>4711</v>
      </c>
    </row>
    <row r="619" spans="1:11" ht="57.6" x14ac:dyDescent="0.3">
      <c r="A619" s="1">
        <v>4726</v>
      </c>
      <c r="C619" s="4" t="s">
        <v>3214</v>
      </c>
      <c r="D619" s="4" t="s">
        <v>3215</v>
      </c>
      <c r="E619" s="4" t="s">
        <v>3216</v>
      </c>
      <c r="F619" s="4" t="s">
        <v>3217</v>
      </c>
      <c r="G619" s="4" t="s">
        <v>3218</v>
      </c>
      <c r="H619" s="4" t="s">
        <v>3219</v>
      </c>
      <c r="I619" s="4" t="s">
        <v>3220</v>
      </c>
      <c r="K619" s="4" t="s">
        <v>3221</v>
      </c>
    </row>
    <row r="620" spans="1:11" ht="72" x14ac:dyDescent="0.3">
      <c r="A620" s="1">
        <v>4731</v>
      </c>
      <c r="C620" s="4" t="s">
        <v>3222</v>
      </c>
      <c r="D620" s="4" t="s">
        <v>3223</v>
      </c>
      <c r="E620" s="4" t="s">
        <v>3224</v>
      </c>
      <c r="F620" s="4" t="s">
        <v>3225</v>
      </c>
      <c r="G620" s="4" t="s">
        <v>3226</v>
      </c>
      <c r="H620" s="4" t="s">
        <v>3227</v>
      </c>
      <c r="I620" s="4" t="s">
        <v>3228</v>
      </c>
      <c r="J620" s="4" t="s">
        <v>3229</v>
      </c>
      <c r="K620" s="4" t="s">
        <v>3230</v>
      </c>
    </row>
    <row r="621" spans="1:11" ht="28.8" x14ac:dyDescent="0.3">
      <c r="A621" s="1">
        <v>4736</v>
      </c>
      <c r="C621" s="4" t="s">
        <v>3231</v>
      </c>
      <c r="D621" s="4" t="s">
        <v>3232</v>
      </c>
    </row>
    <row r="622" spans="1:11" ht="86.4" x14ac:dyDescent="0.3">
      <c r="A622" s="1">
        <v>4756</v>
      </c>
      <c r="C622" s="4" t="s">
        <v>3233</v>
      </c>
      <c r="D622" s="4" t="s">
        <v>3234</v>
      </c>
      <c r="E622" s="4" t="s">
        <v>3235</v>
      </c>
      <c r="F622" s="4" t="s">
        <v>3236</v>
      </c>
      <c r="I622" s="4" t="s">
        <v>3237</v>
      </c>
      <c r="K622" s="4" t="s">
        <v>3238</v>
      </c>
    </row>
    <row r="623" spans="1:11" ht="86.4" x14ac:dyDescent="0.3">
      <c r="A623" s="1">
        <v>4766</v>
      </c>
      <c r="C623" s="4" t="s">
        <v>3239</v>
      </c>
      <c r="D623" s="4" t="s">
        <v>3240</v>
      </c>
      <c r="E623" s="4" t="s">
        <v>3241</v>
      </c>
      <c r="F623" s="4" t="s">
        <v>3242</v>
      </c>
      <c r="G623" s="4" t="s">
        <v>3243</v>
      </c>
      <c r="H623" s="4" t="s">
        <v>3244</v>
      </c>
      <c r="I623" s="4" t="s">
        <v>3245</v>
      </c>
      <c r="J623" s="4" t="s">
        <v>3246</v>
      </c>
      <c r="K623" s="4" t="s">
        <v>3247</v>
      </c>
    </row>
    <row r="624" spans="1:11" ht="100.8" x14ac:dyDescent="0.3">
      <c r="A624" s="1">
        <v>4776</v>
      </c>
      <c r="C624" s="4" t="s">
        <v>3248</v>
      </c>
      <c r="D624" s="4" t="s">
        <v>3249</v>
      </c>
      <c r="E624" s="4" t="s">
        <v>3250</v>
      </c>
      <c r="F624" s="4" t="s">
        <v>3251</v>
      </c>
      <c r="G624" s="4" t="s">
        <v>3252</v>
      </c>
      <c r="H624" s="4" t="s">
        <v>3253</v>
      </c>
      <c r="I624" s="4" t="s">
        <v>3254</v>
      </c>
      <c r="K624" s="4" t="s">
        <v>3255</v>
      </c>
    </row>
    <row r="625" spans="1:11" ht="86.4" x14ac:dyDescent="0.3">
      <c r="A625" s="1">
        <v>4786</v>
      </c>
      <c r="C625" s="4" t="s">
        <v>3256</v>
      </c>
      <c r="D625" s="4" t="s">
        <v>3257</v>
      </c>
      <c r="E625" s="4" t="s">
        <v>3258</v>
      </c>
      <c r="F625" s="4" t="s">
        <v>3259</v>
      </c>
      <c r="I625" s="4" t="s">
        <v>3260</v>
      </c>
      <c r="K625" s="4" t="s">
        <v>3261</v>
      </c>
    </row>
    <row r="626" spans="1:11" x14ac:dyDescent="0.3">
      <c r="A626" s="1">
        <v>4796</v>
      </c>
    </row>
    <row r="627" spans="1:11" ht="57.6" x14ac:dyDescent="0.3">
      <c r="A627" s="1">
        <v>4801</v>
      </c>
      <c r="C627" s="4" t="s">
        <v>3262</v>
      </c>
      <c r="D627" s="4" t="s">
        <v>3263</v>
      </c>
      <c r="E627" s="4" t="s">
        <v>3264</v>
      </c>
      <c r="F627" s="4" t="s">
        <v>3265</v>
      </c>
      <c r="G627" s="4" t="s">
        <v>3266</v>
      </c>
      <c r="H627" s="4" t="s">
        <v>3267</v>
      </c>
      <c r="I627" s="4" t="s">
        <v>3268</v>
      </c>
      <c r="J627" s="4" t="s">
        <v>3269</v>
      </c>
      <c r="K627" s="4" t="s">
        <v>3270</v>
      </c>
    </row>
    <row r="628" spans="1:11" ht="28.8" x14ac:dyDescent="0.3">
      <c r="A628" s="1">
        <v>4811</v>
      </c>
      <c r="C628" s="4" t="s">
        <v>3271</v>
      </c>
      <c r="D628" s="4" t="s">
        <v>3272</v>
      </c>
      <c r="E628" s="4" t="s">
        <v>3273</v>
      </c>
    </row>
    <row r="629" spans="1:11" ht="86.4" x14ac:dyDescent="0.3">
      <c r="A629" s="1">
        <v>4816</v>
      </c>
      <c r="C629" s="4" t="s">
        <v>3274</v>
      </c>
      <c r="D629" s="4" t="s">
        <v>3275</v>
      </c>
      <c r="E629" s="4" t="s">
        <v>3276</v>
      </c>
      <c r="F629" s="4" t="s">
        <v>3277</v>
      </c>
      <c r="G629" s="4" t="s">
        <v>3278</v>
      </c>
      <c r="H629" s="4" t="s">
        <v>3279</v>
      </c>
      <c r="I629" s="4" t="s">
        <v>3280</v>
      </c>
      <c r="J629" s="4" t="s">
        <v>3281</v>
      </c>
      <c r="K629" s="4" t="s">
        <v>3282</v>
      </c>
    </row>
    <row r="630" spans="1:11" ht="86.4" x14ac:dyDescent="0.3">
      <c r="A630" s="1">
        <v>4821</v>
      </c>
      <c r="C630" s="4" t="s">
        <v>3283</v>
      </c>
      <c r="D630" s="4" t="s">
        <v>3284</v>
      </c>
      <c r="E630" s="4" t="s">
        <v>3285</v>
      </c>
      <c r="F630" s="4" t="s">
        <v>3286</v>
      </c>
      <c r="G630" s="4" t="s">
        <v>3287</v>
      </c>
      <c r="H630" s="4" t="s">
        <v>3288</v>
      </c>
      <c r="I630" s="4" t="s">
        <v>3289</v>
      </c>
      <c r="K630" s="4" t="s">
        <v>3290</v>
      </c>
    </row>
    <row r="631" spans="1:11" x14ac:dyDescent="0.3">
      <c r="A631" s="1">
        <v>4826</v>
      </c>
    </row>
    <row r="632" spans="1:11" ht="86.4" x14ac:dyDescent="0.3">
      <c r="A632" s="1">
        <v>4831</v>
      </c>
      <c r="C632" s="4" t="s">
        <v>3291</v>
      </c>
      <c r="D632" s="4" t="s">
        <v>3292</v>
      </c>
      <c r="E632" s="4" t="s">
        <v>3293</v>
      </c>
      <c r="F632" s="4" t="s">
        <v>3294</v>
      </c>
      <c r="G632" s="4" t="s">
        <v>3295</v>
      </c>
      <c r="H632" s="4" t="s">
        <v>3296</v>
      </c>
      <c r="I632" s="4" t="s">
        <v>3297</v>
      </c>
      <c r="J632" s="4" t="s">
        <v>3298</v>
      </c>
      <c r="K632" s="4" t="s">
        <v>3299</v>
      </c>
    </row>
    <row r="633" spans="1:11" ht="57.6" x14ac:dyDescent="0.3">
      <c r="A633" s="1">
        <v>4836</v>
      </c>
      <c r="C633" s="4" t="s">
        <v>3300</v>
      </c>
      <c r="E633" s="4" t="s">
        <v>3301</v>
      </c>
      <c r="F633" s="4" t="s">
        <v>3302</v>
      </c>
      <c r="G633" s="4" t="s">
        <v>3303</v>
      </c>
      <c r="H633" s="4" t="s">
        <v>3304</v>
      </c>
      <c r="K633" s="4" t="s">
        <v>3305</v>
      </c>
    </row>
    <row r="634" spans="1:11" ht="86.4" x14ac:dyDescent="0.3">
      <c r="A634" s="1">
        <v>4861</v>
      </c>
      <c r="C634" s="4" t="s">
        <v>3306</v>
      </c>
      <c r="D634" s="4" t="s">
        <v>3307</v>
      </c>
      <c r="E634" s="4" t="s">
        <v>3308</v>
      </c>
      <c r="F634" s="4" t="s">
        <v>3309</v>
      </c>
      <c r="G634" s="4" t="s">
        <v>3310</v>
      </c>
      <c r="H634" s="4" t="s">
        <v>3311</v>
      </c>
      <c r="I634" s="4" t="s">
        <v>3312</v>
      </c>
      <c r="K634" s="4" t="s">
        <v>3313</v>
      </c>
    </row>
    <row r="635" spans="1:11" ht="43.2" x14ac:dyDescent="0.3">
      <c r="A635" s="1">
        <v>4866</v>
      </c>
      <c r="G635" s="4" t="s">
        <v>3314</v>
      </c>
    </row>
    <row r="636" spans="1:11" ht="86.4" x14ac:dyDescent="0.3">
      <c r="A636" s="1">
        <v>4871</v>
      </c>
      <c r="D636" s="4" t="s">
        <v>3315</v>
      </c>
      <c r="E636" s="4" t="s">
        <v>3316</v>
      </c>
      <c r="F636" s="4" t="s">
        <v>3317</v>
      </c>
      <c r="G636" s="4" t="s">
        <v>3318</v>
      </c>
      <c r="H636" s="4" t="s">
        <v>3319</v>
      </c>
      <c r="I636" s="4" t="s">
        <v>3320</v>
      </c>
      <c r="J636" s="4" t="s">
        <v>3321</v>
      </c>
      <c r="K636" s="4" t="s">
        <v>3322</v>
      </c>
    </row>
    <row r="637" spans="1:11" ht="86.4" x14ac:dyDescent="0.3">
      <c r="A637" s="1">
        <v>4881</v>
      </c>
      <c r="B637" s="1" t="s">
        <v>3323</v>
      </c>
      <c r="C637" s="4" t="s">
        <v>3324</v>
      </c>
      <c r="D637" s="4" t="s">
        <v>3325</v>
      </c>
      <c r="E637" s="4" t="s">
        <v>3326</v>
      </c>
      <c r="F637" s="4" t="s">
        <v>3327</v>
      </c>
      <c r="G637" s="4" t="s">
        <v>3328</v>
      </c>
      <c r="H637" s="4" t="s">
        <v>3329</v>
      </c>
      <c r="I637" s="4" t="s">
        <v>3330</v>
      </c>
      <c r="K637" s="4" t="s">
        <v>3331</v>
      </c>
    </row>
    <row r="638" spans="1:11" ht="28.8" x14ac:dyDescent="0.3">
      <c r="A638" s="1">
        <v>4886</v>
      </c>
      <c r="C638" s="4" t="s">
        <v>3332</v>
      </c>
      <c r="D638" s="4" t="s">
        <v>3333</v>
      </c>
      <c r="E638" s="4" t="s">
        <v>3334</v>
      </c>
      <c r="J638" s="4" t="s">
        <v>3335</v>
      </c>
      <c r="K638" s="4" t="s">
        <v>3336</v>
      </c>
    </row>
    <row r="639" spans="1:11" ht="86.4" x14ac:dyDescent="0.3">
      <c r="A639" s="1">
        <v>4906</v>
      </c>
      <c r="C639" s="4" t="s">
        <v>3337</v>
      </c>
      <c r="D639" s="4" t="s">
        <v>3338</v>
      </c>
      <c r="E639" s="4" t="s">
        <v>3339</v>
      </c>
      <c r="F639" s="4" t="s">
        <v>3340</v>
      </c>
      <c r="G639" s="4" t="s">
        <v>3341</v>
      </c>
      <c r="H639" s="4" t="s">
        <v>3342</v>
      </c>
      <c r="I639" s="4" t="s">
        <v>3343</v>
      </c>
      <c r="K639" s="4" t="s">
        <v>3344</v>
      </c>
    </row>
    <row r="640" spans="1:11" ht="43.2" x14ac:dyDescent="0.3">
      <c r="A640" s="1">
        <v>4926</v>
      </c>
      <c r="D640" s="4" t="s">
        <v>3345</v>
      </c>
      <c r="F640" s="4" t="s">
        <v>3346</v>
      </c>
      <c r="H640" s="4" t="s">
        <v>3347</v>
      </c>
      <c r="K640" s="4" t="s">
        <v>3348</v>
      </c>
    </row>
    <row r="641" spans="1:11" ht="28.8" x14ac:dyDescent="0.3">
      <c r="A641" s="1">
        <v>4931</v>
      </c>
      <c r="D641" s="4" t="s">
        <v>3349</v>
      </c>
    </row>
    <row r="642" spans="1:11" ht="86.4" x14ac:dyDescent="0.3">
      <c r="A642" s="1">
        <v>4936</v>
      </c>
      <c r="C642" s="4" t="s">
        <v>3350</v>
      </c>
      <c r="D642" s="4" t="s">
        <v>3351</v>
      </c>
      <c r="E642" s="4" t="s">
        <v>3352</v>
      </c>
      <c r="F642" s="4" t="s">
        <v>3353</v>
      </c>
      <c r="G642" s="4" t="s">
        <v>3354</v>
      </c>
      <c r="H642" s="4" t="s">
        <v>3355</v>
      </c>
      <c r="I642" s="4" t="s">
        <v>3356</v>
      </c>
      <c r="K642" s="4" t="s">
        <v>3357</v>
      </c>
    </row>
    <row r="643" spans="1:11" ht="57.6" x14ac:dyDescent="0.3">
      <c r="A643" s="1">
        <v>4951</v>
      </c>
      <c r="E643" s="4" t="s">
        <v>3358</v>
      </c>
      <c r="F643" s="4" t="s">
        <v>3359</v>
      </c>
      <c r="G643" s="4" t="s">
        <v>3360</v>
      </c>
      <c r="H643" s="4" t="s">
        <v>3361</v>
      </c>
      <c r="I643" s="4" t="s">
        <v>3362</v>
      </c>
      <c r="K643" s="4" t="s">
        <v>3363</v>
      </c>
    </row>
    <row r="644" spans="1:11" x14ac:dyDescent="0.3">
      <c r="A644" s="1">
        <v>4966</v>
      </c>
    </row>
    <row r="645" spans="1:11" x14ac:dyDescent="0.3">
      <c r="A645" s="1">
        <v>4971</v>
      </c>
    </row>
    <row r="646" spans="1:11" ht="43.2" x14ac:dyDescent="0.3">
      <c r="A646" s="1">
        <v>4981</v>
      </c>
      <c r="D646" s="4" t="s">
        <v>3364</v>
      </c>
      <c r="E646" s="4" t="s">
        <v>3365</v>
      </c>
      <c r="G646" s="4" t="s">
        <v>3366</v>
      </c>
      <c r="H646" s="4" t="s">
        <v>3367</v>
      </c>
      <c r="K646" s="4" t="s">
        <v>3368</v>
      </c>
    </row>
    <row r="647" spans="1:11" ht="43.2" x14ac:dyDescent="0.3">
      <c r="A647" s="1">
        <v>4986</v>
      </c>
      <c r="C647" s="4" t="s">
        <v>3369</v>
      </c>
      <c r="D647" s="4" t="s">
        <v>3370</v>
      </c>
      <c r="E647" s="4" t="s">
        <v>3371</v>
      </c>
      <c r="G647" s="4" t="s">
        <v>3372</v>
      </c>
    </row>
    <row r="648" spans="1:11" x14ac:dyDescent="0.3">
      <c r="A648" s="1">
        <v>4991</v>
      </c>
    </row>
    <row r="649" spans="1:11" ht="28.8" x14ac:dyDescent="0.3">
      <c r="A649" s="1">
        <v>4996</v>
      </c>
      <c r="C649" s="4" t="s">
        <v>3373</v>
      </c>
      <c r="D649" s="4" t="s">
        <v>3374</v>
      </c>
      <c r="K649" s="4" t="s">
        <v>3375</v>
      </c>
    </row>
    <row r="650" spans="1:11" ht="86.4" x14ac:dyDescent="0.3">
      <c r="A650" s="1">
        <v>5001</v>
      </c>
      <c r="C650" s="4" t="s">
        <v>3376</v>
      </c>
      <c r="D650" s="4" t="s">
        <v>3377</v>
      </c>
      <c r="E650" s="4" t="s">
        <v>3378</v>
      </c>
      <c r="F650" s="4" t="s">
        <v>3379</v>
      </c>
      <c r="G650" s="4" t="s">
        <v>3380</v>
      </c>
      <c r="H650" s="4" t="s">
        <v>3381</v>
      </c>
      <c r="I650" s="4" t="s">
        <v>3382</v>
      </c>
      <c r="J650" s="4" t="s">
        <v>3383</v>
      </c>
      <c r="K650" s="4" t="s">
        <v>3384</v>
      </c>
    </row>
    <row r="651" spans="1:11" ht="72" x14ac:dyDescent="0.3">
      <c r="A651" s="1">
        <v>5011</v>
      </c>
      <c r="C651" s="4" t="s">
        <v>3385</v>
      </c>
      <c r="E651" s="4" t="s">
        <v>3386</v>
      </c>
      <c r="K651" s="4" t="s">
        <v>3387</v>
      </c>
    </row>
    <row r="652" spans="1:11" ht="72" x14ac:dyDescent="0.3">
      <c r="A652" s="1">
        <v>5021</v>
      </c>
      <c r="C652" s="4" t="s">
        <v>3388</v>
      </c>
      <c r="D652" s="4" t="s">
        <v>3389</v>
      </c>
      <c r="J652" s="4" t="s">
        <v>3390</v>
      </c>
    </row>
    <row r="653" spans="1:11" ht="72" x14ac:dyDescent="0.3">
      <c r="A653" s="1">
        <v>5026</v>
      </c>
      <c r="C653" s="4" t="s">
        <v>3391</v>
      </c>
      <c r="D653" s="4" t="s">
        <v>3392</v>
      </c>
      <c r="E653" s="4" t="s">
        <v>3393</v>
      </c>
      <c r="F653" s="4" t="s">
        <v>3394</v>
      </c>
      <c r="G653" s="4" t="s">
        <v>3395</v>
      </c>
      <c r="H653" s="4" t="s">
        <v>3396</v>
      </c>
      <c r="I653" s="4" t="s">
        <v>3397</v>
      </c>
      <c r="K653" s="4" t="s">
        <v>3398</v>
      </c>
    </row>
    <row r="654" spans="1:11" ht="86.4" x14ac:dyDescent="0.3">
      <c r="A654" s="1">
        <v>5036</v>
      </c>
      <c r="C654" s="4" t="s">
        <v>3399</v>
      </c>
      <c r="D654" s="4" t="s">
        <v>3400</v>
      </c>
      <c r="E654" s="4" t="s">
        <v>3401</v>
      </c>
      <c r="F654" s="4" t="s">
        <v>3402</v>
      </c>
      <c r="G654" s="4" t="s">
        <v>3403</v>
      </c>
      <c r="H654" s="4" t="s">
        <v>3404</v>
      </c>
      <c r="I654" s="4" t="s">
        <v>3405</v>
      </c>
      <c r="J654" s="4" t="s">
        <v>3406</v>
      </c>
      <c r="K654" s="4" t="s">
        <v>3407</v>
      </c>
    </row>
    <row r="655" spans="1:11" ht="86.4" x14ac:dyDescent="0.3">
      <c r="A655" s="1">
        <v>5041</v>
      </c>
      <c r="C655" s="4" t="s">
        <v>3408</v>
      </c>
      <c r="D655" s="4" t="s">
        <v>3409</v>
      </c>
      <c r="E655" s="4" t="s">
        <v>3410</v>
      </c>
      <c r="F655" s="4" t="s">
        <v>3411</v>
      </c>
      <c r="G655" s="4" t="s">
        <v>3412</v>
      </c>
      <c r="H655" s="4" t="s">
        <v>3413</v>
      </c>
      <c r="K655" s="4" t="s">
        <v>3414</v>
      </c>
    </row>
    <row r="656" spans="1:11" ht="72" x14ac:dyDescent="0.3">
      <c r="A656" s="1">
        <v>5051</v>
      </c>
      <c r="C656" s="4" t="s">
        <v>3415</v>
      </c>
      <c r="D656" s="4" t="s">
        <v>3416</v>
      </c>
      <c r="E656" s="4" t="s">
        <v>3417</v>
      </c>
      <c r="G656" s="4" t="s">
        <v>3418</v>
      </c>
      <c r="H656" s="4" t="s">
        <v>3419</v>
      </c>
      <c r="K656" s="4" t="s">
        <v>3420</v>
      </c>
    </row>
    <row r="657" spans="1:11" ht="86.4" x14ac:dyDescent="0.3">
      <c r="A657" s="1">
        <v>5056</v>
      </c>
      <c r="C657" s="4" t="s">
        <v>3421</v>
      </c>
      <c r="D657" s="4" t="s">
        <v>3422</v>
      </c>
      <c r="E657" s="4" t="s">
        <v>3423</v>
      </c>
      <c r="F657" s="4" t="s">
        <v>3424</v>
      </c>
      <c r="G657" s="4" t="s">
        <v>3425</v>
      </c>
      <c r="H657" s="4" t="s">
        <v>3426</v>
      </c>
      <c r="K657" s="4" t="s">
        <v>3427</v>
      </c>
    </row>
    <row r="658" spans="1:11" ht="72" x14ac:dyDescent="0.3">
      <c r="A658" s="1">
        <v>5066</v>
      </c>
      <c r="G658" s="4" t="s">
        <v>3428</v>
      </c>
      <c r="H658" s="4" t="s">
        <v>3429</v>
      </c>
      <c r="I658" s="4" t="s">
        <v>3430</v>
      </c>
    </row>
    <row r="659" spans="1:11" ht="57.6" x14ac:dyDescent="0.3">
      <c r="A659" s="1">
        <v>5076</v>
      </c>
      <c r="C659" s="4" t="s">
        <v>3431</v>
      </c>
      <c r="D659" s="4" t="s">
        <v>3432</v>
      </c>
      <c r="E659" s="4" t="s">
        <v>3433</v>
      </c>
      <c r="F659" s="4" t="s">
        <v>3434</v>
      </c>
      <c r="G659" s="4" t="s">
        <v>3435</v>
      </c>
      <c r="I659" s="4" t="s">
        <v>3436</v>
      </c>
      <c r="J659" s="4" t="s">
        <v>3437</v>
      </c>
      <c r="K659" s="4" t="s">
        <v>3438</v>
      </c>
    </row>
    <row r="660" spans="1:11" ht="86.4" x14ac:dyDescent="0.3">
      <c r="A660" s="1">
        <v>5086</v>
      </c>
      <c r="C660" s="4" t="s">
        <v>3439</v>
      </c>
      <c r="D660" s="4" t="s">
        <v>3440</v>
      </c>
      <c r="E660" s="4" t="s">
        <v>3441</v>
      </c>
      <c r="F660" s="4" t="s">
        <v>3442</v>
      </c>
      <c r="G660" s="4" t="s">
        <v>3443</v>
      </c>
      <c r="H660" s="4" t="s">
        <v>3444</v>
      </c>
      <c r="I660" s="4" t="s">
        <v>3445</v>
      </c>
      <c r="K660" s="4" t="s">
        <v>3446</v>
      </c>
    </row>
    <row r="661" spans="1:11" ht="72" x14ac:dyDescent="0.3">
      <c r="A661" s="1">
        <v>5091</v>
      </c>
      <c r="C661" s="4" t="s">
        <v>3447</v>
      </c>
      <c r="D661" s="4" t="s">
        <v>3448</v>
      </c>
      <c r="E661" s="4" t="s">
        <v>3449</v>
      </c>
      <c r="F661" s="4" t="s">
        <v>3450</v>
      </c>
      <c r="G661" s="4" t="s">
        <v>3451</v>
      </c>
      <c r="H661" s="4" t="s">
        <v>3452</v>
      </c>
      <c r="I661" s="4" t="s">
        <v>3453</v>
      </c>
      <c r="K661" s="4" t="s">
        <v>3454</v>
      </c>
    </row>
    <row r="662" spans="1:11" ht="86.4" x14ac:dyDescent="0.3">
      <c r="A662" s="1">
        <v>5096</v>
      </c>
      <c r="C662" s="4" t="s">
        <v>3455</v>
      </c>
      <c r="D662" s="4" t="s">
        <v>3456</v>
      </c>
      <c r="E662" s="4" t="s">
        <v>3457</v>
      </c>
      <c r="F662" s="4" t="s">
        <v>3458</v>
      </c>
      <c r="H662" s="4" t="s">
        <v>3459</v>
      </c>
      <c r="I662" s="4" t="s">
        <v>3460</v>
      </c>
      <c r="K662" s="4" t="s">
        <v>3461</v>
      </c>
    </row>
    <row r="663" spans="1:11" ht="72" x14ac:dyDescent="0.3">
      <c r="A663" s="1">
        <v>5101</v>
      </c>
      <c r="C663" s="4" t="s">
        <v>3462</v>
      </c>
      <c r="D663" s="4" t="s">
        <v>3462</v>
      </c>
      <c r="E663" s="4" t="s">
        <v>3463</v>
      </c>
      <c r="K663" s="4" t="s">
        <v>3464</v>
      </c>
    </row>
    <row r="664" spans="1:11" ht="86.4" x14ac:dyDescent="0.3">
      <c r="A664" s="1">
        <v>5106</v>
      </c>
      <c r="C664" s="4" t="s">
        <v>3465</v>
      </c>
      <c r="D664" s="4" t="s">
        <v>3466</v>
      </c>
      <c r="E664" s="4" t="s">
        <v>3467</v>
      </c>
      <c r="F664" s="4" t="s">
        <v>3468</v>
      </c>
      <c r="G664" s="4" t="s">
        <v>3469</v>
      </c>
      <c r="H664" s="4" t="s">
        <v>3470</v>
      </c>
      <c r="I664" s="4" t="s">
        <v>3471</v>
      </c>
      <c r="J664" s="4" t="s">
        <v>3472</v>
      </c>
      <c r="K664" s="4" t="s">
        <v>3473</v>
      </c>
    </row>
    <row r="665" spans="1:11" ht="72" x14ac:dyDescent="0.3">
      <c r="A665" s="1">
        <v>5116</v>
      </c>
      <c r="C665" s="4" t="s">
        <v>3474</v>
      </c>
      <c r="E665" s="4" t="s">
        <v>3475</v>
      </c>
      <c r="F665" s="4" t="s">
        <v>1192</v>
      </c>
    </row>
    <row r="666" spans="1:11" ht="72" x14ac:dyDescent="0.3">
      <c r="A666" s="1">
        <v>5121</v>
      </c>
      <c r="C666" s="4" t="s">
        <v>3476</v>
      </c>
      <c r="D666" s="4" t="s">
        <v>3477</v>
      </c>
      <c r="E666" s="4" t="s">
        <v>3478</v>
      </c>
      <c r="F666" s="4" t="s">
        <v>3478</v>
      </c>
      <c r="G666" s="4" t="s">
        <v>3479</v>
      </c>
      <c r="H666" s="4" t="s">
        <v>3480</v>
      </c>
      <c r="I666" s="4" t="s">
        <v>3481</v>
      </c>
      <c r="K666" s="4" t="s">
        <v>3482</v>
      </c>
    </row>
    <row r="667" spans="1:11" ht="72" x14ac:dyDescent="0.3">
      <c r="A667" s="1">
        <v>5126</v>
      </c>
      <c r="C667" s="4" t="s">
        <v>3483</v>
      </c>
      <c r="D667" s="4" t="s">
        <v>3484</v>
      </c>
      <c r="G667" s="4" t="s">
        <v>3485</v>
      </c>
      <c r="H667" s="4" t="s">
        <v>3486</v>
      </c>
      <c r="I667" s="4" t="s">
        <v>3487</v>
      </c>
    </row>
    <row r="668" spans="1:11" ht="43.2" x14ac:dyDescent="0.3">
      <c r="A668" s="1">
        <v>5131</v>
      </c>
      <c r="C668" s="4" t="s">
        <v>3488</v>
      </c>
      <c r="G668" s="4" t="s">
        <v>3489</v>
      </c>
      <c r="K668" s="4" t="s">
        <v>3490</v>
      </c>
    </row>
    <row r="669" spans="1:11" ht="72" x14ac:dyDescent="0.3">
      <c r="A669" s="1">
        <v>5136</v>
      </c>
      <c r="C669" s="4" t="s">
        <v>3491</v>
      </c>
      <c r="D669" s="4" t="s">
        <v>3492</v>
      </c>
      <c r="E669" s="4" t="s">
        <v>3493</v>
      </c>
      <c r="F669" s="4" t="s">
        <v>3494</v>
      </c>
      <c r="G669" s="4" t="s">
        <v>3495</v>
      </c>
      <c r="H669" s="4" t="s">
        <v>2654</v>
      </c>
      <c r="I669" s="4" t="s">
        <v>3496</v>
      </c>
      <c r="J669" s="4" t="s">
        <v>3497</v>
      </c>
    </row>
    <row r="670" spans="1:11" ht="72" x14ac:dyDescent="0.3">
      <c r="A670" s="1">
        <v>5141</v>
      </c>
      <c r="C670" s="4" t="s">
        <v>3498</v>
      </c>
      <c r="D670" s="4" t="s">
        <v>3499</v>
      </c>
      <c r="E670" s="4" t="s">
        <v>3500</v>
      </c>
      <c r="F670" s="4" t="s">
        <v>3501</v>
      </c>
      <c r="G670" s="4" t="s">
        <v>3502</v>
      </c>
      <c r="H670" s="4" t="s">
        <v>3503</v>
      </c>
      <c r="I670" s="4" t="s">
        <v>3504</v>
      </c>
      <c r="K670" s="4" t="s">
        <v>3505</v>
      </c>
    </row>
    <row r="671" spans="1:11" ht="86.4" x14ac:dyDescent="0.3">
      <c r="A671" s="1">
        <v>5146</v>
      </c>
      <c r="D671" s="4" t="s">
        <v>3506</v>
      </c>
      <c r="G671" s="4" t="s">
        <v>3507</v>
      </c>
      <c r="H671" s="4" t="s">
        <v>1113</v>
      </c>
      <c r="K671" s="4" t="s">
        <v>23188</v>
      </c>
    </row>
    <row r="672" spans="1:11" ht="43.2" x14ac:dyDescent="0.3">
      <c r="A672" s="1">
        <v>5151</v>
      </c>
      <c r="C672" s="4" t="s">
        <v>3508</v>
      </c>
      <c r="D672" s="4" t="s">
        <v>3509</v>
      </c>
      <c r="E672" s="4" t="s">
        <v>3510</v>
      </c>
      <c r="F672" s="4" t="s">
        <v>3511</v>
      </c>
      <c r="G672" s="4" t="s">
        <v>3512</v>
      </c>
      <c r="H672" s="4" t="s">
        <v>3513</v>
      </c>
      <c r="I672" s="4" t="s">
        <v>3514</v>
      </c>
    </row>
    <row r="673" spans="1:11" ht="43.2" x14ac:dyDescent="0.3">
      <c r="A673" s="1">
        <v>5161</v>
      </c>
      <c r="D673" s="4" t="s">
        <v>3515</v>
      </c>
      <c r="E673" s="4" t="s">
        <v>3516</v>
      </c>
      <c r="G673" s="4" t="s">
        <v>3517</v>
      </c>
      <c r="I673" s="4" t="s">
        <v>3518</v>
      </c>
      <c r="K673" s="4" t="s">
        <v>3519</v>
      </c>
    </row>
    <row r="674" spans="1:11" ht="43.2" x14ac:dyDescent="0.3">
      <c r="A674" s="1">
        <v>5166</v>
      </c>
      <c r="D674" s="4" t="s">
        <v>3520</v>
      </c>
      <c r="J674" s="4" t="s">
        <v>3521</v>
      </c>
    </row>
    <row r="675" spans="1:11" ht="86.4" x14ac:dyDescent="0.3">
      <c r="A675" s="1">
        <v>5176</v>
      </c>
      <c r="C675" s="4" t="s">
        <v>3522</v>
      </c>
      <c r="D675" s="4" t="s">
        <v>3523</v>
      </c>
      <c r="E675" s="4" t="s">
        <v>3524</v>
      </c>
      <c r="F675" s="4" t="s">
        <v>3525</v>
      </c>
      <c r="G675" s="4" t="s">
        <v>3526</v>
      </c>
      <c r="H675" s="4" t="s">
        <v>3527</v>
      </c>
      <c r="I675" s="4" t="s">
        <v>3528</v>
      </c>
      <c r="J675" s="4" t="s">
        <v>3529</v>
      </c>
      <c r="K675" s="4" t="s">
        <v>3530</v>
      </c>
    </row>
    <row r="676" spans="1:11" ht="115.2" x14ac:dyDescent="0.3">
      <c r="A676" s="1">
        <v>5186</v>
      </c>
      <c r="B676" s="1" t="s">
        <v>3531</v>
      </c>
      <c r="C676" s="4" t="s">
        <v>3532</v>
      </c>
      <c r="D676" s="4" t="s">
        <v>3533</v>
      </c>
      <c r="E676" s="4" t="s">
        <v>3534</v>
      </c>
      <c r="F676" s="4" t="s">
        <v>3535</v>
      </c>
      <c r="G676" s="4" t="s">
        <v>3536</v>
      </c>
      <c r="H676" s="4" t="s">
        <v>3537</v>
      </c>
      <c r="I676" s="4" t="s">
        <v>3538</v>
      </c>
      <c r="K676" s="4" t="s">
        <v>3539</v>
      </c>
    </row>
    <row r="677" spans="1:11" ht="43.2" x14ac:dyDescent="0.3">
      <c r="A677" s="1">
        <v>5191</v>
      </c>
      <c r="C677" s="4" t="s">
        <v>3540</v>
      </c>
      <c r="D677" s="4" t="s">
        <v>3541</v>
      </c>
      <c r="E677" s="4" t="s">
        <v>3542</v>
      </c>
      <c r="F677" s="4" t="s">
        <v>3543</v>
      </c>
      <c r="G677" s="4" t="s">
        <v>3544</v>
      </c>
      <c r="H677" s="4" t="s">
        <v>3545</v>
      </c>
      <c r="I677" s="4" t="s">
        <v>3546</v>
      </c>
      <c r="K677" s="4" t="s">
        <v>3547</v>
      </c>
    </row>
    <row r="678" spans="1:11" ht="86.4" x14ac:dyDescent="0.3">
      <c r="A678" s="1">
        <v>5201</v>
      </c>
      <c r="C678" s="4" t="s">
        <v>3548</v>
      </c>
      <c r="D678" s="4" t="s">
        <v>3549</v>
      </c>
      <c r="E678" s="4" t="s">
        <v>3550</v>
      </c>
      <c r="F678" s="4" t="s">
        <v>3551</v>
      </c>
      <c r="G678" s="4" t="s">
        <v>3552</v>
      </c>
      <c r="H678" s="4" t="s">
        <v>3553</v>
      </c>
      <c r="I678" s="4" t="s">
        <v>3554</v>
      </c>
      <c r="J678" s="4" t="s">
        <v>3555</v>
      </c>
      <c r="K678" s="4" t="s">
        <v>1285</v>
      </c>
    </row>
    <row r="679" spans="1:11" ht="86.4" x14ac:dyDescent="0.3">
      <c r="A679" s="1">
        <v>5206</v>
      </c>
      <c r="C679" s="4" t="s">
        <v>3556</v>
      </c>
      <c r="D679" s="4" t="s">
        <v>3557</v>
      </c>
      <c r="G679" s="4" t="s">
        <v>3558</v>
      </c>
      <c r="H679" s="4" t="s">
        <v>3559</v>
      </c>
      <c r="I679" s="4" t="s">
        <v>3560</v>
      </c>
      <c r="K679" s="4" t="s">
        <v>3561</v>
      </c>
    </row>
    <row r="680" spans="1:11" ht="72" x14ac:dyDescent="0.3">
      <c r="A680" s="1">
        <v>5211</v>
      </c>
      <c r="C680" s="4" t="s">
        <v>3562</v>
      </c>
      <c r="D680" s="4" t="s">
        <v>3563</v>
      </c>
      <c r="E680" s="4" t="s">
        <v>3564</v>
      </c>
      <c r="F680" s="4" t="s">
        <v>3565</v>
      </c>
      <c r="G680" s="4" t="s">
        <v>3566</v>
      </c>
      <c r="H680" s="4" t="s">
        <v>3567</v>
      </c>
      <c r="I680" s="4" t="s">
        <v>3568</v>
      </c>
      <c r="K680" s="4" t="s">
        <v>3569</v>
      </c>
    </row>
    <row r="681" spans="1:11" ht="72" x14ac:dyDescent="0.3">
      <c r="A681" s="1">
        <v>5216</v>
      </c>
      <c r="C681" s="4" t="s">
        <v>3570</v>
      </c>
      <c r="D681" s="4" t="s">
        <v>3571</v>
      </c>
      <c r="K681" s="4" t="s">
        <v>3572</v>
      </c>
    </row>
    <row r="682" spans="1:11" x14ac:dyDescent="0.3">
      <c r="A682" s="1">
        <v>5226</v>
      </c>
    </row>
    <row r="683" spans="1:11" ht="86.4" x14ac:dyDescent="0.3">
      <c r="A683" s="1">
        <v>5236</v>
      </c>
      <c r="C683" s="4" t="s">
        <v>3573</v>
      </c>
      <c r="D683" s="4" t="s">
        <v>3574</v>
      </c>
      <c r="E683" s="4" t="s">
        <v>3575</v>
      </c>
      <c r="G683" s="4" t="s">
        <v>3576</v>
      </c>
      <c r="H683" s="4" t="s">
        <v>3577</v>
      </c>
      <c r="I683" s="4" t="s">
        <v>3578</v>
      </c>
      <c r="K683" s="4" t="s">
        <v>3579</v>
      </c>
    </row>
    <row r="684" spans="1:11" ht="28.8" x14ac:dyDescent="0.3">
      <c r="A684" s="1">
        <v>5241</v>
      </c>
      <c r="C684" s="4" t="s">
        <v>3580</v>
      </c>
    </row>
    <row r="685" spans="1:11" ht="72" x14ac:dyDescent="0.3">
      <c r="A685" s="1">
        <v>5246</v>
      </c>
      <c r="C685" s="4" t="s">
        <v>3581</v>
      </c>
      <c r="D685" s="4" t="s">
        <v>3582</v>
      </c>
      <c r="E685" s="4" t="s">
        <v>3583</v>
      </c>
      <c r="F685" s="4" t="s">
        <v>3584</v>
      </c>
      <c r="G685" s="4" t="s">
        <v>3585</v>
      </c>
      <c r="H685" s="4" t="s">
        <v>3586</v>
      </c>
      <c r="I685" s="4" t="s">
        <v>3587</v>
      </c>
    </row>
    <row r="686" spans="1:11" ht="86.4" x14ac:dyDescent="0.3">
      <c r="A686" s="1">
        <v>5251</v>
      </c>
      <c r="C686" s="4" t="s">
        <v>3588</v>
      </c>
      <c r="D686" s="4" t="s">
        <v>3589</v>
      </c>
      <c r="E686" s="4" t="s">
        <v>3590</v>
      </c>
      <c r="F686" s="4" t="s">
        <v>3591</v>
      </c>
      <c r="G686" s="4" t="s">
        <v>3592</v>
      </c>
      <c r="H686" s="4" t="s">
        <v>3593</v>
      </c>
      <c r="K686" s="4" t="s">
        <v>3594</v>
      </c>
    </row>
    <row r="687" spans="1:11" ht="72" x14ac:dyDescent="0.3">
      <c r="A687" s="1">
        <v>5266</v>
      </c>
      <c r="C687" s="4" t="s">
        <v>3595</v>
      </c>
      <c r="D687" s="4" t="s">
        <v>3596</v>
      </c>
      <c r="E687" s="4" t="s">
        <v>3597</v>
      </c>
      <c r="F687" s="4" t="s">
        <v>3598</v>
      </c>
      <c r="G687" s="4" t="s">
        <v>3599</v>
      </c>
      <c r="H687" s="4" t="s">
        <v>3600</v>
      </c>
      <c r="I687" s="4" t="s">
        <v>3601</v>
      </c>
      <c r="K687" s="4" t="s">
        <v>3602</v>
      </c>
    </row>
    <row r="688" spans="1:11" ht="72" x14ac:dyDescent="0.3">
      <c r="A688" s="1">
        <v>5271</v>
      </c>
      <c r="C688" s="4" t="s">
        <v>3603</v>
      </c>
      <c r="D688" s="4" t="s">
        <v>3604</v>
      </c>
      <c r="K688" s="4" t="s">
        <v>3605</v>
      </c>
    </row>
    <row r="689" spans="1:11" ht="43.2" x14ac:dyDescent="0.3">
      <c r="A689" s="1">
        <v>5281</v>
      </c>
      <c r="K689" s="4" t="s">
        <v>3606</v>
      </c>
    </row>
    <row r="690" spans="1:11" ht="86.4" x14ac:dyDescent="0.3">
      <c r="A690" s="1">
        <v>5286</v>
      </c>
      <c r="C690" s="4" t="s">
        <v>3607</v>
      </c>
      <c r="D690" s="4" t="s">
        <v>3608</v>
      </c>
      <c r="E690" s="4" t="s">
        <v>3609</v>
      </c>
      <c r="F690" s="4" t="s">
        <v>3610</v>
      </c>
      <c r="G690" s="4" t="s">
        <v>3611</v>
      </c>
      <c r="H690" s="4" t="s">
        <v>3612</v>
      </c>
      <c r="I690" s="4" t="s">
        <v>3613</v>
      </c>
      <c r="K690" s="4" t="s">
        <v>3614</v>
      </c>
    </row>
    <row r="691" spans="1:11" ht="86.4" x14ac:dyDescent="0.3">
      <c r="A691" s="1">
        <v>5296</v>
      </c>
      <c r="C691" s="4" t="s">
        <v>3615</v>
      </c>
      <c r="D691" s="4" t="s">
        <v>3616</v>
      </c>
      <c r="E691" s="4" t="s">
        <v>3617</v>
      </c>
      <c r="H691" s="4" t="s">
        <v>3618</v>
      </c>
      <c r="K691" s="4" t="s">
        <v>3619</v>
      </c>
    </row>
    <row r="692" spans="1:11" ht="43.2" x14ac:dyDescent="0.3">
      <c r="A692" s="1">
        <v>5316</v>
      </c>
      <c r="C692" s="4" t="s">
        <v>3620</v>
      </c>
      <c r="D692" s="4" t="s">
        <v>3621</v>
      </c>
      <c r="E692" s="4" t="s">
        <v>3622</v>
      </c>
      <c r="F692" s="4" t="s">
        <v>3623</v>
      </c>
      <c r="G692" s="4" t="s">
        <v>3624</v>
      </c>
      <c r="H692" s="4" t="s">
        <v>3625</v>
      </c>
      <c r="I692" s="4" t="s">
        <v>3626</v>
      </c>
      <c r="J692" s="4" t="s">
        <v>3627</v>
      </c>
      <c r="K692" s="4" t="s">
        <v>3628</v>
      </c>
    </row>
    <row r="693" spans="1:11" ht="86.4" x14ac:dyDescent="0.3">
      <c r="A693" s="1">
        <v>5321</v>
      </c>
      <c r="C693" s="4" t="s">
        <v>3629</v>
      </c>
      <c r="D693" s="4" t="s">
        <v>3630</v>
      </c>
      <c r="E693" s="4" t="s">
        <v>3631</v>
      </c>
      <c r="F693" s="4" t="s">
        <v>3632</v>
      </c>
      <c r="G693" s="4" t="s">
        <v>3633</v>
      </c>
      <c r="H693" s="4" t="s">
        <v>3634</v>
      </c>
      <c r="K693" s="4" t="s">
        <v>3635</v>
      </c>
    </row>
    <row r="694" spans="1:11" ht="72" x14ac:dyDescent="0.3">
      <c r="A694" s="1">
        <v>5341</v>
      </c>
      <c r="C694" s="4" t="s">
        <v>3636</v>
      </c>
      <c r="D694" s="4" t="s">
        <v>3637</v>
      </c>
      <c r="K694" s="4" t="s">
        <v>3638</v>
      </c>
    </row>
    <row r="695" spans="1:11" ht="72" x14ac:dyDescent="0.3">
      <c r="A695" s="1">
        <v>5351</v>
      </c>
      <c r="B695" s="1" t="s">
        <v>3639</v>
      </c>
      <c r="C695" s="4" t="s">
        <v>3640</v>
      </c>
      <c r="D695" s="4" t="s">
        <v>3641</v>
      </c>
      <c r="E695" s="4" t="s">
        <v>3642</v>
      </c>
      <c r="F695" s="4" t="s">
        <v>3643</v>
      </c>
      <c r="G695" s="4" t="s">
        <v>3644</v>
      </c>
      <c r="H695" s="4" t="s">
        <v>3645</v>
      </c>
      <c r="I695" s="4" t="s">
        <v>3646</v>
      </c>
      <c r="J695" s="4" t="s">
        <v>3647</v>
      </c>
      <c r="K695" s="4" t="s">
        <v>3648</v>
      </c>
    </row>
    <row r="696" spans="1:11" ht="86.4" x14ac:dyDescent="0.3">
      <c r="A696" s="1">
        <v>5356</v>
      </c>
      <c r="C696" s="4" t="s">
        <v>3649</v>
      </c>
      <c r="D696" s="4" t="s">
        <v>3650</v>
      </c>
      <c r="E696" s="4" t="s">
        <v>3651</v>
      </c>
      <c r="F696" s="4" t="s">
        <v>3652</v>
      </c>
      <c r="G696" s="4" t="s">
        <v>3653</v>
      </c>
      <c r="H696" s="4" t="s">
        <v>3654</v>
      </c>
      <c r="I696" s="4" t="s">
        <v>3655</v>
      </c>
      <c r="K696" s="4" t="s">
        <v>3656</v>
      </c>
    </row>
    <row r="697" spans="1:11" ht="72" x14ac:dyDescent="0.3">
      <c r="A697" s="1">
        <v>5366</v>
      </c>
      <c r="C697" s="4" t="s">
        <v>3657</v>
      </c>
      <c r="D697" s="4" t="s">
        <v>3658</v>
      </c>
      <c r="E697" s="4" t="s">
        <v>3659</v>
      </c>
      <c r="F697" s="4" t="s">
        <v>3660</v>
      </c>
      <c r="G697" s="4" t="s">
        <v>3661</v>
      </c>
      <c r="H697" s="4" t="s">
        <v>3662</v>
      </c>
      <c r="K697" s="4" t="s">
        <v>3663</v>
      </c>
    </row>
    <row r="698" spans="1:11" ht="86.4" x14ac:dyDescent="0.3">
      <c r="A698" s="1">
        <v>5371</v>
      </c>
      <c r="C698" s="4" t="s">
        <v>3664</v>
      </c>
      <c r="D698" s="4" t="s">
        <v>3665</v>
      </c>
      <c r="E698" s="4" t="s">
        <v>3666</v>
      </c>
      <c r="F698" s="4" t="s">
        <v>3667</v>
      </c>
      <c r="G698" s="4" t="s">
        <v>3668</v>
      </c>
      <c r="H698" s="4" t="s">
        <v>3669</v>
      </c>
      <c r="I698" s="4" t="s">
        <v>3670</v>
      </c>
      <c r="K698" s="4" t="s">
        <v>3671</v>
      </c>
    </row>
    <row r="699" spans="1:11" ht="57.6" x14ac:dyDescent="0.3">
      <c r="A699" s="1">
        <v>5381</v>
      </c>
      <c r="D699" s="4" t="s">
        <v>3672</v>
      </c>
      <c r="E699" s="4" t="s">
        <v>3673</v>
      </c>
      <c r="H699" s="4" t="s">
        <v>3674</v>
      </c>
    </row>
    <row r="700" spans="1:11" ht="86.4" x14ac:dyDescent="0.3">
      <c r="A700" s="1">
        <v>5386</v>
      </c>
      <c r="C700" s="4" t="s">
        <v>3675</v>
      </c>
      <c r="D700" s="4" t="s">
        <v>3676</v>
      </c>
      <c r="E700" s="4" t="s">
        <v>3677</v>
      </c>
      <c r="F700" s="4" t="s">
        <v>3678</v>
      </c>
      <c r="G700" s="4" t="s">
        <v>3679</v>
      </c>
      <c r="H700" s="4" t="s">
        <v>3680</v>
      </c>
      <c r="I700" s="4" t="s">
        <v>3681</v>
      </c>
      <c r="K700" s="4" t="s">
        <v>3682</v>
      </c>
    </row>
    <row r="701" spans="1:11" ht="72" x14ac:dyDescent="0.3">
      <c r="A701" s="1">
        <v>5391</v>
      </c>
      <c r="C701" s="4" t="s">
        <v>3683</v>
      </c>
      <c r="D701" s="4" t="s">
        <v>3684</v>
      </c>
      <c r="E701" s="4" t="s">
        <v>3685</v>
      </c>
      <c r="G701" s="4" t="s">
        <v>3686</v>
      </c>
      <c r="H701" s="4" t="s">
        <v>3687</v>
      </c>
      <c r="I701" s="4" t="s">
        <v>3688</v>
      </c>
      <c r="K701" s="4" t="s">
        <v>3689</v>
      </c>
    </row>
    <row r="702" spans="1:11" ht="86.4" x14ac:dyDescent="0.3">
      <c r="A702" s="1">
        <v>5401</v>
      </c>
      <c r="C702" s="4" t="s">
        <v>3690</v>
      </c>
      <c r="D702" s="4" t="s">
        <v>3691</v>
      </c>
      <c r="E702" s="4" t="s">
        <v>3692</v>
      </c>
      <c r="F702" s="4" t="s">
        <v>3693</v>
      </c>
      <c r="G702" s="4" t="s">
        <v>3694</v>
      </c>
      <c r="I702" s="4" t="s">
        <v>3695</v>
      </c>
      <c r="K702" s="4" t="s">
        <v>3696</v>
      </c>
    </row>
    <row r="703" spans="1:11" ht="86.4" x14ac:dyDescent="0.3">
      <c r="A703" s="1">
        <v>5411</v>
      </c>
      <c r="C703" s="4" t="s">
        <v>3697</v>
      </c>
      <c r="D703" s="4" t="s">
        <v>3698</v>
      </c>
      <c r="E703" s="4" t="s">
        <v>3699</v>
      </c>
      <c r="F703" s="4" t="s">
        <v>3700</v>
      </c>
      <c r="G703" s="4" t="s">
        <v>3701</v>
      </c>
      <c r="H703" s="4" t="s">
        <v>3702</v>
      </c>
      <c r="I703" s="4" t="s">
        <v>3703</v>
      </c>
      <c r="J703" s="4" t="s">
        <v>3704</v>
      </c>
      <c r="K703" s="4" t="s">
        <v>3705</v>
      </c>
    </row>
    <row r="704" spans="1:11" ht="86.4" x14ac:dyDescent="0.3">
      <c r="A704" s="1">
        <v>5416</v>
      </c>
      <c r="C704" s="4" t="s">
        <v>3706</v>
      </c>
      <c r="D704" s="4" t="s">
        <v>3707</v>
      </c>
      <c r="E704" s="4" t="s">
        <v>3708</v>
      </c>
      <c r="F704" s="4" t="s">
        <v>3709</v>
      </c>
      <c r="G704" s="4" t="s">
        <v>3710</v>
      </c>
      <c r="H704" s="4" t="s">
        <v>3711</v>
      </c>
      <c r="K704" s="4" t="s">
        <v>3712</v>
      </c>
    </row>
    <row r="705" spans="1:11" ht="43.2" x14ac:dyDescent="0.3">
      <c r="A705" s="1">
        <v>5431</v>
      </c>
      <c r="C705" s="4" t="s">
        <v>3713</v>
      </c>
    </row>
    <row r="706" spans="1:11" ht="72" x14ac:dyDescent="0.3">
      <c r="A706" s="1">
        <v>5436</v>
      </c>
      <c r="C706" s="4" t="s">
        <v>3714</v>
      </c>
      <c r="D706" s="4" t="s">
        <v>3715</v>
      </c>
      <c r="E706" s="4" t="s">
        <v>3716</v>
      </c>
      <c r="F706" s="4" t="s">
        <v>3717</v>
      </c>
      <c r="H706" s="4" t="s">
        <v>3718</v>
      </c>
      <c r="I706" s="4" t="s">
        <v>3719</v>
      </c>
      <c r="K706" s="4" t="s">
        <v>3720</v>
      </c>
    </row>
    <row r="707" spans="1:11" ht="43.2" x14ac:dyDescent="0.3">
      <c r="A707" s="1">
        <v>5446</v>
      </c>
      <c r="C707" s="4" t="s">
        <v>3721</v>
      </c>
      <c r="D707" s="4" t="s">
        <v>3722</v>
      </c>
      <c r="K707" s="4" t="s">
        <v>3723</v>
      </c>
    </row>
    <row r="708" spans="1:11" ht="57.6" x14ac:dyDescent="0.3">
      <c r="A708" s="1">
        <v>5461</v>
      </c>
      <c r="C708" s="4" t="s">
        <v>3724</v>
      </c>
      <c r="D708" s="4" t="s">
        <v>3725</v>
      </c>
      <c r="G708" s="4" t="s">
        <v>3726</v>
      </c>
      <c r="K708" s="4" t="s">
        <v>3727</v>
      </c>
    </row>
    <row r="709" spans="1:11" ht="72" x14ac:dyDescent="0.3">
      <c r="A709" s="1">
        <v>5471</v>
      </c>
      <c r="C709" s="4" t="s">
        <v>3728</v>
      </c>
      <c r="D709" s="4" t="s">
        <v>3729</v>
      </c>
      <c r="E709" s="4" t="s">
        <v>3730</v>
      </c>
      <c r="F709" s="4" t="s">
        <v>3731</v>
      </c>
      <c r="G709" s="4" t="s">
        <v>3732</v>
      </c>
      <c r="H709" s="4" t="s">
        <v>3733</v>
      </c>
      <c r="I709" s="4" t="s">
        <v>3734</v>
      </c>
      <c r="K709" s="4" t="s">
        <v>3735</v>
      </c>
    </row>
    <row r="710" spans="1:11" ht="72" x14ac:dyDescent="0.3">
      <c r="A710" s="1">
        <v>5476</v>
      </c>
      <c r="C710" s="4" t="s">
        <v>3736</v>
      </c>
      <c r="D710" s="4" t="s">
        <v>3737</v>
      </c>
      <c r="F710" s="4" t="s">
        <v>3738</v>
      </c>
      <c r="G710" s="4" t="s">
        <v>3739</v>
      </c>
      <c r="H710" s="4" t="s">
        <v>3740</v>
      </c>
      <c r="K710" s="4" t="s">
        <v>3741</v>
      </c>
    </row>
    <row r="711" spans="1:11" ht="86.4" x14ac:dyDescent="0.3">
      <c r="A711" s="1">
        <v>5481</v>
      </c>
      <c r="C711" s="4" t="s">
        <v>3742</v>
      </c>
      <c r="D711" s="4" t="s">
        <v>3743</v>
      </c>
      <c r="E711" s="4" t="s">
        <v>3744</v>
      </c>
      <c r="G711" s="4" t="s">
        <v>3745</v>
      </c>
      <c r="H711" s="4" t="s">
        <v>3746</v>
      </c>
      <c r="K711" s="4" t="s">
        <v>3747</v>
      </c>
    </row>
    <row r="712" spans="1:11" ht="86.4" x14ac:dyDescent="0.3">
      <c r="A712" s="1">
        <v>5491</v>
      </c>
      <c r="C712" s="4" t="s">
        <v>3748</v>
      </c>
      <c r="D712" s="4" t="s">
        <v>3749</v>
      </c>
      <c r="E712" s="4" t="s">
        <v>3750</v>
      </c>
      <c r="F712" s="4" t="s">
        <v>3751</v>
      </c>
      <c r="G712" s="4" t="s">
        <v>3752</v>
      </c>
      <c r="H712" s="4" t="s">
        <v>3753</v>
      </c>
      <c r="I712" s="4" t="s">
        <v>3754</v>
      </c>
      <c r="K712" s="4" t="s">
        <v>3755</v>
      </c>
    </row>
    <row r="713" spans="1:11" ht="86.4" x14ac:dyDescent="0.3">
      <c r="A713" s="1">
        <v>5496</v>
      </c>
      <c r="D713" s="4" t="s">
        <v>3756</v>
      </c>
      <c r="E713" s="4" t="s">
        <v>3757</v>
      </c>
      <c r="F713" s="4" t="s">
        <v>3758</v>
      </c>
      <c r="G713" s="4" t="s">
        <v>3759</v>
      </c>
      <c r="H713" s="4" t="s">
        <v>3759</v>
      </c>
      <c r="I713" s="4" t="s">
        <v>3760</v>
      </c>
      <c r="K713" s="4" t="s">
        <v>3761</v>
      </c>
    </row>
    <row r="714" spans="1:11" ht="86.4" x14ac:dyDescent="0.3">
      <c r="A714" s="1">
        <v>5511</v>
      </c>
      <c r="C714" s="4" t="s">
        <v>3762</v>
      </c>
      <c r="D714" s="4" t="s">
        <v>3763</v>
      </c>
      <c r="E714" s="4" t="s">
        <v>3764</v>
      </c>
      <c r="F714" s="4" t="s">
        <v>3765</v>
      </c>
      <c r="K714" s="4" t="s">
        <v>3766</v>
      </c>
    </row>
    <row r="715" spans="1:11" x14ac:dyDescent="0.3">
      <c r="A715" s="1">
        <v>5516</v>
      </c>
    </row>
    <row r="716" spans="1:11" ht="86.4" x14ac:dyDescent="0.3">
      <c r="A716" s="1">
        <v>5521</v>
      </c>
      <c r="C716" s="4" t="s">
        <v>3767</v>
      </c>
      <c r="D716" s="4" t="s">
        <v>3768</v>
      </c>
      <c r="E716" s="4" t="s">
        <v>3769</v>
      </c>
      <c r="F716" s="4" t="s">
        <v>3770</v>
      </c>
      <c r="G716" s="4" t="s">
        <v>3771</v>
      </c>
      <c r="H716" s="4" t="s">
        <v>3772</v>
      </c>
      <c r="I716" s="4" t="s">
        <v>3773</v>
      </c>
      <c r="J716" s="4" t="s">
        <v>3774</v>
      </c>
      <c r="K716" s="4" t="s">
        <v>3775</v>
      </c>
    </row>
    <row r="717" spans="1:11" ht="72" x14ac:dyDescent="0.3">
      <c r="A717" s="1">
        <v>5526</v>
      </c>
      <c r="C717" s="4" t="s">
        <v>3776</v>
      </c>
      <c r="E717" s="4" t="s">
        <v>3777</v>
      </c>
      <c r="F717" s="4" t="s">
        <v>3778</v>
      </c>
    </row>
    <row r="718" spans="1:11" ht="43.2" x14ac:dyDescent="0.3">
      <c r="A718" s="1">
        <v>5531</v>
      </c>
      <c r="C718" s="4" t="s">
        <v>3779</v>
      </c>
      <c r="D718" s="4" t="s">
        <v>3780</v>
      </c>
      <c r="E718" s="4" t="s">
        <v>3781</v>
      </c>
      <c r="F718" s="4" t="s">
        <v>3782</v>
      </c>
      <c r="G718" s="4" t="s">
        <v>3783</v>
      </c>
      <c r="H718" s="4" t="s">
        <v>3784</v>
      </c>
      <c r="I718" s="4" t="s">
        <v>3785</v>
      </c>
      <c r="K718" s="4" t="s">
        <v>3786</v>
      </c>
    </row>
    <row r="719" spans="1:11" ht="72" x14ac:dyDescent="0.3">
      <c r="A719" s="1">
        <v>5536</v>
      </c>
      <c r="C719" s="4" t="s">
        <v>3787</v>
      </c>
      <c r="D719" s="4" t="s">
        <v>3788</v>
      </c>
      <c r="E719" s="4" t="s">
        <v>3789</v>
      </c>
      <c r="F719" s="4" t="s">
        <v>3790</v>
      </c>
      <c r="G719" s="4" t="s">
        <v>3791</v>
      </c>
      <c r="H719" s="4" t="s">
        <v>3792</v>
      </c>
      <c r="K719" s="4" t="s">
        <v>3793</v>
      </c>
    </row>
    <row r="720" spans="1:11" ht="43.2" x14ac:dyDescent="0.3">
      <c r="A720" s="1">
        <v>5546</v>
      </c>
      <c r="C720" s="4" t="s">
        <v>3794</v>
      </c>
      <c r="D720" s="4" t="s">
        <v>3795</v>
      </c>
      <c r="E720" s="4" t="s">
        <v>3796</v>
      </c>
      <c r="F720" s="4" t="s">
        <v>3797</v>
      </c>
      <c r="G720" s="4" t="s">
        <v>3798</v>
      </c>
      <c r="K720" s="4" t="s">
        <v>3799</v>
      </c>
    </row>
    <row r="721" spans="1:11" ht="72" x14ac:dyDescent="0.3">
      <c r="A721" s="1">
        <v>5591</v>
      </c>
      <c r="C721" s="4" t="s">
        <v>3800</v>
      </c>
      <c r="D721" s="4" t="s">
        <v>3801</v>
      </c>
      <c r="E721" s="4" t="s">
        <v>3802</v>
      </c>
      <c r="G721" s="4" t="s">
        <v>3803</v>
      </c>
      <c r="H721" s="4" t="s">
        <v>3804</v>
      </c>
      <c r="I721" s="4" t="s">
        <v>3805</v>
      </c>
      <c r="K721" s="4" t="s">
        <v>3806</v>
      </c>
    </row>
    <row r="722" spans="1:11" ht="86.4" x14ac:dyDescent="0.3">
      <c r="A722" s="1">
        <v>5601</v>
      </c>
      <c r="C722" s="4" t="s">
        <v>3807</v>
      </c>
      <c r="D722" s="4" t="s">
        <v>3808</v>
      </c>
      <c r="E722" s="4" t="s">
        <v>3809</v>
      </c>
      <c r="F722" s="4" t="s">
        <v>3810</v>
      </c>
      <c r="G722" s="4" t="s">
        <v>3811</v>
      </c>
      <c r="H722" s="4" t="s">
        <v>3812</v>
      </c>
    </row>
    <row r="723" spans="1:11" ht="57.6" x14ac:dyDescent="0.3">
      <c r="A723" s="1">
        <v>5626</v>
      </c>
      <c r="C723" s="4" t="s">
        <v>3813</v>
      </c>
    </row>
    <row r="724" spans="1:11" ht="72" x14ac:dyDescent="0.3">
      <c r="A724" s="1">
        <v>5641</v>
      </c>
      <c r="C724" s="4" t="s">
        <v>3814</v>
      </c>
      <c r="D724" s="4" t="s">
        <v>3815</v>
      </c>
      <c r="G724" s="4" t="s">
        <v>3816</v>
      </c>
      <c r="I724" s="4" t="s">
        <v>3817</v>
      </c>
      <c r="K724" s="4" t="s">
        <v>3818</v>
      </c>
    </row>
    <row r="725" spans="1:11" ht="72" x14ac:dyDescent="0.3">
      <c r="A725" s="1">
        <v>5646</v>
      </c>
      <c r="C725" s="4" t="s">
        <v>3819</v>
      </c>
      <c r="E725" s="4" t="s">
        <v>3820</v>
      </c>
      <c r="F725" s="4" t="s">
        <v>3821</v>
      </c>
      <c r="G725" s="4" t="s">
        <v>3822</v>
      </c>
      <c r="H725" s="4" t="s">
        <v>3823</v>
      </c>
      <c r="I725" s="4" t="s">
        <v>3824</v>
      </c>
    </row>
    <row r="726" spans="1:11" ht="72" x14ac:dyDescent="0.3">
      <c r="A726" s="1">
        <v>5661</v>
      </c>
      <c r="C726" s="4" t="s">
        <v>3825</v>
      </c>
      <c r="D726" s="4" t="s">
        <v>3826</v>
      </c>
      <c r="K726" s="4" t="s">
        <v>3827</v>
      </c>
    </row>
    <row r="727" spans="1:11" ht="57.6" x14ac:dyDescent="0.3">
      <c r="A727" s="1">
        <v>5666</v>
      </c>
      <c r="C727" s="4" t="s">
        <v>3828</v>
      </c>
      <c r="D727" s="4" t="s">
        <v>3829</v>
      </c>
      <c r="E727" s="4" t="s">
        <v>3830</v>
      </c>
      <c r="F727" s="4" t="s">
        <v>3831</v>
      </c>
      <c r="G727" s="4" t="s">
        <v>3832</v>
      </c>
      <c r="H727" s="4" t="s">
        <v>3833</v>
      </c>
      <c r="I727" s="4" t="s">
        <v>3834</v>
      </c>
      <c r="K727" s="4" t="s">
        <v>3835</v>
      </c>
    </row>
    <row r="728" spans="1:11" ht="72" x14ac:dyDescent="0.3">
      <c r="A728" s="1">
        <v>5676</v>
      </c>
      <c r="C728" s="4" t="s">
        <v>3836</v>
      </c>
      <c r="D728" s="4" t="s">
        <v>3837</v>
      </c>
      <c r="E728" s="4" t="s">
        <v>3838</v>
      </c>
      <c r="F728" s="4" t="s">
        <v>3839</v>
      </c>
      <c r="G728" s="4" t="s">
        <v>3840</v>
      </c>
      <c r="H728" s="4" t="s">
        <v>3841</v>
      </c>
      <c r="I728" s="4" t="s">
        <v>3842</v>
      </c>
      <c r="K728" s="4" t="s">
        <v>3843</v>
      </c>
    </row>
    <row r="729" spans="1:11" ht="72" x14ac:dyDescent="0.3">
      <c r="A729" s="1">
        <v>5681</v>
      </c>
      <c r="D729" s="4" t="s">
        <v>3844</v>
      </c>
    </row>
    <row r="730" spans="1:11" ht="72" x14ac:dyDescent="0.3">
      <c r="A730" s="1">
        <v>5696</v>
      </c>
      <c r="C730" s="4" t="s">
        <v>3845</v>
      </c>
      <c r="D730" s="4" t="s">
        <v>3846</v>
      </c>
      <c r="F730" s="4" t="s">
        <v>3847</v>
      </c>
      <c r="G730" s="4" t="s">
        <v>3848</v>
      </c>
      <c r="H730" s="4" t="s">
        <v>3849</v>
      </c>
    </row>
    <row r="731" spans="1:11" ht="43.2" x14ac:dyDescent="0.3">
      <c r="A731" s="1">
        <v>5706</v>
      </c>
      <c r="C731" s="4" t="s">
        <v>3850</v>
      </c>
    </row>
    <row r="732" spans="1:11" ht="72" x14ac:dyDescent="0.3">
      <c r="A732" s="1">
        <v>5711</v>
      </c>
      <c r="C732" s="4" t="s">
        <v>3851</v>
      </c>
      <c r="D732" s="4" t="s">
        <v>3852</v>
      </c>
      <c r="G732" s="4" t="s">
        <v>3853</v>
      </c>
      <c r="H732" s="4" t="s">
        <v>3854</v>
      </c>
      <c r="I732" s="4" t="s">
        <v>3855</v>
      </c>
      <c r="K732" s="4" t="s">
        <v>3856</v>
      </c>
    </row>
    <row r="733" spans="1:11" ht="86.4" x14ac:dyDescent="0.3">
      <c r="A733" s="1">
        <v>5716</v>
      </c>
      <c r="C733" s="4" t="s">
        <v>3857</v>
      </c>
      <c r="D733" s="4" t="s">
        <v>3858</v>
      </c>
      <c r="E733" s="4" t="s">
        <v>3859</v>
      </c>
      <c r="G733" s="4" t="s">
        <v>3860</v>
      </c>
      <c r="H733" s="4" t="s">
        <v>3861</v>
      </c>
      <c r="I733" s="4" t="s">
        <v>3862</v>
      </c>
      <c r="K733" s="4" t="s">
        <v>3863</v>
      </c>
    </row>
    <row r="734" spans="1:11" ht="72" x14ac:dyDescent="0.3">
      <c r="A734" s="1">
        <v>5721</v>
      </c>
      <c r="C734" s="4" t="s">
        <v>3864</v>
      </c>
      <c r="D734" s="4" t="s">
        <v>3865</v>
      </c>
      <c r="E734" s="4" t="s">
        <v>3866</v>
      </c>
      <c r="F734" s="4" t="s">
        <v>3867</v>
      </c>
      <c r="G734" s="4" t="s">
        <v>3868</v>
      </c>
      <c r="H734" s="4" t="s">
        <v>3869</v>
      </c>
      <c r="I734" s="4" t="s">
        <v>3870</v>
      </c>
      <c r="K734" s="4" t="s">
        <v>3871</v>
      </c>
    </row>
    <row r="735" spans="1:11" x14ac:dyDescent="0.3">
      <c r="A735" s="1">
        <v>5731</v>
      </c>
    </row>
    <row r="736" spans="1:11" ht="43.2" x14ac:dyDescent="0.3">
      <c r="A736" s="1">
        <v>5736</v>
      </c>
      <c r="C736" s="4" t="s">
        <v>3872</v>
      </c>
      <c r="D736" s="4" t="s">
        <v>3873</v>
      </c>
      <c r="E736" s="4" t="s">
        <v>3874</v>
      </c>
      <c r="G736" s="4" t="s">
        <v>3875</v>
      </c>
      <c r="H736" s="4" t="s">
        <v>3876</v>
      </c>
      <c r="I736" s="4" t="s">
        <v>3877</v>
      </c>
      <c r="K736" s="4" t="s">
        <v>3878</v>
      </c>
    </row>
    <row r="737" spans="1:11" ht="86.4" x14ac:dyDescent="0.3">
      <c r="A737" s="1">
        <v>5741</v>
      </c>
      <c r="C737" s="4" t="s">
        <v>3879</v>
      </c>
      <c r="D737" s="4" t="s">
        <v>3880</v>
      </c>
      <c r="E737" s="4" t="s">
        <v>3881</v>
      </c>
      <c r="F737" s="4" t="s">
        <v>3882</v>
      </c>
      <c r="G737" s="4" t="s">
        <v>3883</v>
      </c>
      <c r="H737" s="4" t="s">
        <v>3884</v>
      </c>
      <c r="K737" s="4" t="s">
        <v>3885</v>
      </c>
    </row>
    <row r="738" spans="1:11" ht="86.4" x14ac:dyDescent="0.3">
      <c r="A738" s="1">
        <v>5746</v>
      </c>
      <c r="C738" s="4" t="s">
        <v>3886</v>
      </c>
      <c r="D738" s="4" t="s">
        <v>3887</v>
      </c>
      <c r="E738" s="4" t="s">
        <v>3888</v>
      </c>
      <c r="F738" s="4" t="s">
        <v>3366</v>
      </c>
      <c r="G738" s="4" t="s">
        <v>3889</v>
      </c>
      <c r="H738" s="4" t="s">
        <v>3890</v>
      </c>
      <c r="I738" s="4" t="s">
        <v>3891</v>
      </c>
      <c r="K738" s="4" t="s">
        <v>3892</v>
      </c>
    </row>
    <row r="739" spans="1:11" ht="28.8" x14ac:dyDescent="0.3">
      <c r="A739" s="1">
        <v>5761</v>
      </c>
      <c r="C739" s="4" t="s">
        <v>3893</v>
      </c>
      <c r="D739" s="4" t="s">
        <v>3894</v>
      </c>
      <c r="F739" s="4" t="s">
        <v>3895</v>
      </c>
      <c r="G739" s="4" t="s">
        <v>3896</v>
      </c>
      <c r="H739" s="4" t="s">
        <v>3897</v>
      </c>
      <c r="K739" s="4" t="s">
        <v>3898</v>
      </c>
    </row>
    <row r="740" spans="1:11" ht="57.6" x14ac:dyDescent="0.3">
      <c r="A740" s="1">
        <v>5766</v>
      </c>
      <c r="C740" s="4" t="s">
        <v>3899</v>
      </c>
      <c r="D740" s="4" t="s">
        <v>3900</v>
      </c>
      <c r="I740" s="4" t="s">
        <v>3901</v>
      </c>
      <c r="K740" s="4" t="s">
        <v>3902</v>
      </c>
    </row>
    <row r="741" spans="1:11" ht="57.6" x14ac:dyDescent="0.3">
      <c r="A741" s="1">
        <v>5781</v>
      </c>
      <c r="C741" s="4" t="s">
        <v>3903</v>
      </c>
      <c r="D741" s="4" t="s">
        <v>3904</v>
      </c>
      <c r="E741" s="4" t="s">
        <v>3905</v>
      </c>
      <c r="F741" s="4" t="s">
        <v>3906</v>
      </c>
      <c r="G741" s="4" t="s">
        <v>3907</v>
      </c>
      <c r="I741" s="4" t="s">
        <v>3908</v>
      </c>
    </row>
    <row r="742" spans="1:11" ht="57.6" x14ac:dyDescent="0.3">
      <c r="A742" s="1">
        <v>5786</v>
      </c>
      <c r="C742" s="4" t="s">
        <v>3909</v>
      </c>
      <c r="D742" s="4" t="s">
        <v>3910</v>
      </c>
      <c r="E742" s="4" t="s">
        <v>3911</v>
      </c>
      <c r="H742" s="4" t="s">
        <v>3912</v>
      </c>
    </row>
    <row r="743" spans="1:11" ht="72" x14ac:dyDescent="0.3">
      <c r="A743" s="1">
        <v>5791</v>
      </c>
      <c r="C743" s="4" t="s">
        <v>3913</v>
      </c>
      <c r="D743" s="4" t="s">
        <v>3914</v>
      </c>
      <c r="E743" s="4" t="s">
        <v>3915</v>
      </c>
      <c r="K743" s="4" t="s">
        <v>3916</v>
      </c>
    </row>
    <row r="744" spans="1:11" ht="86.4" x14ac:dyDescent="0.3">
      <c r="A744" s="1">
        <v>5796</v>
      </c>
      <c r="C744" s="4" t="s">
        <v>3917</v>
      </c>
      <c r="D744" s="4" t="s">
        <v>3918</v>
      </c>
      <c r="E744" s="4" t="s">
        <v>3919</v>
      </c>
      <c r="G744" s="4" t="s">
        <v>3920</v>
      </c>
      <c r="H744" s="4" t="s">
        <v>3921</v>
      </c>
      <c r="I744" s="4" t="s">
        <v>3922</v>
      </c>
      <c r="J744" s="4" t="s">
        <v>3923</v>
      </c>
      <c r="K744" s="4" t="s">
        <v>3924</v>
      </c>
    </row>
    <row r="745" spans="1:11" ht="72" x14ac:dyDescent="0.3">
      <c r="A745" s="1">
        <v>5801</v>
      </c>
      <c r="D745" s="4" t="s">
        <v>3925</v>
      </c>
      <c r="E745" s="4" t="s">
        <v>3926</v>
      </c>
      <c r="F745" s="4" t="s">
        <v>3927</v>
      </c>
      <c r="G745" s="4" t="s">
        <v>3928</v>
      </c>
      <c r="H745" s="4" t="s">
        <v>3929</v>
      </c>
      <c r="I745" s="4" t="s">
        <v>3930</v>
      </c>
      <c r="K745" s="4" t="s">
        <v>3931</v>
      </c>
    </row>
    <row r="746" spans="1:11" ht="72" x14ac:dyDescent="0.3">
      <c r="A746" s="1">
        <v>5806</v>
      </c>
      <c r="C746" s="4" t="s">
        <v>3932</v>
      </c>
      <c r="G746" s="4" t="s">
        <v>3933</v>
      </c>
      <c r="H746" s="4" t="s">
        <v>3934</v>
      </c>
      <c r="K746" s="4" t="s">
        <v>3935</v>
      </c>
    </row>
    <row r="747" spans="1:11" ht="28.8" x14ac:dyDescent="0.3">
      <c r="A747" s="1">
        <v>5816</v>
      </c>
      <c r="C747" s="4" t="s">
        <v>3936</v>
      </c>
      <c r="D747" s="4" t="s">
        <v>3937</v>
      </c>
      <c r="E747" s="4" t="s">
        <v>3938</v>
      </c>
      <c r="F747" s="4" t="s">
        <v>3939</v>
      </c>
    </row>
    <row r="748" spans="1:11" ht="57.6" x14ac:dyDescent="0.3">
      <c r="A748" s="1">
        <v>5821</v>
      </c>
      <c r="C748" s="4" t="s">
        <v>3940</v>
      </c>
      <c r="D748" s="4" t="s">
        <v>3941</v>
      </c>
      <c r="G748" s="4" t="s">
        <v>3942</v>
      </c>
      <c r="I748" s="4" t="s">
        <v>3943</v>
      </c>
      <c r="K748" s="4" t="s">
        <v>3944</v>
      </c>
    </row>
    <row r="749" spans="1:11" ht="28.8" x14ac:dyDescent="0.3">
      <c r="A749" s="1">
        <v>5826</v>
      </c>
      <c r="C749" s="4" t="s">
        <v>3945</v>
      </c>
      <c r="G749" s="4" t="s">
        <v>3946</v>
      </c>
      <c r="H749" s="4" t="s">
        <v>3947</v>
      </c>
      <c r="K749" s="4" t="s">
        <v>3948</v>
      </c>
    </row>
    <row r="750" spans="1:11" ht="28.8" x14ac:dyDescent="0.3">
      <c r="A750" s="1">
        <v>5831</v>
      </c>
      <c r="C750" s="4" t="s">
        <v>3949</v>
      </c>
    </row>
    <row r="751" spans="1:11" ht="86.4" x14ac:dyDescent="0.3">
      <c r="A751" s="1">
        <v>5836</v>
      </c>
      <c r="C751" s="4" t="s">
        <v>3950</v>
      </c>
      <c r="D751" s="4" t="s">
        <v>3951</v>
      </c>
      <c r="G751" s="4" t="s">
        <v>3952</v>
      </c>
      <c r="I751" s="4" t="s">
        <v>3953</v>
      </c>
      <c r="K751" s="4" t="s">
        <v>3954</v>
      </c>
    </row>
    <row r="752" spans="1:11" ht="86.4" x14ac:dyDescent="0.3">
      <c r="A752" s="1">
        <v>5851</v>
      </c>
      <c r="C752" s="4" t="s">
        <v>3955</v>
      </c>
      <c r="D752" s="4" t="s">
        <v>3956</v>
      </c>
      <c r="E752" s="4" t="s">
        <v>3957</v>
      </c>
      <c r="F752" s="4" t="s">
        <v>3958</v>
      </c>
      <c r="G752" s="4" t="s">
        <v>3959</v>
      </c>
      <c r="H752" s="4" t="s">
        <v>3960</v>
      </c>
      <c r="I752" s="4" t="s">
        <v>3961</v>
      </c>
      <c r="K752" s="4" t="s">
        <v>3962</v>
      </c>
    </row>
    <row r="753" spans="1:11" ht="43.2" x14ac:dyDescent="0.3">
      <c r="A753" s="1">
        <v>5856</v>
      </c>
      <c r="C753" s="4" t="s">
        <v>3963</v>
      </c>
      <c r="D753" s="4" t="s">
        <v>3964</v>
      </c>
      <c r="E753" s="4" t="s">
        <v>3965</v>
      </c>
      <c r="G753" s="4" t="s">
        <v>3966</v>
      </c>
      <c r="I753" s="4" t="s">
        <v>3967</v>
      </c>
      <c r="J753" s="4" t="s">
        <v>3968</v>
      </c>
    </row>
    <row r="754" spans="1:11" ht="86.4" x14ac:dyDescent="0.3">
      <c r="A754" s="1">
        <v>5861</v>
      </c>
      <c r="C754" s="4" t="s">
        <v>3969</v>
      </c>
      <c r="D754" s="4" t="s">
        <v>3970</v>
      </c>
      <c r="E754" s="4" t="s">
        <v>3971</v>
      </c>
      <c r="F754" s="4" t="s">
        <v>3972</v>
      </c>
      <c r="G754" s="4" t="s">
        <v>3973</v>
      </c>
      <c r="H754" s="4" t="s">
        <v>3974</v>
      </c>
      <c r="I754" s="4" t="s">
        <v>3975</v>
      </c>
      <c r="J754" s="4" t="s">
        <v>3976</v>
      </c>
      <c r="K754" s="4" t="s">
        <v>3977</v>
      </c>
    </row>
    <row r="755" spans="1:11" ht="100.8" x14ac:dyDescent="0.3">
      <c r="A755" s="1">
        <v>5871</v>
      </c>
      <c r="E755" s="4" t="s">
        <v>3978</v>
      </c>
      <c r="F755" s="4" t="s">
        <v>3979</v>
      </c>
      <c r="I755" s="4" t="s">
        <v>3980</v>
      </c>
    </row>
    <row r="756" spans="1:11" ht="28.8" x14ac:dyDescent="0.3">
      <c r="A756" s="1">
        <v>5876</v>
      </c>
      <c r="E756" s="4" t="s">
        <v>3981</v>
      </c>
    </row>
    <row r="757" spans="1:11" ht="86.4" x14ac:dyDescent="0.3">
      <c r="A757" s="1">
        <v>5881</v>
      </c>
      <c r="C757" s="4" t="s">
        <v>3982</v>
      </c>
      <c r="D757" s="4" t="s">
        <v>3983</v>
      </c>
      <c r="E757" s="4" t="s">
        <v>3984</v>
      </c>
      <c r="F757" s="4" t="s">
        <v>3985</v>
      </c>
      <c r="G757" s="4" t="s">
        <v>3986</v>
      </c>
      <c r="H757" s="4" t="s">
        <v>3987</v>
      </c>
      <c r="I757" s="4" t="s">
        <v>3988</v>
      </c>
      <c r="K757" s="4" t="s">
        <v>3989</v>
      </c>
    </row>
    <row r="758" spans="1:11" ht="28.8" x14ac:dyDescent="0.3">
      <c r="A758" s="1">
        <v>5886</v>
      </c>
      <c r="C758" s="4" t="s">
        <v>3990</v>
      </c>
    </row>
    <row r="759" spans="1:11" ht="86.4" x14ac:dyDescent="0.3">
      <c r="A759" s="1">
        <v>5896</v>
      </c>
      <c r="C759" s="4" t="e">
        <v>#NAME?</v>
      </c>
      <c r="D759" s="4" t="e">
        <v>#NAME?</v>
      </c>
      <c r="E759" s="4" t="e">
        <v>#NAME?</v>
      </c>
      <c r="F759" s="4" t="s">
        <v>3991</v>
      </c>
      <c r="K759" s="4" t="s">
        <v>3992</v>
      </c>
    </row>
    <row r="760" spans="1:11" ht="72" x14ac:dyDescent="0.3">
      <c r="A760" s="1">
        <v>5901</v>
      </c>
      <c r="C760" s="4" t="s">
        <v>3993</v>
      </c>
      <c r="D760" s="4" t="s">
        <v>3994</v>
      </c>
      <c r="E760" s="4" t="s">
        <v>3995</v>
      </c>
      <c r="F760" s="4" t="s">
        <v>3996</v>
      </c>
      <c r="G760" s="4" t="s">
        <v>3997</v>
      </c>
      <c r="H760" s="4" t="s">
        <v>3998</v>
      </c>
      <c r="I760" s="4" t="s">
        <v>3999</v>
      </c>
      <c r="J760" s="4" t="s">
        <v>4000</v>
      </c>
      <c r="K760" s="4" t="s">
        <v>4001</v>
      </c>
    </row>
    <row r="761" spans="1:11" ht="28.8" x14ac:dyDescent="0.3">
      <c r="A761" s="1">
        <v>5911</v>
      </c>
      <c r="C761" s="4" t="s">
        <v>4002</v>
      </c>
      <c r="D761" s="4" t="s">
        <v>4003</v>
      </c>
      <c r="K761" s="4" t="s">
        <v>4004</v>
      </c>
    </row>
    <row r="762" spans="1:11" ht="72" x14ac:dyDescent="0.3">
      <c r="A762" s="1">
        <v>5921</v>
      </c>
      <c r="C762" s="4" t="s">
        <v>4005</v>
      </c>
      <c r="D762" s="4" t="s">
        <v>4006</v>
      </c>
      <c r="E762" s="4" t="s">
        <v>4007</v>
      </c>
      <c r="F762" s="4" t="s">
        <v>4008</v>
      </c>
      <c r="H762" s="4" t="s">
        <v>4009</v>
      </c>
      <c r="I762" s="4" t="s">
        <v>4010</v>
      </c>
      <c r="K762" s="4" t="s">
        <v>4011</v>
      </c>
    </row>
    <row r="763" spans="1:11" ht="43.2" x14ac:dyDescent="0.3">
      <c r="A763" s="1">
        <v>5926</v>
      </c>
      <c r="I763" s="4" t="s">
        <v>4012</v>
      </c>
    </row>
    <row r="764" spans="1:11" ht="86.4" x14ac:dyDescent="0.3">
      <c r="A764" s="1">
        <v>5931</v>
      </c>
      <c r="C764" s="4" t="s">
        <v>4013</v>
      </c>
      <c r="D764" s="4" t="s">
        <v>4014</v>
      </c>
      <c r="E764" s="4" t="s">
        <v>4015</v>
      </c>
      <c r="F764" s="4" t="s">
        <v>4016</v>
      </c>
      <c r="G764" s="4" t="s">
        <v>4017</v>
      </c>
      <c r="H764" s="4" t="s">
        <v>4018</v>
      </c>
      <c r="K764" s="4" t="s">
        <v>4019</v>
      </c>
    </row>
    <row r="765" spans="1:11" ht="43.2" x14ac:dyDescent="0.3">
      <c r="A765" s="1">
        <v>5941</v>
      </c>
      <c r="C765" s="4" t="s">
        <v>4020</v>
      </c>
      <c r="D765" s="4" t="s">
        <v>4021</v>
      </c>
      <c r="F765" s="4" t="s">
        <v>4022</v>
      </c>
      <c r="G765" s="4" t="s">
        <v>4023</v>
      </c>
      <c r="H765" s="4" t="s">
        <v>4024</v>
      </c>
      <c r="I765" s="4" t="s">
        <v>4025</v>
      </c>
      <c r="K765" s="4" t="s">
        <v>4026</v>
      </c>
    </row>
    <row r="766" spans="1:11" ht="72" x14ac:dyDescent="0.3">
      <c r="A766" s="1">
        <v>5946</v>
      </c>
      <c r="C766" s="4" t="s">
        <v>4027</v>
      </c>
      <c r="G766" s="4" t="s">
        <v>4028</v>
      </c>
      <c r="H766" s="4" t="s">
        <v>4029</v>
      </c>
    </row>
    <row r="767" spans="1:11" ht="28.8" x14ac:dyDescent="0.3">
      <c r="A767" s="1">
        <v>5951</v>
      </c>
      <c r="C767" s="4" t="s">
        <v>4030</v>
      </c>
      <c r="D767" s="4" t="s">
        <v>4031</v>
      </c>
      <c r="E767" s="4" t="s">
        <v>4032</v>
      </c>
      <c r="F767" s="4" t="s">
        <v>4033</v>
      </c>
      <c r="G767" s="4" t="s">
        <v>4034</v>
      </c>
      <c r="H767" s="4" t="s">
        <v>4035</v>
      </c>
      <c r="I767" s="4" t="s">
        <v>4036</v>
      </c>
      <c r="K767" s="4" t="s">
        <v>4037</v>
      </c>
    </row>
    <row r="768" spans="1:11" ht="86.4" x14ac:dyDescent="0.3">
      <c r="A768" s="1">
        <v>5956</v>
      </c>
      <c r="C768" s="4" t="s">
        <v>4038</v>
      </c>
      <c r="D768" s="4" t="s">
        <v>4039</v>
      </c>
      <c r="E768" s="4" t="s">
        <v>4040</v>
      </c>
      <c r="F768" s="4" t="s">
        <v>4041</v>
      </c>
      <c r="G768" s="4" t="s">
        <v>4042</v>
      </c>
      <c r="H768" s="4" t="s">
        <v>4043</v>
      </c>
      <c r="I768" s="4" t="s">
        <v>4044</v>
      </c>
      <c r="J768" s="4" t="s">
        <v>4045</v>
      </c>
      <c r="K768" s="4" t="s">
        <v>4046</v>
      </c>
    </row>
    <row r="769" spans="1:11" ht="86.4" x14ac:dyDescent="0.3">
      <c r="A769" s="1">
        <v>5961</v>
      </c>
      <c r="C769" s="4" t="s">
        <v>4047</v>
      </c>
      <c r="D769" s="4" t="s">
        <v>4048</v>
      </c>
      <c r="F769" s="4" t="s">
        <v>4049</v>
      </c>
      <c r="G769" s="4" t="s">
        <v>4050</v>
      </c>
      <c r="I769" s="4" t="s">
        <v>4051</v>
      </c>
      <c r="K769" s="4" t="s">
        <v>4052</v>
      </c>
    </row>
    <row r="770" spans="1:11" ht="57.6" x14ac:dyDescent="0.3">
      <c r="A770" s="1">
        <v>5966</v>
      </c>
      <c r="C770" s="4" t="s">
        <v>4053</v>
      </c>
      <c r="D770" s="4" t="s">
        <v>4054</v>
      </c>
      <c r="E770" s="4" t="s">
        <v>4055</v>
      </c>
      <c r="K770" s="4" t="s">
        <v>4056</v>
      </c>
    </row>
    <row r="771" spans="1:11" ht="86.4" x14ac:dyDescent="0.3">
      <c r="A771" s="1">
        <v>5971</v>
      </c>
      <c r="C771" s="4" t="s">
        <v>4057</v>
      </c>
      <c r="D771" s="4" t="s">
        <v>4058</v>
      </c>
      <c r="E771" s="4" t="s">
        <v>4059</v>
      </c>
      <c r="G771" s="4" t="s">
        <v>4060</v>
      </c>
      <c r="H771" s="4" t="s">
        <v>4061</v>
      </c>
      <c r="I771" s="4" t="s">
        <v>4062</v>
      </c>
      <c r="J771" s="4" t="s">
        <v>4063</v>
      </c>
      <c r="K771" s="4" t="s">
        <v>4064</v>
      </c>
    </row>
    <row r="772" spans="1:11" ht="86.4" x14ac:dyDescent="0.3">
      <c r="A772" s="1">
        <v>5976</v>
      </c>
      <c r="D772" s="4" t="s">
        <v>4065</v>
      </c>
      <c r="F772" s="4" t="s">
        <v>4066</v>
      </c>
      <c r="G772" s="4" t="s">
        <v>4067</v>
      </c>
      <c r="H772" s="4" t="s">
        <v>4068</v>
      </c>
      <c r="I772" s="4" t="s">
        <v>4069</v>
      </c>
      <c r="K772" s="4" t="s">
        <v>4070</v>
      </c>
    </row>
    <row r="773" spans="1:11" ht="43.2" x14ac:dyDescent="0.3">
      <c r="A773" s="1">
        <v>5986</v>
      </c>
      <c r="C773" s="4" t="s">
        <v>4071</v>
      </c>
      <c r="D773" s="4" t="s">
        <v>4072</v>
      </c>
      <c r="F773" s="4" t="s">
        <v>4073</v>
      </c>
      <c r="G773" s="4" t="s">
        <v>4074</v>
      </c>
      <c r="K773" s="4" t="s">
        <v>4075</v>
      </c>
    </row>
    <row r="774" spans="1:11" ht="86.4" x14ac:dyDescent="0.3">
      <c r="A774" s="1">
        <v>5996</v>
      </c>
      <c r="C774" s="4" t="s">
        <v>4076</v>
      </c>
      <c r="D774" s="4" t="s">
        <v>4077</v>
      </c>
      <c r="H774" s="4" t="s">
        <v>4078</v>
      </c>
    </row>
    <row r="775" spans="1:11" ht="72" x14ac:dyDescent="0.3">
      <c r="A775" s="1">
        <v>6001</v>
      </c>
      <c r="K775" s="4" t="s">
        <v>4079</v>
      </c>
    </row>
    <row r="776" spans="1:11" ht="57.6" x14ac:dyDescent="0.3">
      <c r="A776" s="1">
        <v>6006</v>
      </c>
      <c r="D776" s="4" t="s">
        <v>4080</v>
      </c>
      <c r="E776" s="4" t="s">
        <v>4081</v>
      </c>
      <c r="F776" s="4" t="s">
        <v>1113</v>
      </c>
      <c r="G776" s="4" t="s">
        <v>4082</v>
      </c>
      <c r="H776" s="4" t="s">
        <v>1113</v>
      </c>
      <c r="I776" s="4" t="s">
        <v>4083</v>
      </c>
    </row>
    <row r="777" spans="1:11" ht="86.4" x14ac:dyDescent="0.3">
      <c r="A777" s="1">
        <v>6016</v>
      </c>
      <c r="C777" s="4" t="s">
        <v>4084</v>
      </c>
      <c r="D777" s="4" t="s">
        <v>4085</v>
      </c>
      <c r="E777" s="4" t="s">
        <v>4086</v>
      </c>
      <c r="F777" s="4" t="s">
        <v>4086</v>
      </c>
      <c r="G777" s="4" t="s">
        <v>4087</v>
      </c>
      <c r="H777" s="4" t="s">
        <v>4088</v>
      </c>
      <c r="I777" s="4" t="s">
        <v>4089</v>
      </c>
      <c r="K777" s="4" t="s">
        <v>4090</v>
      </c>
    </row>
    <row r="778" spans="1:11" ht="86.4" x14ac:dyDescent="0.3">
      <c r="A778" s="1">
        <v>6021</v>
      </c>
      <c r="B778" s="1" t="s">
        <v>4091</v>
      </c>
      <c r="C778" s="4" t="s">
        <v>4092</v>
      </c>
      <c r="D778" s="4" t="s">
        <v>4093</v>
      </c>
      <c r="E778" s="4" t="s">
        <v>4094</v>
      </c>
      <c r="H778" s="4" t="s">
        <v>4095</v>
      </c>
      <c r="K778" s="4" t="s">
        <v>4096</v>
      </c>
    </row>
    <row r="779" spans="1:11" ht="72" x14ac:dyDescent="0.3">
      <c r="A779" s="1">
        <v>6041</v>
      </c>
      <c r="C779" s="4" t="s">
        <v>4097</v>
      </c>
      <c r="D779" s="4" t="s">
        <v>4098</v>
      </c>
      <c r="E779" s="4" t="s">
        <v>4099</v>
      </c>
      <c r="F779" s="4" t="s">
        <v>4100</v>
      </c>
      <c r="G779" s="4" t="s">
        <v>4101</v>
      </c>
      <c r="H779" s="4" t="s">
        <v>4102</v>
      </c>
      <c r="I779" s="4" t="s">
        <v>4103</v>
      </c>
      <c r="K779" s="4" t="s">
        <v>4104</v>
      </c>
    </row>
    <row r="780" spans="1:11" ht="72" x14ac:dyDescent="0.3">
      <c r="A780" s="1">
        <v>6046</v>
      </c>
      <c r="H780" s="4" t="s">
        <v>4105</v>
      </c>
      <c r="K780" s="4" t="s">
        <v>4106</v>
      </c>
    </row>
    <row r="781" spans="1:11" ht="86.4" x14ac:dyDescent="0.3">
      <c r="A781" s="1">
        <v>6056</v>
      </c>
      <c r="C781" s="4" t="s">
        <v>4107</v>
      </c>
      <c r="D781" s="4" t="s">
        <v>4108</v>
      </c>
      <c r="E781" s="4" t="s">
        <v>4109</v>
      </c>
      <c r="F781" s="4" t="s">
        <v>4110</v>
      </c>
      <c r="G781" s="4" t="s">
        <v>4111</v>
      </c>
      <c r="H781" s="4" t="s">
        <v>4112</v>
      </c>
      <c r="I781" s="4" t="s">
        <v>4113</v>
      </c>
      <c r="J781" s="4" t="s">
        <v>4114</v>
      </c>
      <c r="K781" s="4" t="s">
        <v>4115</v>
      </c>
    </row>
    <row r="782" spans="1:11" ht="72" x14ac:dyDescent="0.3">
      <c r="A782" s="1">
        <v>6061</v>
      </c>
      <c r="C782" s="4" t="s">
        <v>4116</v>
      </c>
      <c r="D782" s="4" t="s">
        <v>4117</v>
      </c>
      <c r="F782" s="4" t="s">
        <v>4118</v>
      </c>
      <c r="G782" s="4" t="s">
        <v>4119</v>
      </c>
      <c r="H782" s="4" t="s">
        <v>4120</v>
      </c>
      <c r="I782" s="4" t="s">
        <v>4121</v>
      </c>
    </row>
    <row r="783" spans="1:11" ht="72" x14ac:dyDescent="0.3">
      <c r="A783" s="1">
        <v>6066</v>
      </c>
      <c r="C783" s="4" t="s">
        <v>4122</v>
      </c>
      <c r="D783" s="4" t="s">
        <v>4123</v>
      </c>
      <c r="G783" s="4" t="s">
        <v>4124</v>
      </c>
      <c r="H783" s="4" t="s">
        <v>4125</v>
      </c>
      <c r="K783" s="4" t="s">
        <v>4126</v>
      </c>
    </row>
    <row r="784" spans="1:11" ht="100.8" x14ac:dyDescent="0.3">
      <c r="A784" s="1">
        <v>6071</v>
      </c>
      <c r="C784" s="4" t="s">
        <v>4127</v>
      </c>
      <c r="D784" s="4" t="s">
        <v>4128</v>
      </c>
      <c r="E784" s="4" t="s">
        <v>4129</v>
      </c>
      <c r="F784" s="4" t="e">
        <v>#NAME?</v>
      </c>
      <c r="G784" s="4" t="s">
        <v>4130</v>
      </c>
      <c r="H784" s="4" t="s">
        <v>4131</v>
      </c>
      <c r="I784" s="4" t="s">
        <v>4132</v>
      </c>
      <c r="K784" s="4" t="s">
        <v>4133</v>
      </c>
    </row>
    <row r="785" spans="1:11" ht="57.6" x14ac:dyDescent="0.3">
      <c r="A785" s="1">
        <v>6076</v>
      </c>
      <c r="C785" s="4" t="s">
        <v>4134</v>
      </c>
      <c r="D785" s="4" t="s">
        <v>4135</v>
      </c>
      <c r="G785" s="4" t="s">
        <v>4136</v>
      </c>
      <c r="J785" s="4" t="s">
        <v>4137</v>
      </c>
      <c r="K785" s="4" t="s">
        <v>4138</v>
      </c>
    </row>
    <row r="786" spans="1:11" x14ac:dyDescent="0.3">
      <c r="A786" s="1">
        <v>6081</v>
      </c>
    </row>
    <row r="787" spans="1:11" ht="86.4" x14ac:dyDescent="0.3">
      <c r="A787" s="1">
        <v>6091</v>
      </c>
      <c r="C787" s="4" t="s">
        <v>4139</v>
      </c>
      <c r="D787" s="4" t="s">
        <v>4140</v>
      </c>
      <c r="E787" s="4" t="s">
        <v>4141</v>
      </c>
      <c r="F787" s="4" t="s">
        <v>4142</v>
      </c>
      <c r="G787" s="4" t="s">
        <v>4143</v>
      </c>
      <c r="H787" s="4" t="s">
        <v>4144</v>
      </c>
      <c r="I787" s="4" t="s">
        <v>4145</v>
      </c>
      <c r="K787" s="4" t="s">
        <v>4146</v>
      </c>
    </row>
    <row r="788" spans="1:11" ht="86.4" x14ac:dyDescent="0.3">
      <c r="A788" s="1">
        <v>6096</v>
      </c>
      <c r="C788" s="4" t="s">
        <v>4147</v>
      </c>
      <c r="D788" s="4" t="s">
        <v>4148</v>
      </c>
      <c r="E788" s="4" t="s">
        <v>4149</v>
      </c>
      <c r="F788" s="4" t="s">
        <v>4150</v>
      </c>
      <c r="G788" s="4" t="s">
        <v>4151</v>
      </c>
      <c r="H788" s="4" t="s">
        <v>4152</v>
      </c>
      <c r="I788" s="4" t="s">
        <v>4153</v>
      </c>
      <c r="K788" s="4" t="s">
        <v>4154</v>
      </c>
    </row>
    <row r="789" spans="1:11" ht="72" x14ac:dyDescent="0.3">
      <c r="A789" s="1">
        <v>6101</v>
      </c>
      <c r="C789" s="4" t="s">
        <v>4155</v>
      </c>
      <c r="D789" s="4" t="s">
        <v>4156</v>
      </c>
      <c r="G789" s="4" t="s">
        <v>4157</v>
      </c>
      <c r="H789" s="4" t="s">
        <v>4158</v>
      </c>
      <c r="I789" s="4" t="s">
        <v>4159</v>
      </c>
      <c r="J789" s="4" t="s">
        <v>4160</v>
      </c>
      <c r="K789" s="4" t="s">
        <v>4161</v>
      </c>
    </row>
    <row r="790" spans="1:11" ht="72" x14ac:dyDescent="0.3">
      <c r="A790" s="1">
        <v>6106</v>
      </c>
      <c r="C790" s="4" t="s">
        <v>4162</v>
      </c>
      <c r="D790" s="4" t="s">
        <v>4163</v>
      </c>
      <c r="G790" s="4" t="s">
        <v>4164</v>
      </c>
      <c r="H790" s="4" t="s">
        <v>4165</v>
      </c>
      <c r="I790" s="4" t="s">
        <v>4166</v>
      </c>
      <c r="K790" s="4" t="s">
        <v>4167</v>
      </c>
    </row>
    <row r="791" spans="1:11" ht="86.4" x14ac:dyDescent="0.3">
      <c r="A791" s="1">
        <v>6111</v>
      </c>
      <c r="C791" s="4" t="s">
        <v>4168</v>
      </c>
      <c r="D791" s="4" t="s">
        <v>4169</v>
      </c>
      <c r="E791" s="4" t="s">
        <v>4170</v>
      </c>
      <c r="F791" s="4" t="s">
        <v>4171</v>
      </c>
      <c r="G791" s="4" t="s">
        <v>4172</v>
      </c>
      <c r="H791" s="4" t="s">
        <v>4173</v>
      </c>
      <c r="I791" s="4" t="s">
        <v>4174</v>
      </c>
      <c r="K791" s="4" t="s">
        <v>4175</v>
      </c>
    </row>
    <row r="792" spans="1:11" x14ac:dyDescent="0.3">
      <c r="A792" s="1">
        <v>6121</v>
      </c>
      <c r="C792" s="4" t="s">
        <v>4176</v>
      </c>
      <c r="K792" s="4" t="s">
        <v>4177</v>
      </c>
    </row>
    <row r="793" spans="1:11" ht="57.6" x14ac:dyDescent="0.3">
      <c r="A793" s="1">
        <v>6126</v>
      </c>
      <c r="C793" s="4" t="s">
        <v>4178</v>
      </c>
      <c r="D793" s="4" t="s">
        <v>4179</v>
      </c>
      <c r="E793" s="4" t="s">
        <v>4180</v>
      </c>
      <c r="F793" s="4" t="s">
        <v>4181</v>
      </c>
      <c r="G793" s="4" t="s">
        <v>4182</v>
      </c>
      <c r="H793" s="4" t="s">
        <v>4183</v>
      </c>
      <c r="I793" s="4" t="s">
        <v>4184</v>
      </c>
      <c r="K793" s="4" t="s">
        <v>4185</v>
      </c>
    </row>
    <row r="794" spans="1:11" ht="43.2" x14ac:dyDescent="0.3">
      <c r="A794" s="1">
        <v>6136</v>
      </c>
      <c r="C794" s="4" t="s">
        <v>4186</v>
      </c>
      <c r="G794" s="4" t="s">
        <v>4187</v>
      </c>
    </row>
    <row r="795" spans="1:11" ht="72" x14ac:dyDescent="0.3">
      <c r="A795" s="1">
        <v>6151</v>
      </c>
      <c r="C795" s="4" t="s">
        <v>4188</v>
      </c>
      <c r="F795" s="4" t="s">
        <v>4189</v>
      </c>
      <c r="G795" s="4" t="s">
        <v>4190</v>
      </c>
      <c r="H795" s="4" t="s">
        <v>4191</v>
      </c>
      <c r="I795" s="4" t="s">
        <v>4192</v>
      </c>
      <c r="K795" s="4" t="s">
        <v>4193</v>
      </c>
    </row>
    <row r="796" spans="1:11" ht="43.2" x14ac:dyDescent="0.3">
      <c r="A796" s="1">
        <v>6156</v>
      </c>
      <c r="C796" s="4" t="s">
        <v>4194</v>
      </c>
      <c r="D796" s="4" t="s">
        <v>4195</v>
      </c>
      <c r="E796" s="4" t="s">
        <v>4196</v>
      </c>
      <c r="G796" s="4" t="s">
        <v>4197</v>
      </c>
      <c r="H796" s="4" t="s">
        <v>4198</v>
      </c>
      <c r="K796" s="4" t="s">
        <v>4199</v>
      </c>
    </row>
    <row r="797" spans="1:11" ht="86.4" x14ac:dyDescent="0.3">
      <c r="A797" s="1">
        <v>6161</v>
      </c>
      <c r="C797" s="4" t="s">
        <v>4200</v>
      </c>
      <c r="D797" s="4" t="s">
        <v>4201</v>
      </c>
      <c r="E797" s="4" t="s">
        <v>4202</v>
      </c>
    </row>
    <row r="798" spans="1:11" ht="86.4" x14ac:dyDescent="0.3">
      <c r="A798" s="1">
        <v>6166</v>
      </c>
      <c r="C798" s="4" t="s">
        <v>4203</v>
      </c>
      <c r="D798" s="4" t="s">
        <v>4204</v>
      </c>
      <c r="E798" s="4" t="s">
        <v>4205</v>
      </c>
      <c r="F798" s="4" t="s">
        <v>4206</v>
      </c>
      <c r="G798" s="4" t="s">
        <v>4207</v>
      </c>
      <c r="H798" s="4" t="s">
        <v>4208</v>
      </c>
      <c r="I798" s="4" t="s">
        <v>4209</v>
      </c>
      <c r="K798" s="4" t="s">
        <v>4210</v>
      </c>
    </row>
    <row r="799" spans="1:11" ht="28.8" x14ac:dyDescent="0.3">
      <c r="A799" s="1">
        <v>6171</v>
      </c>
      <c r="C799" s="4" t="s">
        <v>4211</v>
      </c>
      <c r="D799" s="4" t="s">
        <v>4212</v>
      </c>
      <c r="E799" s="4" t="s">
        <v>4213</v>
      </c>
      <c r="F799" s="4" t="s">
        <v>4214</v>
      </c>
      <c r="G799" s="4" t="s">
        <v>4215</v>
      </c>
      <c r="H799" s="4" t="s">
        <v>4216</v>
      </c>
      <c r="I799" s="4" t="s">
        <v>4217</v>
      </c>
      <c r="K799" s="4" t="s">
        <v>4218</v>
      </c>
    </row>
    <row r="800" spans="1:11" ht="72" x14ac:dyDescent="0.3">
      <c r="A800" s="1">
        <v>6176</v>
      </c>
      <c r="D800" s="4" t="s">
        <v>4219</v>
      </c>
      <c r="E800" s="4" t="s">
        <v>4220</v>
      </c>
      <c r="F800" s="4" t="s">
        <v>4221</v>
      </c>
      <c r="G800" s="4" t="s">
        <v>4222</v>
      </c>
      <c r="H800" s="4" t="s">
        <v>4223</v>
      </c>
      <c r="K800" s="4" t="s">
        <v>4224</v>
      </c>
    </row>
    <row r="801" spans="1:11" ht="72" x14ac:dyDescent="0.3">
      <c r="A801" s="1">
        <v>6181</v>
      </c>
      <c r="C801" s="4" t="s">
        <v>4225</v>
      </c>
      <c r="D801" s="4" t="s">
        <v>4226</v>
      </c>
      <c r="E801" s="4" t="s">
        <v>4227</v>
      </c>
      <c r="F801" s="4" t="s">
        <v>4228</v>
      </c>
      <c r="G801" s="4" t="s">
        <v>4229</v>
      </c>
      <c r="H801" s="4" t="s">
        <v>4230</v>
      </c>
      <c r="K801" s="4" t="s">
        <v>4231</v>
      </c>
    </row>
    <row r="802" spans="1:11" ht="72" x14ac:dyDescent="0.3">
      <c r="A802" s="1">
        <v>6186</v>
      </c>
      <c r="C802" s="4" t="s">
        <v>4232</v>
      </c>
      <c r="D802" s="4" t="s">
        <v>4233</v>
      </c>
      <c r="E802" s="4" t="s">
        <v>4234</v>
      </c>
      <c r="G802" s="4" t="s">
        <v>4235</v>
      </c>
      <c r="H802" s="4" t="s">
        <v>4236</v>
      </c>
      <c r="K802" s="4" t="s">
        <v>4237</v>
      </c>
    </row>
    <row r="803" spans="1:11" ht="86.4" x14ac:dyDescent="0.3">
      <c r="A803" s="1">
        <v>6191</v>
      </c>
      <c r="C803" s="4" t="s">
        <v>4238</v>
      </c>
      <c r="D803" s="4" t="s">
        <v>4239</v>
      </c>
      <c r="E803" s="4" t="s">
        <v>4240</v>
      </c>
      <c r="F803" s="4" t="s">
        <v>4241</v>
      </c>
      <c r="G803" s="4" t="s">
        <v>4242</v>
      </c>
      <c r="H803" s="4" t="s">
        <v>4243</v>
      </c>
      <c r="I803" s="4" t="s">
        <v>4244</v>
      </c>
      <c r="K803" s="4" t="s">
        <v>4245</v>
      </c>
    </row>
    <row r="804" spans="1:11" ht="86.4" x14ac:dyDescent="0.3">
      <c r="A804" s="1">
        <v>6196</v>
      </c>
      <c r="C804" s="4" t="s">
        <v>4246</v>
      </c>
      <c r="D804" s="4" t="s">
        <v>4247</v>
      </c>
      <c r="E804" s="4" t="s">
        <v>4248</v>
      </c>
      <c r="F804" s="4" t="s">
        <v>4249</v>
      </c>
      <c r="G804" s="4" t="s">
        <v>4250</v>
      </c>
      <c r="I804" s="4" t="s">
        <v>4251</v>
      </c>
      <c r="K804" s="4" t="s">
        <v>4252</v>
      </c>
    </row>
    <row r="805" spans="1:11" ht="72" x14ac:dyDescent="0.3">
      <c r="A805" s="1">
        <v>6201</v>
      </c>
      <c r="C805" s="4" t="s">
        <v>4253</v>
      </c>
      <c r="D805" s="4" t="s">
        <v>4254</v>
      </c>
      <c r="E805" s="4" t="s">
        <v>4255</v>
      </c>
      <c r="F805" s="4" t="s">
        <v>4256</v>
      </c>
      <c r="G805" s="4" t="s">
        <v>4257</v>
      </c>
      <c r="H805" s="4" t="s">
        <v>4258</v>
      </c>
      <c r="K805" s="4" t="s">
        <v>4259</v>
      </c>
    </row>
    <row r="806" spans="1:11" ht="100.8" x14ac:dyDescent="0.3">
      <c r="A806" s="1">
        <v>6206</v>
      </c>
      <c r="C806" s="4" t="s">
        <v>4260</v>
      </c>
      <c r="D806" s="4" t="s">
        <v>4261</v>
      </c>
      <c r="E806" s="4" t="s">
        <v>4262</v>
      </c>
      <c r="F806" s="4" t="s">
        <v>4263</v>
      </c>
      <c r="H806" s="4" t="s">
        <v>4264</v>
      </c>
      <c r="J806" s="4" t="s">
        <v>4265</v>
      </c>
    </row>
    <row r="807" spans="1:11" ht="86.4" x14ac:dyDescent="0.3">
      <c r="A807" s="1">
        <v>6211</v>
      </c>
      <c r="C807" s="4" t="s">
        <v>4266</v>
      </c>
      <c r="D807" s="4" t="s">
        <v>4267</v>
      </c>
      <c r="G807" s="4" t="s">
        <v>4268</v>
      </c>
      <c r="H807" s="4" t="s">
        <v>4269</v>
      </c>
    </row>
    <row r="808" spans="1:11" ht="72" x14ac:dyDescent="0.3">
      <c r="A808" s="1">
        <v>6216</v>
      </c>
      <c r="C808" s="4" t="s">
        <v>4270</v>
      </c>
      <c r="E808" s="4" t="s">
        <v>4271</v>
      </c>
      <c r="G808" s="4" t="s">
        <v>4272</v>
      </c>
      <c r="H808" s="4" t="s">
        <v>4273</v>
      </c>
      <c r="K808" s="4" t="s">
        <v>4274</v>
      </c>
    </row>
    <row r="809" spans="1:11" ht="86.4" x14ac:dyDescent="0.3">
      <c r="A809" s="1">
        <v>6221</v>
      </c>
      <c r="C809" s="4" t="s">
        <v>4275</v>
      </c>
      <c r="D809" s="4" t="s">
        <v>4276</v>
      </c>
      <c r="E809" s="4" t="s">
        <v>4277</v>
      </c>
      <c r="F809" s="4" t="s">
        <v>4278</v>
      </c>
      <c r="G809" s="4" t="s">
        <v>4279</v>
      </c>
      <c r="H809" s="4" t="s">
        <v>4280</v>
      </c>
      <c r="I809" s="4" t="s">
        <v>4281</v>
      </c>
      <c r="J809" s="4" t="s">
        <v>4282</v>
      </c>
      <c r="K809" s="4" t="s">
        <v>4283</v>
      </c>
    </row>
    <row r="810" spans="1:11" ht="86.4" x14ac:dyDescent="0.3">
      <c r="A810" s="1">
        <v>6226</v>
      </c>
      <c r="C810" s="4" t="s">
        <v>4284</v>
      </c>
      <c r="D810" s="4" t="s">
        <v>4285</v>
      </c>
      <c r="E810" s="4" t="s">
        <v>4286</v>
      </c>
      <c r="F810" s="4" t="s">
        <v>4287</v>
      </c>
      <c r="G810" s="4" t="s">
        <v>4288</v>
      </c>
      <c r="H810" s="4" t="s">
        <v>4289</v>
      </c>
      <c r="K810" s="4" t="s">
        <v>4290</v>
      </c>
    </row>
    <row r="811" spans="1:11" ht="28.8" x14ac:dyDescent="0.3">
      <c r="A811" s="1">
        <v>6231</v>
      </c>
      <c r="C811" s="4" t="s">
        <v>4291</v>
      </c>
      <c r="G811" s="4" t="s">
        <v>4292</v>
      </c>
      <c r="H811" s="4" t="s">
        <v>4293</v>
      </c>
      <c r="K811" s="4" t="s">
        <v>4294</v>
      </c>
    </row>
    <row r="812" spans="1:11" ht="43.2" x14ac:dyDescent="0.3">
      <c r="A812" s="1">
        <v>6236</v>
      </c>
      <c r="C812" s="4" t="s">
        <v>4295</v>
      </c>
      <c r="D812" s="4" t="s">
        <v>4296</v>
      </c>
      <c r="E812" s="4" t="s">
        <v>4297</v>
      </c>
      <c r="F812" s="4" t="s">
        <v>4298</v>
      </c>
      <c r="G812" s="4" t="s">
        <v>4299</v>
      </c>
      <c r="I812" s="4" t="s">
        <v>4300</v>
      </c>
      <c r="K812" s="4" t="s">
        <v>4301</v>
      </c>
    </row>
    <row r="813" spans="1:11" ht="72" x14ac:dyDescent="0.3">
      <c r="A813" s="1">
        <v>6241</v>
      </c>
      <c r="C813" s="4" t="s">
        <v>4302</v>
      </c>
      <c r="D813" s="4" t="s">
        <v>4303</v>
      </c>
      <c r="E813" s="4" t="s">
        <v>4304</v>
      </c>
      <c r="F813" s="4" t="s">
        <v>4305</v>
      </c>
      <c r="G813" s="4" t="s">
        <v>4306</v>
      </c>
      <c r="H813" s="4" t="s">
        <v>4307</v>
      </c>
      <c r="I813" s="4" t="s">
        <v>4308</v>
      </c>
      <c r="J813" s="4" t="s">
        <v>4309</v>
      </c>
    </row>
    <row r="814" spans="1:11" ht="72" x14ac:dyDescent="0.3">
      <c r="A814" s="1">
        <v>6246</v>
      </c>
      <c r="C814" s="4" t="s">
        <v>4310</v>
      </c>
      <c r="D814" s="4" t="s">
        <v>4311</v>
      </c>
    </row>
    <row r="815" spans="1:11" ht="57.6" x14ac:dyDescent="0.3">
      <c r="A815" s="1">
        <v>6251</v>
      </c>
      <c r="C815" s="4" t="s">
        <v>4312</v>
      </c>
      <c r="D815" s="4" t="s">
        <v>4313</v>
      </c>
      <c r="G815" s="4" t="s">
        <v>4314</v>
      </c>
    </row>
    <row r="816" spans="1:11" ht="72" x14ac:dyDescent="0.3">
      <c r="A816" s="1">
        <v>6256</v>
      </c>
      <c r="C816" s="4" t="s">
        <v>4315</v>
      </c>
      <c r="D816" s="4" t="s">
        <v>4316</v>
      </c>
      <c r="G816" s="4" t="s">
        <v>4317</v>
      </c>
      <c r="H816" s="4" t="s">
        <v>4318</v>
      </c>
      <c r="J816" s="4" t="s">
        <v>4319</v>
      </c>
      <c r="K816" s="4" t="s">
        <v>4320</v>
      </c>
    </row>
    <row r="817" spans="1:11" ht="72" x14ac:dyDescent="0.3">
      <c r="A817" s="1">
        <v>6266</v>
      </c>
      <c r="C817" s="4" t="s">
        <v>4321</v>
      </c>
      <c r="D817" s="4" t="s">
        <v>4322</v>
      </c>
      <c r="E817" s="4" t="s">
        <v>4323</v>
      </c>
      <c r="F817" s="4" t="s">
        <v>4324</v>
      </c>
      <c r="G817" s="4" t="s">
        <v>4325</v>
      </c>
      <c r="H817" s="4" t="s">
        <v>4326</v>
      </c>
      <c r="I817" s="4" t="s">
        <v>4327</v>
      </c>
      <c r="J817" s="4" t="s">
        <v>4328</v>
      </c>
      <c r="K817" s="4" t="s">
        <v>4329</v>
      </c>
    </row>
    <row r="818" spans="1:11" ht="86.4" x14ac:dyDescent="0.3">
      <c r="A818" s="1">
        <v>6271</v>
      </c>
      <c r="C818" s="4" t="s">
        <v>4330</v>
      </c>
      <c r="H818" s="4" t="s">
        <v>4331</v>
      </c>
      <c r="K818" s="4" t="s">
        <v>4332</v>
      </c>
    </row>
    <row r="819" spans="1:11" ht="28.8" x14ac:dyDescent="0.3">
      <c r="A819" s="1">
        <v>6276</v>
      </c>
      <c r="C819" s="4" t="s">
        <v>4333</v>
      </c>
      <c r="D819" s="4" t="s">
        <v>4334</v>
      </c>
      <c r="E819" s="4" t="s">
        <v>4335</v>
      </c>
      <c r="F819" s="4" t="s">
        <v>4336</v>
      </c>
      <c r="G819" s="4" t="s">
        <v>4337</v>
      </c>
      <c r="H819" s="4" t="s">
        <v>4338</v>
      </c>
      <c r="K819" s="4" t="s">
        <v>4339</v>
      </c>
    </row>
    <row r="820" spans="1:11" ht="72" x14ac:dyDescent="0.3">
      <c r="A820" s="1">
        <v>6291</v>
      </c>
      <c r="C820" s="4" t="s">
        <v>4340</v>
      </c>
      <c r="D820" s="4" t="s">
        <v>4341</v>
      </c>
      <c r="E820" s="4" t="s">
        <v>4342</v>
      </c>
      <c r="F820" s="4" t="s">
        <v>4343</v>
      </c>
      <c r="I820" s="4" t="s">
        <v>4344</v>
      </c>
      <c r="K820" s="4" t="s">
        <v>4345</v>
      </c>
    </row>
    <row r="821" spans="1:11" ht="86.4" x14ac:dyDescent="0.3">
      <c r="A821" s="1">
        <v>6296</v>
      </c>
      <c r="C821" s="4" t="s">
        <v>4346</v>
      </c>
      <c r="D821" s="4" t="s">
        <v>4347</v>
      </c>
      <c r="F821" s="4" t="s">
        <v>4348</v>
      </c>
      <c r="G821" s="4" t="s">
        <v>4349</v>
      </c>
      <c r="H821" s="4" t="s">
        <v>4350</v>
      </c>
      <c r="J821" s="4" t="s">
        <v>4351</v>
      </c>
      <c r="K821" s="4" t="s">
        <v>4352</v>
      </c>
    </row>
    <row r="822" spans="1:11" ht="72" x14ac:dyDescent="0.3">
      <c r="A822" s="1">
        <v>6301</v>
      </c>
      <c r="C822" s="4" t="s">
        <v>4353</v>
      </c>
      <c r="D822" s="4" t="s">
        <v>4354</v>
      </c>
      <c r="E822" s="4" t="s">
        <v>4355</v>
      </c>
      <c r="F822" s="4" t="s">
        <v>4356</v>
      </c>
      <c r="G822" s="4" t="s">
        <v>4357</v>
      </c>
      <c r="H822" s="4" t="s">
        <v>4358</v>
      </c>
      <c r="I822" s="4" t="s">
        <v>4359</v>
      </c>
      <c r="K822" s="4" t="s">
        <v>4360</v>
      </c>
    </row>
    <row r="823" spans="1:11" ht="86.4" x14ac:dyDescent="0.3">
      <c r="A823" s="1">
        <v>6306</v>
      </c>
      <c r="C823" s="4" t="s">
        <v>4361</v>
      </c>
      <c r="D823" s="4" t="s">
        <v>4362</v>
      </c>
      <c r="E823" s="4" t="s">
        <v>4363</v>
      </c>
      <c r="F823" s="4" t="s">
        <v>4364</v>
      </c>
      <c r="G823" s="4" t="s">
        <v>4365</v>
      </c>
      <c r="I823" s="4" t="s">
        <v>4366</v>
      </c>
      <c r="K823" s="4" t="s">
        <v>4367</v>
      </c>
    </row>
    <row r="824" spans="1:11" ht="72" x14ac:dyDescent="0.3">
      <c r="A824" s="1">
        <v>6316</v>
      </c>
      <c r="C824" s="4" t="s">
        <v>4368</v>
      </c>
      <c r="D824" s="4" t="s">
        <v>4369</v>
      </c>
      <c r="G824" s="4" t="s">
        <v>4370</v>
      </c>
      <c r="H824" s="4" t="s">
        <v>4371</v>
      </c>
      <c r="I824" s="4" t="s">
        <v>4372</v>
      </c>
    </row>
    <row r="825" spans="1:11" ht="86.4" x14ac:dyDescent="0.3">
      <c r="A825" s="1">
        <v>6321</v>
      </c>
      <c r="C825" s="4" t="s">
        <v>4346</v>
      </c>
      <c r="G825" s="4" t="s">
        <v>4373</v>
      </c>
      <c r="H825" s="4" t="s">
        <v>4374</v>
      </c>
      <c r="J825" s="4" t="s">
        <v>4375</v>
      </c>
      <c r="K825" s="4" t="s">
        <v>4376</v>
      </c>
    </row>
    <row r="826" spans="1:11" ht="57.6" x14ac:dyDescent="0.3">
      <c r="A826" s="1">
        <v>6326</v>
      </c>
      <c r="D826" s="4" t="s">
        <v>4377</v>
      </c>
      <c r="F826" s="4" t="s">
        <v>4378</v>
      </c>
      <c r="G826" s="4" t="s">
        <v>4379</v>
      </c>
      <c r="H826" s="4" t="s">
        <v>4380</v>
      </c>
    </row>
    <row r="827" spans="1:11" ht="86.4" x14ac:dyDescent="0.3">
      <c r="A827" s="1">
        <v>6331</v>
      </c>
      <c r="C827" s="4" t="s">
        <v>4381</v>
      </c>
      <c r="D827" s="4" t="s">
        <v>4382</v>
      </c>
      <c r="E827" s="4" t="s">
        <v>4383</v>
      </c>
      <c r="F827" s="4" t="s">
        <v>4384</v>
      </c>
      <c r="G827" s="4" t="s">
        <v>4385</v>
      </c>
      <c r="I827" s="4" t="s">
        <v>4386</v>
      </c>
      <c r="K827" s="4" t="e">
        <v>#NAME?</v>
      </c>
    </row>
    <row r="828" spans="1:11" ht="72" x14ac:dyDescent="0.3">
      <c r="A828" s="1">
        <v>6336</v>
      </c>
      <c r="C828" s="4" t="s">
        <v>4387</v>
      </c>
      <c r="D828" s="4" t="s">
        <v>4388</v>
      </c>
      <c r="G828" s="4" t="s">
        <v>4389</v>
      </c>
      <c r="H828" s="4" t="s">
        <v>4390</v>
      </c>
      <c r="I828" s="4" t="s">
        <v>4391</v>
      </c>
      <c r="J828" s="4" t="s">
        <v>4392</v>
      </c>
    </row>
    <row r="829" spans="1:11" ht="57.6" x14ac:dyDescent="0.3">
      <c r="A829" s="1">
        <v>6346</v>
      </c>
      <c r="C829" s="4" t="s">
        <v>4393</v>
      </c>
      <c r="E829" s="4" t="s">
        <v>4394</v>
      </c>
      <c r="F829" s="4" t="s">
        <v>4394</v>
      </c>
      <c r="G829" s="4" t="s">
        <v>4395</v>
      </c>
      <c r="I829" s="4" t="s">
        <v>4396</v>
      </c>
    </row>
    <row r="830" spans="1:11" ht="57.6" x14ac:dyDescent="0.3">
      <c r="A830" s="1">
        <v>6361</v>
      </c>
      <c r="C830" s="4" t="s">
        <v>4397</v>
      </c>
      <c r="D830" s="4" t="s">
        <v>4398</v>
      </c>
      <c r="G830" s="4" t="s">
        <v>4399</v>
      </c>
      <c r="H830" s="4" t="s">
        <v>4400</v>
      </c>
      <c r="I830" s="4" t="s">
        <v>4401</v>
      </c>
      <c r="K830" s="4" t="s">
        <v>4402</v>
      </c>
    </row>
    <row r="831" spans="1:11" ht="72" x14ac:dyDescent="0.3">
      <c r="A831" s="1">
        <v>6376</v>
      </c>
      <c r="C831" s="4" t="s">
        <v>4403</v>
      </c>
      <c r="D831" s="4" t="s">
        <v>4404</v>
      </c>
      <c r="G831" s="4" t="s">
        <v>4405</v>
      </c>
      <c r="H831" s="4" t="s">
        <v>4406</v>
      </c>
      <c r="K831" s="4" t="s">
        <v>4407</v>
      </c>
    </row>
    <row r="832" spans="1:11" ht="86.4" x14ac:dyDescent="0.3">
      <c r="A832" s="1">
        <v>6401</v>
      </c>
      <c r="C832" s="4" t="s">
        <v>4408</v>
      </c>
      <c r="G832" s="4" t="s">
        <v>4409</v>
      </c>
      <c r="H832" s="4" t="s">
        <v>4410</v>
      </c>
      <c r="K832" s="4" t="s">
        <v>4411</v>
      </c>
    </row>
    <row r="833" spans="1:11" ht="86.4" x14ac:dyDescent="0.3">
      <c r="A833" s="1">
        <v>6426</v>
      </c>
      <c r="C833" s="4" t="s">
        <v>4412</v>
      </c>
      <c r="D833" s="4" t="s">
        <v>4413</v>
      </c>
      <c r="E833" s="4" t="s">
        <v>4414</v>
      </c>
      <c r="F833" s="4" t="s">
        <v>4415</v>
      </c>
      <c r="G833" s="4" t="s">
        <v>4416</v>
      </c>
      <c r="H833" s="4" t="s">
        <v>4417</v>
      </c>
      <c r="I833" s="4" t="s">
        <v>4418</v>
      </c>
      <c r="K833" s="4" t="s">
        <v>4419</v>
      </c>
    </row>
    <row r="834" spans="1:11" ht="57.6" x14ac:dyDescent="0.3">
      <c r="A834" s="1">
        <v>6431</v>
      </c>
      <c r="C834" s="4" t="s">
        <v>4420</v>
      </c>
      <c r="G834" s="4" t="s">
        <v>4421</v>
      </c>
      <c r="H834" s="4" t="s">
        <v>4422</v>
      </c>
    </row>
    <row r="835" spans="1:11" ht="28.8" x14ac:dyDescent="0.3">
      <c r="A835" s="1">
        <v>6441</v>
      </c>
      <c r="C835" s="4" t="s">
        <v>4423</v>
      </c>
      <c r="D835" s="4" t="s">
        <v>4424</v>
      </c>
      <c r="E835" s="4" t="s">
        <v>4425</v>
      </c>
      <c r="F835" s="4" t="s">
        <v>4426</v>
      </c>
      <c r="G835" s="4" t="s">
        <v>4427</v>
      </c>
      <c r="H835" s="4" t="s">
        <v>4427</v>
      </c>
      <c r="I835" s="4" t="s">
        <v>4428</v>
      </c>
      <c r="K835" s="4" t="s">
        <v>4429</v>
      </c>
    </row>
    <row r="836" spans="1:11" ht="72" x14ac:dyDescent="0.3">
      <c r="A836" s="1">
        <v>6446</v>
      </c>
      <c r="C836" s="4" t="s">
        <v>4430</v>
      </c>
      <c r="G836" s="4" t="s">
        <v>4431</v>
      </c>
      <c r="H836" s="4" t="s">
        <v>4432</v>
      </c>
      <c r="K836" s="4" t="s">
        <v>4433</v>
      </c>
    </row>
    <row r="837" spans="1:11" ht="43.2" x14ac:dyDescent="0.3">
      <c r="A837" s="1">
        <v>6451</v>
      </c>
      <c r="C837" s="4" t="s">
        <v>4434</v>
      </c>
      <c r="D837" s="4" t="s">
        <v>4435</v>
      </c>
      <c r="E837" s="4" t="s">
        <v>4436</v>
      </c>
      <c r="F837" s="4" t="s">
        <v>4436</v>
      </c>
      <c r="G837" s="4" t="s">
        <v>4437</v>
      </c>
      <c r="H837" s="4" t="s">
        <v>4438</v>
      </c>
    </row>
    <row r="838" spans="1:11" ht="28.8" x14ac:dyDescent="0.3">
      <c r="A838" s="1">
        <v>6456</v>
      </c>
      <c r="D838" s="4" t="s">
        <v>4439</v>
      </c>
    </row>
    <row r="839" spans="1:11" ht="86.4" x14ac:dyDescent="0.3">
      <c r="A839" s="1">
        <v>6466</v>
      </c>
      <c r="C839" s="4" t="s">
        <v>4440</v>
      </c>
      <c r="D839" s="4" t="s">
        <v>4441</v>
      </c>
      <c r="E839" s="4" t="s">
        <v>4442</v>
      </c>
      <c r="F839" s="4" t="s">
        <v>4443</v>
      </c>
      <c r="G839" s="4" t="s">
        <v>4444</v>
      </c>
      <c r="H839" s="4" t="s">
        <v>4445</v>
      </c>
      <c r="I839" s="4" t="s">
        <v>4446</v>
      </c>
      <c r="J839" s="4" t="s">
        <v>4447</v>
      </c>
      <c r="K839" s="4" t="s">
        <v>4448</v>
      </c>
    </row>
    <row r="840" spans="1:11" ht="72" x14ac:dyDescent="0.3">
      <c r="A840" s="1">
        <v>6471</v>
      </c>
      <c r="C840" s="4" t="s">
        <v>4449</v>
      </c>
      <c r="D840" s="4" t="s">
        <v>4450</v>
      </c>
      <c r="E840" s="4" t="s">
        <v>4451</v>
      </c>
      <c r="F840" s="4" t="s">
        <v>4452</v>
      </c>
      <c r="G840" s="4" t="s">
        <v>4453</v>
      </c>
      <c r="H840" s="4" t="s">
        <v>4454</v>
      </c>
      <c r="I840" s="4" t="s">
        <v>4455</v>
      </c>
      <c r="K840" s="4" t="s">
        <v>4456</v>
      </c>
    </row>
    <row r="841" spans="1:11" ht="100.8" x14ac:dyDescent="0.3">
      <c r="A841" s="1">
        <v>6476</v>
      </c>
      <c r="C841" s="4" t="s">
        <v>4457</v>
      </c>
      <c r="D841" s="4" t="s">
        <v>4458</v>
      </c>
      <c r="E841" s="4" t="s">
        <v>4459</v>
      </c>
      <c r="F841" s="4" t="s">
        <v>4460</v>
      </c>
      <c r="G841" s="4" t="s">
        <v>4461</v>
      </c>
      <c r="H841" s="4" t="s">
        <v>4462</v>
      </c>
      <c r="K841" s="4" t="s">
        <v>4463</v>
      </c>
    </row>
    <row r="842" spans="1:11" ht="100.8" x14ac:dyDescent="0.3">
      <c r="A842" s="1">
        <v>6481</v>
      </c>
      <c r="C842" s="4" t="s">
        <v>4464</v>
      </c>
      <c r="D842" s="4" t="s">
        <v>4465</v>
      </c>
      <c r="E842" s="4" t="s">
        <v>4466</v>
      </c>
      <c r="F842" s="4" t="s">
        <v>4467</v>
      </c>
      <c r="G842" s="4" t="s">
        <v>4468</v>
      </c>
      <c r="H842" s="4" t="s">
        <v>4469</v>
      </c>
      <c r="I842" s="4" t="s">
        <v>4470</v>
      </c>
      <c r="K842" s="4" t="s">
        <v>4471</v>
      </c>
    </row>
    <row r="843" spans="1:11" ht="43.2" x14ac:dyDescent="0.3">
      <c r="A843" s="1">
        <v>6486</v>
      </c>
      <c r="C843" s="4" t="s">
        <v>4472</v>
      </c>
      <c r="D843" s="4" t="s">
        <v>4473</v>
      </c>
      <c r="G843" s="4" t="s">
        <v>4474</v>
      </c>
      <c r="H843" s="4" t="s">
        <v>4475</v>
      </c>
      <c r="I843" s="4" t="s">
        <v>4476</v>
      </c>
      <c r="J843" s="4" t="s">
        <v>4477</v>
      </c>
      <c r="K843" s="4" t="s">
        <v>4478</v>
      </c>
    </row>
    <row r="844" spans="1:11" ht="28.8" x14ac:dyDescent="0.3">
      <c r="A844" s="1">
        <v>6491</v>
      </c>
      <c r="C844" s="4" t="s">
        <v>4479</v>
      </c>
      <c r="D844" s="4" t="s">
        <v>4480</v>
      </c>
      <c r="G844" s="4" t="s">
        <v>4481</v>
      </c>
      <c r="H844" s="4" t="s">
        <v>4482</v>
      </c>
      <c r="I844" s="4" t="s">
        <v>4483</v>
      </c>
      <c r="K844" s="4" t="s">
        <v>4484</v>
      </c>
    </row>
    <row r="845" spans="1:11" ht="57.6" x14ac:dyDescent="0.3">
      <c r="A845" s="1">
        <v>6496</v>
      </c>
      <c r="C845" s="4" t="s">
        <v>4485</v>
      </c>
      <c r="D845" s="4" t="s">
        <v>4486</v>
      </c>
      <c r="E845" s="4" t="s">
        <v>4487</v>
      </c>
      <c r="F845" s="4" t="s">
        <v>4488</v>
      </c>
      <c r="G845" s="4" t="s">
        <v>4489</v>
      </c>
      <c r="H845" s="4" t="s">
        <v>4490</v>
      </c>
      <c r="I845" s="4" t="s">
        <v>4491</v>
      </c>
      <c r="K845" s="4" t="s">
        <v>4492</v>
      </c>
    </row>
    <row r="846" spans="1:11" ht="86.4" x14ac:dyDescent="0.3">
      <c r="A846" s="1">
        <v>6501</v>
      </c>
      <c r="C846" s="4" t="s">
        <v>4493</v>
      </c>
      <c r="D846" s="4" t="s">
        <v>4494</v>
      </c>
      <c r="E846" s="4" t="s">
        <v>4495</v>
      </c>
      <c r="G846" s="4" t="s">
        <v>4496</v>
      </c>
      <c r="H846" s="4" t="s">
        <v>4497</v>
      </c>
      <c r="I846" s="4" t="s">
        <v>4498</v>
      </c>
      <c r="K846" s="4" t="s">
        <v>4499</v>
      </c>
    </row>
    <row r="847" spans="1:11" ht="72" x14ac:dyDescent="0.3">
      <c r="A847" s="1">
        <v>6506</v>
      </c>
      <c r="D847" s="4" t="s">
        <v>4500</v>
      </c>
      <c r="E847" s="4" t="s">
        <v>4501</v>
      </c>
      <c r="G847" s="4" t="s">
        <v>4502</v>
      </c>
      <c r="H847" s="4" t="s">
        <v>4503</v>
      </c>
      <c r="J847" s="4" t="s">
        <v>4504</v>
      </c>
    </row>
    <row r="848" spans="1:11" x14ac:dyDescent="0.3">
      <c r="A848" s="1">
        <v>6511</v>
      </c>
    </row>
    <row r="849" spans="1:11" ht="28.8" x14ac:dyDescent="0.3">
      <c r="A849" s="1">
        <v>6516</v>
      </c>
      <c r="D849" s="4" t="s">
        <v>4505</v>
      </c>
      <c r="F849" s="4" t="s">
        <v>4506</v>
      </c>
      <c r="I849" s="4" t="s">
        <v>4507</v>
      </c>
    </row>
    <row r="850" spans="1:11" ht="86.4" x14ac:dyDescent="0.3">
      <c r="A850" s="1">
        <v>6521</v>
      </c>
      <c r="C850" s="4" t="s">
        <v>4508</v>
      </c>
      <c r="D850" s="4" t="s">
        <v>4509</v>
      </c>
      <c r="E850" s="4" t="s">
        <v>4510</v>
      </c>
      <c r="F850" s="4" t="s">
        <v>4511</v>
      </c>
      <c r="G850" s="4" t="s">
        <v>4512</v>
      </c>
      <c r="H850" s="4" t="s">
        <v>4513</v>
      </c>
      <c r="I850" s="4" t="s">
        <v>4514</v>
      </c>
      <c r="K850" s="4" t="s">
        <v>4515</v>
      </c>
    </row>
    <row r="851" spans="1:11" ht="100.8" x14ac:dyDescent="0.3">
      <c r="A851" s="1">
        <v>6526</v>
      </c>
      <c r="C851" s="4" t="s">
        <v>4516</v>
      </c>
      <c r="D851" s="4" t="s">
        <v>4517</v>
      </c>
      <c r="E851" s="4" t="s">
        <v>4518</v>
      </c>
      <c r="F851" s="4" t="s">
        <v>4518</v>
      </c>
      <c r="G851" s="4" t="s">
        <v>4519</v>
      </c>
      <c r="H851" s="4" t="s">
        <v>4520</v>
      </c>
      <c r="I851" s="4" t="s">
        <v>4521</v>
      </c>
      <c r="K851" s="4" t="s">
        <v>4522</v>
      </c>
    </row>
    <row r="852" spans="1:11" ht="72" x14ac:dyDescent="0.3">
      <c r="A852" s="1">
        <v>6531</v>
      </c>
      <c r="C852" s="4" t="s">
        <v>23154</v>
      </c>
      <c r="D852" s="4" t="s">
        <v>4523</v>
      </c>
      <c r="K852" s="4" t="s">
        <v>4524</v>
      </c>
    </row>
    <row r="853" spans="1:11" ht="57.6" x14ac:dyDescent="0.3">
      <c r="A853" s="1">
        <v>6536</v>
      </c>
      <c r="D853" s="4" t="s">
        <v>4525</v>
      </c>
      <c r="F853" s="4" t="s">
        <v>4526</v>
      </c>
      <c r="G853" s="4" t="s">
        <v>4527</v>
      </c>
      <c r="H853" s="4" t="s">
        <v>4528</v>
      </c>
      <c r="K853" s="4" t="s">
        <v>4529</v>
      </c>
    </row>
    <row r="854" spans="1:11" ht="86.4" x14ac:dyDescent="0.3">
      <c r="A854" s="1">
        <v>6541</v>
      </c>
      <c r="C854" s="4" t="s">
        <v>4530</v>
      </c>
      <c r="D854" s="4" t="s">
        <v>4531</v>
      </c>
      <c r="E854" s="4" t="s">
        <v>4532</v>
      </c>
      <c r="F854" s="4" t="s">
        <v>4533</v>
      </c>
      <c r="K854" s="4" t="s">
        <v>4534</v>
      </c>
    </row>
    <row r="855" spans="1:11" ht="72" x14ac:dyDescent="0.3">
      <c r="A855" s="1">
        <v>6546</v>
      </c>
      <c r="C855" s="4" t="s">
        <v>4535</v>
      </c>
      <c r="D855" s="4" t="s">
        <v>4536</v>
      </c>
      <c r="E855" s="4" t="s">
        <v>4537</v>
      </c>
      <c r="F855" s="4" t="s">
        <v>4538</v>
      </c>
      <c r="G855" s="4" t="s">
        <v>4539</v>
      </c>
      <c r="H855" s="4" t="s">
        <v>4540</v>
      </c>
    </row>
    <row r="856" spans="1:11" ht="86.4" x14ac:dyDescent="0.3">
      <c r="A856" s="1">
        <v>6561</v>
      </c>
      <c r="C856" s="4" t="s">
        <v>4541</v>
      </c>
      <c r="D856" s="4" t="s">
        <v>4542</v>
      </c>
      <c r="E856" s="4" t="s">
        <v>4543</v>
      </c>
      <c r="F856" s="4" t="s">
        <v>4544</v>
      </c>
      <c r="G856" s="4" t="s">
        <v>4545</v>
      </c>
      <c r="H856" s="4" t="s">
        <v>4546</v>
      </c>
      <c r="K856" s="4" t="s">
        <v>4547</v>
      </c>
    </row>
    <row r="857" spans="1:11" ht="43.2" x14ac:dyDescent="0.3">
      <c r="A857" s="1">
        <v>6571</v>
      </c>
      <c r="C857" s="4" t="s">
        <v>4548</v>
      </c>
      <c r="D857" s="4" t="s">
        <v>4549</v>
      </c>
      <c r="G857" s="4" t="s">
        <v>4550</v>
      </c>
      <c r="H857" s="4" t="s">
        <v>4551</v>
      </c>
      <c r="I857" s="4" t="s">
        <v>4552</v>
      </c>
    </row>
    <row r="858" spans="1:11" ht="86.4" x14ac:dyDescent="0.3">
      <c r="A858" s="1">
        <v>6576</v>
      </c>
      <c r="C858" s="4" t="s">
        <v>4553</v>
      </c>
      <c r="D858" s="4" t="s">
        <v>4554</v>
      </c>
      <c r="E858" s="4" t="s">
        <v>4555</v>
      </c>
      <c r="G858" s="4" t="s">
        <v>4556</v>
      </c>
      <c r="H858" s="4" t="s">
        <v>4557</v>
      </c>
      <c r="I858" s="4" t="s">
        <v>4558</v>
      </c>
      <c r="K858" s="4" t="s">
        <v>4559</v>
      </c>
    </row>
    <row r="859" spans="1:11" ht="100.8" x14ac:dyDescent="0.3">
      <c r="A859" s="1">
        <v>6581</v>
      </c>
      <c r="C859" s="4" t="s">
        <v>4560</v>
      </c>
      <c r="D859" s="4" t="s">
        <v>4561</v>
      </c>
      <c r="E859" s="4" t="s">
        <v>4562</v>
      </c>
      <c r="F859" s="4" t="s">
        <v>4563</v>
      </c>
      <c r="G859" s="4" t="s">
        <v>4564</v>
      </c>
      <c r="H859" s="4" t="s">
        <v>4565</v>
      </c>
      <c r="I859" s="4" t="s">
        <v>4566</v>
      </c>
      <c r="K859" s="4" t="s">
        <v>4567</v>
      </c>
    </row>
    <row r="860" spans="1:11" ht="86.4" x14ac:dyDescent="0.3">
      <c r="A860" s="1">
        <v>6586</v>
      </c>
      <c r="C860" s="4" t="s">
        <v>4568</v>
      </c>
      <c r="D860" s="4" t="s">
        <v>4569</v>
      </c>
      <c r="G860" s="4" t="s">
        <v>4570</v>
      </c>
      <c r="H860" s="4" t="s">
        <v>4571</v>
      </c>
      <c r="I860" s="4" t="s">
        <v>4572</v>
      </c>
      <c r="J860" s="4" t="s">
        <v>4573</v>
      </c>
    </row>
    <row r="861" spans="1:11" ht="72" x14ac:dyDescent="0.3">
      <c r="A861" s="1">
        <v>6591</v>
      </c>
      <c r="D861" s="4" t="s">
        <v>4574</v>
      </c>
    </row>
    <row r="862" spans="1:11" ht="86.4" x14ac:dyDescent="0.3">
      <c r="A862" s="1">
        <v>6596</v>
      </c>
      <c r="C862" s="4" t="s">
        <v>4575</v>
      </c>
      <c r="D862" s="4" t="s">
        <v>4576</v>
      </c>
      <c r="G862" s="4" t="s">
        <v>4577</v>
      </c>
      <c r="H862" s="4" t="s">
        <v>4578</v>
      </c>
      <c r="I862" s="4" t="s">
        <v>4579</v>
      </c>
    </row>
    <row r="863" spans="1:11" ht="57.6" x14ac:dyDescent="0.3">
      <c r="A863" s="1">
        <v>6601</v>
      </c>
      <c r="D863" s="4" t="s">
        <v>4580</v>
      </c>
      <c r="F863" s="4" t="s">
        <v>4581</v>
      </c>
      <c r="G863" s="4" t="s">
        <v>4582</v>
      </c>
      <c r="J863" s="4" t="s">
        <v>4583</v>
      </c>
    </row>
    <row r="864" spans="1:11" x14ac:dyDescent="0.3">
      <c r="A864" s="1">
        <v>6606</v>
      </c>
    </row>
    <row r="865" spans="1:11" ht="43.2" x14ac:dyDescent="0.3">
      <c r="A865" s="1">
        <v>6611</v>
      </c>
      <c r="C865" s="4" t="s">
        <v>4584</v>
      </c>
      <c r="D865" s="4" t="s">
        <v>4585</v>
      </c>
      <c r="G865" s="4" t="s">
        <v>4586</v>
      </c>
      <c r="H865" s="4" t="s">
        <v>4587</v>
      </c>
      <c r="I865" s="4" t="s">
        <v>4588</v>
      </c>
      <c r="K865" s="4" t="s">
        <v>4589</v>
      </c>
    </row>
    <row r="866" spans="1:11" ht="86.4" x14ac:dyDescent="0.3">
      <c r="A866" s="1">
        <v>6616</v>
      </c>
      <c r="C866" s="4" t="s">
        <v>4590</v>
      </c>
      <c r="D866" s="4" t="s">
        <v>4591</v>
      </c>
      <c r="G866" s="4" t="s">
        <v>4592</v>
      </c>
      <c r="H866" s="4" t="s">
        <v>4593</v>
      </c>
      <c r="K866" s="4" t="s">
        <v>1113</v>
      </c>
    </row>
    <row r="867" spans="1:11" x14ac:dyDescent="0.3">
      <c r="A867" s="1">
        <v>6626</v>
      </c>
      <c r="C867" s="4" t="s">
        <v>4594</v>
      </c>
      <c r="D867" s="4" t="s">
        <v>4595</v>
      </c>
      <c r="G867" s="4" t="s">
        <v>4596</v>
      </c>
      <c r="I867" s="4" t="s">
        <v>4597</v>
      </c>
    </row>
    <row r="868" spans="1:11" ht="43.2" x14ac:dyDescent="0.3">
      <c r="A868" s="1">
        <v>6631</v>
      </c>
      <c r="D868" s="4" t="s">
        <v>4598</v>
      </c>
      <c r="G868" s="4" t="s">
        <v>4599</v>
      </c>
      <c r="I868" s="4" t="s">
        <v>4600</v>
      </c>
      <c r="K868" s="4" t="s">
        <v>4601</v>
      </c>
    </row>
    <row r="869" spans="1:11" ht="57.6" x14ac:dyDescent="0.3">
      <c r="A869" s="1">
        <v>6641</v>
      </c>
      <c r="C869" s="4" t="s">
        <v>4602</v>
      </c>
      <c r="D869" s="4" t="s">
        <v>4603</v>
      </c>
      <c r="E869" s="4" t="s">
        <v>4604</v>
      </c>
      <c r="F869" s="4" t="s">
        <v>4605</v>
      </c>
      <c r="G869" s="4" t="s">
        <v>4606</v>
      </c>
      <c r="H869" s="4" t="s">
        <v>4607</v>
      </c>
      <c r="I869" s="4" t="s">
        <v>4608</v>
      </c>
      <c r="K869" s="4" t="s">
        <v>4609</v>
      </c>
    </row>
    <row r="870" spans="1:11" x14ac:dyDescent="0.3">
      <c r="A870" s="1">
        <v>6651</v>
      </c>
    </row>
    <row r="871" spans="1:11" ht="72" x14ac:dyDescent="0.3">
      <c r="A871" s="1">
        <v>6656</v>
      </c>
      <c r="C871" s="4" t="s">
        <v>4610</v>
      </c>
      <c r="D871" s="4" t="s">
        <v>4611</v>
      </c>
      <c r="E871" s="4" t="s">
        <v>4612</v>
      </c>
      <c r="F871" s="4" t="s">
        <v>4613</v>
      </c>
      <c r="G871" s="4" t="s">
        <v>4614</v>
      </c>
      <c r="H871" s="4" t="s">
        <v>4615</v>
      </c>
      <c r="I871" s="4" t="s">
        <v>4616</v>
      </c>
      <c r="K871" s="4" t="s">
        <v>4617</v>
      </c>
    </row>
    <row r="872" spans="1:11" ht="86.4" x14ac:dyDescent="0.3">
      <c r="A872" s="1">
        <v>6661</v>
      </c>
      <c r="C872" s="4" t="s">
        <v>4618</v>
      </c>
      <c r="D872" s="4" t="s">
        <v>4619</v>
      </c>
      <c r="G872" s="4" t="e">
        <v>#NAME?</v>
      </c>
      <c r="H872" s="4" t="s">
        <v>4620</v>
      </c>
      <c r="I872" s="4" t="s">
        <v>4621</v>
      </c>
      <c r="K872" s="4" t="s">
        <v>4622</v>
      </c>
    </row>
    <row r="873" spans="1:11" ht="86.4" x14ac:dyDescent="0.3">
      <c r="A873" s="1">
        <v>6671</v>
      </c>
      <c r="C873" s="4" t="s">
        <v>4623</v>
      </c>
      <c r="D873" s="4" t="s">
        <v>4624</v>
      </c>
      <c r="E873" s="4" t="s">
        <v>4625</v>
      </c>
      <c r="G873" s="4" t="s">
        <v>4626</v>
      </c>
      <c r="I873" s="4" t="s">
        <v>4627</v>
      </c>
      <c r="K873" s="4" t="s">
        <v>4628</v>
      </c>
    </row>
    <row r="874" spans="1:11" ht="57.6" x14ac:dyDescent="0.3">
      <c r="A874" s="1">
        <v>6676</v>
      </c>
      <c r="C874" s="4" t="s">
        <v>4629</v>
      </c>
      <c r="D874" s="4" t="s">
        <v>4630</v>
      </c>
      <c r="F874" s="4" t="s">
        <v>4631</v>
      </c>
      <c r="G874" s="4" t="s">
        <v>4632</v>
      </c>
      <c r="H874" s="4" t="s">
        <v>4633</v>
      </c>
      <c r="K874" s="4" t="s">
        <v>4634</v>
      </c>
    </row>
    <row r="875" spans="1:11" ht="86.4" x14ac:dyDescent="0.3">
      <c r="A875" s="1">
        <v>6681</v>
      </c>
      <c r="C875" s="4" t="s">
        <v>4635</v>
      </c>
      <c r="D875" s="4" t="s">
        <v>4636</v>
      </c>
      <c r="E875" s="4" t="s">
        <v>4637</v>
      </c>
      <c r="H875" s="4" t="s">
        <v>4638</v>
      </c>
      <c r="J875" s="4" t="s">
        <v>4639</v>
      </c>
      <c r="K875" s="4" t="s">
        <v>4640</v>
      </c>
    </row>
    <row r="876" spans="1:11" ht="86.4" x14ac:dyDescent="0.3">
      <c r="A876" s="1">
        <v>6686</v>
      </c>
      <c r="C876" s="4" t="s">
        <v>4641</v>
      </c>
      <c r="D876" s="4" t="s">
        <v>4642</v>
      </c>
      <c r="E876" s="4" t="s">
        <v>4643</v>
      </c>
      <c r="F876" s="4" t="s">
        <v>4644</v>
      </c>
      <c r="G876" s="4" t="s">
        <v>4645</v>
      </c>
      <c r="H876" s="4" t="s">
        <v>4646</v>
      </c>
      <c r="I876" s="4" t="s">
        <v>4647</v>
      </c>
      <c r="K876" s="4" t="s">
        <v>4648</v>
      </c>
    </row>
    <row r="877" spans="1:11" ht="72" x14ac:dyDescent="0.3">
      <c r="A877" s="1">
        <v>6691</v>
      </c>
      <c r="C877" s="4" t="s">
        <v>4649</v>
      </c>
      <c r="D877" s="4" t="s">
        <v>4650</v>
      </c>
      <c r="E877" s="4" t="s">
        <v>4651</v>
      </c>
      <c r="F877" s="4" t="s">
        <v>4652</v>
      </c>
      <c r="G877" s="4" t="s">
        <v>4653</v>
      </c>
      <c r="H877" s="4" t="s">
        <v>4654</v>
      </c>
      <c r="I877" s="4" t="s">
        <v>4655</v>
      </c>
      <c r="K877" s="4" t="s">
        <v>4656</v>
      </c>
    </row>
    <row r="878" spans="1:11" ht="57.6" x14ac:dyDescent="0.3">
      <c r="A878" s="1">
        <v>6696</v>
      </c>
      <c r="F878" s="4" t="s">
        <v>4657</v>
      </c>
      <c r="G878" s="4" t="s">
        <v>4658</v>
      </c>
      <c r="H878" s="4" t="s">
        <v>4658</v>
      </c>
    </row>
    <row r="879" spans="1:11" ht="72" x14ac:dyDescent="0.3">
      <c r="A879" s="1">
        <v>6701</v>
      </c>
      <c r="C879" s="4" t="s">
        <v>4659</v>
      </c>
      <c r="D879" s="4" t="s">
        <v>4660</v>
      </c>
      <c r="E879" s="4" t="s">
        <v>4661</v>
      </c>
      <c r="F879" s="4" t="s">
        <v>4662</v>
      </c>
      <c r="G879" s="4" t="s">
        <v>4663</v>
      </c>
      <c r="H879" s="4" t="s">
        <v>4664</v>
      </c>
    </row>
    <row r="880" spans="1:11" ht="129.6" x14ac:dyDescent="0.3">
      <c r="A880" s="1">
        <v>6706</v>
      </c>
      <c r="C880" s="4" t="s">
        <v>4665</v>
      </c>
      <c r="D880" s="4" t="s">
        <v>4666</v>
      </c>
      <c r="E880" s="4" t="s">
        <v>4667</v>
      </c>
      <c r="G880" s="4" t="s">
        <v>4668</v>
      </c>
      <c r="H880" s="4" t="s">
        <v>4669</v>
      </c>
      <c r="I880" s="4" t="s">
        <v>4670</v>
      </c>
      <c r="J880" s="4" t="s">
        <v>4671</v>
      </c>
    </row>
    <row r="881" spans="1:11" ht="86.4" x14ac:dyDescent="0.3">
      <c r="A881" s="1">
        <v>6711</v>
      </c>
      <c r="C881" s="4" t="s">
        <v>4672</v>
      </c>
      <c r="D881" s="4" t="s">
        <v>4673</v>
      </c>
      <c r="E881" s="4" t="s">
        <v>4674</v>
      </c>
      <c r="F881" s="4" t="s">
        <v>4675</v>
      </c>
      <c r="G881" s="4" t="s">
        <v>4676</v>
      </c>
      <c r="H881" s="4" t="s">
        <v>4677</v>
      </c>
      <c r="I881" s="4" t="s">
        <v>4678</v>
      </c>
      <c r="J881" s="4" t="s">
        <v>4679</v>
      </c>
      <c r="K881" s="4" t="s">
        <v>4680</v>
      </c>
    </row>
    <row r="882" spans="1:11" ht="86.4" x14ac:dyDescent="0.3">
      <c r="A882" s="1">
        <v>6716</v>
      </c>
      <c r="C882" s="4" t="s">
        <v>4681</v>
      </c>
      <c r="D882" s="4" t="s">
        <v>4682</v>
      </c>
      <c r="E882" s="4" t="s">
        <v>4683</v>
      </c>
      <c r="F882" s="4" t="s">
        <v>4684</v>
      </c>
      <c r="G882" s="4" t="s">
        <v>4685</v>
      </c>
      <c r="H882" s="4" t="s">
        <v>4686</v>
      </c>
      <c r="I882" s="4" t="s">
        <v>4687</v>
      </c>
      <c r="K882" s="4" t="s">
        <v>4688</v>
      </c>
    </row>
    <row r="883" spans="1:11" ht="72" x14ac:dyDescent="0.3">
      <c r="A883" s="1">
        <v>6726</v>
      </c>
      <c r="C883" s="4" t="s">
        <v>4689</v>
      </c>
      <c r="D883" s="4" t="s">
        <v>4690</v>
      </c>
      <c r="F883" s="4" t="s">
        <v>4691</v>
      </c>
      <c r="G883" s="4" t="s">
        <v>4692</v>
      </c>
      <c r="H883" s="4" t="s">
        <v>4693</v>
      </c>
      <c r="I883" s="4" t="s">
        <v>4694</v>
      </c>
      <c r="K883" s="4" t="s">
        <v>4695</v>
      </c>
    </row>
    <row r="884" spans="1:11" ht="86.4" x14ac:dyDescent="0.3">
      <c r="A884" s="1">
        <v>6731</v>
      </c>
      <c r="B884" s="1" t="s">
        <v>4696</v>
      </c>
      <c r="C884" s="4" t="s">
        <v>4697</v>
      </c>
      <c r="G884" s="4" t="s">
        <v>4698</v>
      </c>
      <c r="J884" s="4" t="s">
        <v>4699</v>
      </c>
      <c r="K884" s="4" t="s">
        <v>4699</v>
      </c>
    </row>
    <row r="885" spans="1:11" ht="86.4" x14ac:dyDescent="0.3">
      <c r="A885" s="1">
        <v>6736</v>
      </c>
      <c r="C885" s="4" t="s">
        <v>4700</v>
      </c>
      <c r="D885" s="4" t="s">
        <v>4701</v>
      </c>
      <c r="E885" s="4" t="s">
        <v>4702</v>
      </c>
      <c r="F885" s="4" t="s">
        <v>4703</v>
      </c>
      <c r="G885" s="4" t="s">
        <v>4704</v>
      </c>
      <c r="H885" s="4" t="s">
        <v>4705</v>
      </c>
      <c r="I885" s="4" t="s">
        <v>4706</v>
      </c>
      <c r="J885" s="4" t="s">
        <v>4707</v>
      </c>
      <c r="K885" s="4" t="s">
        <v>4708</v>
      </c>
    </row>
    <row r="886" spans="1:11" ht="43.2" x14ac:dyDescent="0.3">
      <c r="A886" s="1">
        <v>6751</v>
      </c>
      <c r="D886" s="4" t="s">
        <v>4709</v>
      </c>
    </row>
    <row r="887" spans="1:11" ht="72" x14ac:dyDescent="0.3">
      <c r="A887" s="1">
        <v>6761</v>
      </c>
      <c r="C887" s="4" t="s">
        <v>4710</v>
      </c>
      <c r="G887" s="4" t="s">
        <v>4711</v>
      </c>
      <c r="H887" s="4" t="s">
        <v>4712</v>
      </c>
      <c r="K887" s="4" t="s">
        <v>4713</v>
      </c>
    </row>
    <row r="888" spans="1:11" ht="100.8" x14ac:dyDescent="0.3">
      <c r="A888" s="1">
        <v>6766</v>
      </c>
      <c r="G888" s="4" t="s">
        <v>4714</v>
      </c>
      <c r="H888" s="4" t="s">
        <v>4715</v>
      </c>
      <c r="I888" s="4" t="s">
        <v>4716</v>
      </c>
      <c r="J888" s="4" t="s">
        <v>4717</v>
      </c>
      <c r="K888" s="4" t="s">
        <v>4718</v>
      </c>
    </row>
    <row r="889" spans="1:11" ht="86.4" x14ac:dyDescent="0.3">
      <c r="A889" s="1">
        <v>6771</v>
      </c>
      <c r="C889" s="4" t="s">
        <v>4719</v>
      </c>
      <c r="D889" s="4" t="s">
        <v>4720</v>
      </c>
      <c r="E889" s="4" t="s">
        <v>4721</v>
      </c>
      <c r="F889" s="4" t="s">
        <v>4722</v>
      </c>
      <c r="G889" s="4" t="s">
        <v>4723</v>
      </c>
      <c r="H889" s="4" t="s">
        <v>4724</v>
      </c>
      <c r="I889" s="4" t="s">
        <v>4725</v>
      </c>
      <c r="J889" s="4" t="s">
        <v>4726</v>
      </c>
      <c r="K889" s="4" t="s">
        <v>4727</v>
      </c>
    </row>
    <row r="890" spans="1:11" ht="72" x14ac:dyDescent="0.3">
      <c r="A890" s="1">
        <v>6776</v>
      </c>
      <c r="D890" s="4" t="s">
        <v>4728</v>
      </c>
      <c r="E890" s="4" t="s">
        <v>4729</v>
      </c>
      <c r="F890" s="4" t="s">
        <v>4730</v>
      </c>
      <c r="G890" s="4" t="s">
        <v>4731</v>
      </c>
      <c r="H890" s="4" t="s">
        <v>4732</v>
      </c>
      <c r="I890" s="4" t="s">
        <v>4733</v>
      </c>
      <c r="K890" s="4" t="s">
        <v>4734</v>
      </c>
    </row>
    <row r="891" spans="1:11" ht="57.6" x14ac:dyDescent="0.3">
      <c r="A891" s="1">
        <v>6781</v>
      </c>
      <c r="C891" s="4" t="s">
        <v>4735</v>
      </c>
      <c r="D891" s="4" t="s">
        <v>4736</v>
      </c>
      <c r="G891" s="4" t="s">
        <v>4737</v>
      </c>
      <c r="H891" s="4" t="s">
        <v>4738</v>
      </c>
    </row>
    <row r="892" spans="1:11" ht="86.4" x14ac:dyDescent="0.3">
      <c r="A892" s="1">
        <v>6786</v>
      </c>
      <c r="C892" s="4" t="s">
        <v>4739</v>
      </c>
      <c r="D892" s="4" t="s">
        <v>4740</v>
      </c>
      <c r="E892" s="4" t="s">
        <v>4741</v>
      </c>
      <c r="F892" s="4" t="s">
        <v>4742</v>
      </c>
      <c r="G892" s="4" t="s">
        <v>4743</v>
      </c>
      <c r="H892" s="4" t="s">
        <v>4743</v>
      </c>
      <c r="I892" s="4" t="s">
        <v>4744</v>
      </c>
      <c r="J892" s="4" t="s">
        <v>4745</v>
      </c>
      <c r="K892" s="4" t="s">
        <v>4746</v>
      </c>
    </row>
    <row r="893" spans="1:11" ht="86.4" x14ac:dyDescent="0.3">
      <c r="A893" s="1">
        <v>6791</v>
      </c>
      <c r="C893" s="4" t="s">
        <v>4747</v>
      </c>
      <c r="D893" s="4" t="s">
        <v>4748</v>
      </c>
      <c r="E893" s="4" t="s">
        <v>4749</v>
      </c>
      <c r="F893" s="4" t="s">
        <v>4750</v>
      </c>
      <c r="G893" s="4" t="s">
        <v>4751</v>
      </c>
      <c r="K893" s="4" t="s">
        <v>4752</v>
      </c>
    </row>
    <row r="894" spans="1:11" x14ac:dyDescent="0.3">
      <c r="A894" s="1">
        <v>6796</v>
      </c>
    </row>
    <row r="895" spans="1:11" ht="43.2" x14ac:dyDescent="0.3">
      <c r="A895" s="1">
        <v>6801</v>
      </c>
      <c r="C895" s="4" t="s">
        <v>4753</v>
      </c>
      <c r="D895" s="4" t="s">
        <v>4754</v>
      </c>
      <c r="G895" s="4" t="s">
        <v>4755</v>
      </c>
      <c r="H895" s="4" t="s">
        <v>4756</v>
      </c>
      <c r="I895" s="4" t="s">
        <v>4757</v>
      </c>
      <c r="K895" s="4" t="s">
        <v>4758</v>
      </c>
    </row>
    <row r="896" spans="1:11" ht="86.4" x14ac:dyDescent="0.3">
      <c r="A896" s="1">
        <v>6806</v>
      </c>
      <c r="C896" s="4" t="s">
        <v>4759</v>
      </c>
      <c r="D896" s="4" t="s">
        <v>4760</v>
      </c>
      <c r="E896" s="4" t="s">
        <v>4761</v>
      </c>
      <c r="F896" s="4" t="s">
        <v>4762</v>
      </c>
      <c r="G896" s="4" t="s">
        <v>4763</v>
      </c>
      <c r="H896" s="4" t="s">
        <v>4763</v>
      </c>
      <c r="I896" s="4" t="s">
        <v>4764</v>
      </c>
    </row>
    <row r="897" spans="1:11" ht="72" x14ac:dyDescent="0.3">
      <c r="A897" s="1">
        <v>6811</v>
      </c>
      <c r="C897" s="4" t="s">
        <v>4765</v>
      </c>
      <c r="D897" s="4" t="s">
        <v>4766</v>
      </c>
      <c r="E897" s="4" t="s">
        <v>4767</v>
      </c>
      <c r="F897" s="4" t="s">
        <v>4768</v>
      </c>
      <c r="I897" s="4" t="s">
        <v>4769</v>
      </c>
    </row>
    <row r="898" spans="1:11" ht="43.2" x14ac:dyDescent="0.3">
      <c r="A898" s="1">
        <v>6816</v>
      </c>
      <c r="C898" s="4" t="s">
        <v>4770</v>
      </c>
      <c r="G898" s="4" t="s">
        <v>4771</v>
      </c>
      <c r="I898" s="4" t="s">
        <v>4772</v>
      </c>
    </row>
    <row r="899" spans="1:11" ht="100.8" x14ac:dyDescent="0.3">
      <c r="A899" s="1">
        <v>6841</v>
      </c>
      <c r="C899" s="4" t="s">
        <v>4773</v>
      </c>
      <c r="D899" s="4" t="s">
        <v>4774</v>
      </c>
      <c r="E899" s="4" t="s">
        <v>4775</v>
      </c>
      <c r="F899" s="4" t="s">
        <v>4776</v>
      </c>
      <c r="G899" s="4" t="s">
        <v>4777</v>
      </c>
      <c r="H899" s="4" t="s">
        <v>4778</v>
      </c>
      <c r="I899" s="4" t="s">
        <v>4779</v>
      </c>
      <c r="J899" s="4" t="s">
        <v>4780</v>
      </c>
      <c r="K899" s="4" t="s">
        <v>4781</v>
      </c>
    </row>
    <row r="900" spans="1:11" ht="72" x14ac:dyDescent="0.3">
      <c r="A900" s="1">
        <v>6856</v>
      </c>
      <c r="C900" s="4" t="s">
        <v>4782</v>
      </c>
      <c r="D900" s="4" t="s">
        <v>4783</v>
      </c>
      <c r="G900" s="4" t="s">
        <v>4784</v>
      </c>
      <c r="H900" s="4" t="s">
        <v>4785</v>
      </c>
      <c r="I900" s="4" t="s">
        <v>4786</v>
      </c>
      <c r="K900" s="4" t="s">
        <v>4787</v>
      </c>
    </row>
    <row r="901" spans="1:11" x14ac:dyDescent="0.3">
      <c r="A901" s="1">
        <v>6861</v>
      </c>
      <c r="K901" s="4" t="s">
        <v>4788</v>
      </c>
    </row>
    <row r="902" spans="1:11" ht="57.6" x14ac:dyDescent="0.3">
      <c r="A902" s="1">
        <v>6866</v>
      </c>
      <c r="C902" s="4" t="s">
        <v>4789</v>
      </c>
      <c r="K902" s="4" t="s">
        <v>4790</v>
      </c>
    </row>
    <row r="903" spans="1:11" ht="86.4" x14ac:dyDescent="0.3">
      <c r="A903" s="1">
        <v>6871</v>
      </c>
      <c r="C903" s="4" t="s">
        <v>4791</v>
      </c>
      <c r="D903" s="4" t="s">
        <v>4792</v>
      </c>
      <c r="E903" s="4" t="s">
        <v>4793</v>
      </c>
      <c r="F903" s="4" t="s">
        <v>4794</v>
      </c>
      <c r="G903" s="4" t="s">
        <v>4795</v>
      </c>
      <c r="H903" s="4" t="s">
        <v>4796</v>
      </c>
      <c r="K903" s="4" t="s">
        <v>4797</v>
      </c>
    </row>
    <row r="904" spans="1:11" ht="86.4" x14ac:dyDescent="0.3">
      <c r="A904" s="1">
        <v>6881</v>
      </c>
      <c r="C904" s="4" t="s">
        <v>4798</v>
      </c>
      <c r="D904" s="4" t="s">
        <v>4799</v>
      </c>
      <c r="E904" s="4" t="s">
        <v>4800</v>
      </c>
      <c r="F904" s="4" t="s">
        <v>4801</v>
      </c>
      <c r="G904" s="4" t="s">
        <v>4802</v>
      </c>
      <c r="H904" s="4" t="s">
        <v>4803</v>
      </c>
      <c r="I904" s="4" t="s">
        <v>4804</v>
      </c>
      <c r="J904" s="4" t="s">
        <v>4805</v>
      </c>
      <c r="K904" s="4" t="s">
        <v>4806</v>
      </c>
    </row>
    <row r="905" spans="1:11" ht="57.6" x14ac:dyDescent="0.3">
      <c r="A905" s="1">
        <v>6886</v>
      </c>
      <c r="D905" s="4" t="s">
        <v>4807</v>
      </c>
      <c r="E905" s="4" t="s">
        <v>4808</v>
      </c>
      <c r="H905" s="4" t="s">
        <v>4809</v>
      </c>
    </row>
    <row r="906" spans="1:11" ht="43.2" x14ac:dyDescent="0.3">
      <c r="A906" s="1">
        <v>6891</v>
      </c>
      <c r="D906" s="4" t="s">
        <v>4810</v>
      </c>
      <c r="E906" s="4" t="s">
        <v>4811</v>
      </c>
      <c r="F906" s="4" t="s">
        <v>4812</v>
      </c>
      <c r="G906" s="4" t="s">
        <v>4813</v>
      </c>
      <c r="H906" s="4" t="s">
        <v>4814</v>
      </c>
      <c r="K906" s="4" t="s">
        <v>4815</v>
      </c>
    </row>
    <row r="907" spans="1:11" ht="28.8" x14ac:dyDescent="0.3">
      <c r="A907" s="1">
        <v>6901</v>
      </c>
      <c r="C907" s="4" t="s">
        <v>4816</v>
      </c>
      <c r="D907" s="4" t="s">
        <v>4816</v>
      </c>
      <c r="G907" s="4" t="s">
        <v>4817</v>
      </c>
      <c r="H907" s="4" t="s">
        <v>4818</v>
      </c>
      <c r="K907" s="4" t="s">
        <v>4819</v>
      </c>
    </row>
    <row r="908" spans="1:11" ht="72" x14ac:dyDescent="0.3">
      <c r="A908" s="1">
        <v>6906</v>
      </c>
      <c r="C908" s="4" t="s">
        <v>4820</v>
      </c>
      <c r="I908" s="4" t="s">
        <v>4821</v>
      </c>
      <c r="K908" s="4" t="s">
        <v>4822</v>
      </c>
    </row>
    <row r="909" spans="1:11" ht="86.4" x14ac:dyDescent="0.3">
      <c r="A909" s="1">
        <v>6911</v>
      </c>
      <c r="C909" s="4" t="s">
        <v>4823</v>
      </c>
      <c r="D909" s="4" t="s">
        <v>4824</v>
      </c>
      <c r="E909" s="4" t="s">
        <v>4825</v>
      </c>
      <c r="G909" s="4" t="s">
        <v>4826</v>
      </c>
      <c r="H909" s="4" t="s">
        <v>4827</v>
      </c>
      <c r="I909" s="4" t="s">
        <v>4828</v>
      </c>
      <c r="K909" s="4" t="s">
        <v>4829</v>
      </c>
    </row>
    <row r="910" spans="1:11" ht="43.2" x14ac:dyDescent="0.3">
      <c r="A910" s="1">
        <v>6916</v>
      </c>
      <c r="C910" s="4" t="s">
        <v>4830</v>
      </c>
      <c r="D910" s="4" t="s">
        <v>4831</v>
      </c>
      <c r="E910" s="4" t="s">
        <v>4832</v>
      </c>
      <c r="F910" s="4" t="s">
        <v>4833</v>
      </c>
      <c r="G910" s="4" t="s">
        <v>4834</v>
      </c>
      <c r="H910" s="4" t="s">
        <v>4835</v>
      </c>
      <c r="I910" s="4" t="s">
        <v>4836</v>
      </c>
      <c r="J910" s="4" t="s">
        <v>4837</v>
      </c>
      <c r="K910" s="4" t="s">
        <v>4838</v>
      </c>
    </row>
    <row r="911" spans="1:11" ht="86.4" x14ac:dyDescent="0.3">
      <c r="A911" s="1">
        <v>6921</v>
      </c>
      <c r="C911" s="4" t="s">
        <v>4839</v>
      </c>
      <c r="D911" s="4" t="s">
        <v>4840</v>
      </c>
      <c r="E911" s="4" t="s">
        <v>4841</v>
      </c>
      <c r="G911" s="4" t="s">
        <v>4842</v>
      </c>
      <c r="H911" s="4" t="s">
        <v>4843</v>
      </c>
      <c r="I911" s="4" t="s">
        <v>4844</v>
      </c>
    </row>
    <row r="912" spans="1:11" ht="86.4" x14ac:dyDescent="0.3">
      <c r="A912" s="1">
        <v>6926</v>
      </c>
      <c r="C912" s="4" t="s">
        <v>4845</v>
      </c>
      <c r="D912" s="4" t="s">
        <v>4846</v>
      </c>
      <c r="E912" s="4" t="s">
        <v>4847</v>
      </c>
      <c r="F912" s="4" t="s">
        <v>4848</v>
      </c>
      <c r="G912" s="4" t="s">
        <v>4849</v>
      </c>
      <c r="H912" s="4" t="s">
        <v>4850</v>
      </c>
      <c r="I912" s="4" t="s">
        <v>4851</v>
      </c>
      <c r="K912" s="4" t="s">
        <v>4852</v>
      </c>
    </row>
    <row r="913" spans="1:11" ht="72" x14ac:dyDescent="0.3">
      <c r="A913" s="1">
        <v>6931</v>
      </c>
      <c r="C913" s="4" t="s">
        <v>4853</v>
      </c>
      <c r="D913" s="4" t="s">
        <v>4854</v>
      </c>
      <c r="F913" s="4" t="s">
        <v>4855</v>
      </c>
      <c r="G913" s="4" t="s">
        <v>4856</v>
      </c>
      <c r="H913" s="4" t="s">
        <v>4857</v>
      </c>
      <c r="I913" s="4" t="s">
        <v>4858</v>
      </c>
      <c r="K913" s="4" t="s">
        <v>4859</v>
      </c>
    </row>
    <row r="914" spans="1:11" ht="86.4" x14ac:dyDescent="0.3">
      <c r="A914" s="1">
        <v>6936</v>
      </c>
      <c r="C914" s="4" t="s">
        <v>4860</v>
      </c>
      <c r="D914" s="4" t="s">
        <v>4861</v>
      </c>
      <c r="E914" s="4" t="s">
        <v>4862</v>
      </c>
      <c r="F914" s="4" t="s">
        <v>4863</v>
      </c>
      <c r="G914" s="4" t="s">
        <v>4864</v>
      </c>
      <c r="H914" s="4" t="s">
        <v>4865</v>
      </c>
      <c r="I914" s="4" t="s">
        <v>4866</v>
      </c>
      <c r="K914" s="4" t="s">
        <v>4867</v>
      </c>
    </row>
    <row r="915" spans="1:11" x14ac:dyDescent="0.3">
      <c r="A915" s="1">
        <v>6941</v>
      </c>
      <c r="D915" s="4" t="s">
        <v>4868</v>
      </c>
    </row>
    <row r="916" spans="1:11" ht="86.4" x14ac:dyDescent="0.3">
      <c r="A916" s="1">
        <v>6946</v>
      </c>
      <c r="C916" s="4" t="s">
        <v>4869</v>
      </c>
      <c r="D916" s="4" t="s">
        <v>4870</v>
      </c>
      <c r="G916" s="4" t="s">
        <v>4871</v>
      </c>
      <c r="H916" s="4" t="s">
        <v>4872</v>
      </c>
      <c r="I916" s="4" t="s">
        <v>4873</v>
      </c>
      <c r="K916" s="4" t="s">
        <v>4874</v>
      </c>
    </row>
    <row r="917" spans="1:11" ht="86.4" x14ac:dyDescent="0.3">
      <c r="A917" s="1">
        <v>6956</v>
      </c>
      <c r="C917" s="4" t="s">
        <v>4875</v>
      </c>
      <c r="D917" s="4" t="s">
        <v>4876</v>
      </c>
      <c r="G917" s="4" t="s">
        <v>4877</v>
      </c>
      <c r="H917" s="4" t="s">
        <v>4878</v>
      </c>
      <c r="K917" s="4" t="s">
        <v>4879</v>
      </c>
    </row>
    <row r="918" spans="1:11" ht="86.4" x14ac:dyDescent="0.3">
      <c r="A918" s="1">
        <v>6966</v>
      </c>
      <c r="C918" s="4" t="s">
        <v>4880</v>
      </c>
      <c r="D918" s="4" t="s">
        <v>4881</v>
      </c>
      <c r="E918" s="4" t="s">
        <v>4882</v>
      </c>
      <c r="F918" s="4" t="s">
        <v>4883</v>
      </c>
      <c r="G918" s="4" t="s">
        <v>4884</v>
      </c>
      <c r="H918" s="4" t="s">
        <v>4885</v>
      </c>
      <c r="I918" s="4" t="s">
        <v>4886</v>
      </c>
      <c r="J918" s="4" t="s">
        <v>4887</v>
      </c>
      <c r="K918" s="4" t="s">
        <v>4888</v>
      </c>
    </row>
    <row r="919" spans="1:11" ht="100.8" x14ac:dyDescent="0.3">
      <c r="A919" s="1">
        <v>6971</v>
      </c>
      <c r="J919" s="4" t="s">
        <v>4889</v>
      </c>
    </row>
    <row r="920" spans="1:11" ht="72" x14ac:dyDescent="0.3">
      <c r="A920" s="1">
        <v>6976</v>
      </c>
      <c r="C920" s="4" t="s">
        <v>4890</v>
      </c>
      <c r="D920" s="4" t="s">
        <v>4891</v>
      </c>
      <c r="F920" s="4" t="s">
        <v>4892</v>
      </c>
      <c r="G920" s="4" t="s">
        <v>4893</v>
      </c>
      <c r="I920" s="4" t="s">
        <v>4894</v>
      </c>
    </row>
    <row r="921" spans="1:11" ht="86.4" x14ac:dyDescent="0.3">
      <c r="A921" s="1">
        <v>6981</v>
      </c>
      <c r="C921" s="4" t="s">
        <v>4895</v>
      </c>
      <c r="D921" s="4" t="s">
        <v>4896</v>
      </c>
      <c r="E921" s="4" t="s">
        <v>4897</v>
      </c>
      <c r="F921" s="4" t="s">
        <v>4898</v>
      </c>
      <c r="G921" s="4" t="s">
        <v>4899</v>
      </c>
      <c r="H921" s="4" t="s">
        <v>4899</v>
      </c>
      <c r="I921" s="4" t="s">
        <v>4900</v>
      </c>
      <c r="K921" s="4" t="s">
        <v>4901</v>
      </c>
    </row>
    <row r="922" spans="1:11" ht="86.4" x14ac:dyDescent="0.3">
      <c r="A922" s="1">
        <v>6986</v>
      </c>
      <c r="C922" s="4" t="s">
        <v>4902</v>
      </c>
      <c r="E922" s="4" t="s">
        <v>4903</v>
      </c>
      <c r="F922" s="4" t="s">
        <v>4904</v>
      </c>
      <c r="G922" s="4" t="s">
        <v>4905</v>
      </c>
      <c r="K922" s="4" t="s">
        <v>4906</v>
      </c>
    </row>
    <row r="923" spans="1:11" ht="57.6" x14ac:dyDescent="0.3">
      <c r="A923" s="1">
        <v>6991</v>
      </c>
      <c r="C923" s="4" t="s">
        <v>4907</v>
      </c>
      <c r="D923" s="4" t="s">
        <v>4908</v>
      </c>
      <c r="E923" s="4" t="s">
        <v>4909</v>
      </c>
      <c r="F923" s="4" t="s">
        <v>4910</v>
      </c>
      <c r="G923" s="4" t="s">
        <v>4911</v>
      </c>
      <c r="H923" s="4" t="s">
        <v>4911</v>
      </c>
      <c r="I923" s="4" t="s">
        <v>4912</v>
      </c>
      <c r="K923" s="4" t="s">
        <v>4913</v>
      </c>
    </row>
    <row r="924" spans="1:11" ht="72" x14ac:dyDescent="0.3">
      <c r="A924" s="1">
        <v>6996</v>
      </c>
      <c r="C924" s="4" t="s">
        <v>4914</v>
      </c>
      <c r="D924" s="4" t="s">
        <v>4915</v>
      </c>
      <c r="E924" s="4" t="s">
        <v>4916</v>
      </c>
      <c r="K924" s="4" t="s">
        <v>4917</v>
      </c>
    </row>
    <row r="925" spans="1:11" ht="72" x14ac:dyDescent="0.3">
      <c r="A925" s="1">
        <v>7001</v>
      </c>
      <c r="D925" s="4" t="s">
        <v>4918</v>
      </c>
      <c r="F925" s="4" t="s">
        <v>4919</v>
      </c>
      <c r="I925" s="4" t="s">
        <v>4920</v>
      </c>
      <c r="J925" s="4" t="s">
        <v>4921</v>
      </c>
      <c r="K925" s="4" t="s">
        <v>4922</v>
      </c>
    </row>
    <row r="926" spans="1:11" ht="43.2" x14ac:dyDescent="0.3">
      <c r="A926" s="1">
        <v>7006</v>
      </c>
      <c r="C926" s="4" t="s">
        <v>4923</v>
      </c>
      <c r="D926" s="4" t="s">
        <v>4924</v>
      </c>
      <c r="E926" s="4" t="s">
        <v>4925</v>
      </c>
      <c r="G926" s="4" t="s">
        <v>4926</v>
      </c>
      <c r="H926" s="4" t="s">
        <v>4927</v>
      </c>
      <c r="K926" s="4" t="s">
        <v>4928</v>
      </c>
    </row>
    <row r="927" spans="1:11" ht="86.4" x14ac:dyDescent="0.3">
      <c r="A927" s="1">
        <v>7011</v>
      </c>
      <c r="C927" s="4" t="s">
        <v>4929</v>
      </c>
      <c r="D927" s="4" t="s">
        <v>4930</v>
      </c>
      <c r="E927" s="4" t="s">
        <v>4931</v>
      </c>
      <c r="F927" s="4" t="s">
        <v>4932</v>
      </c>
      <c r="G927" s="4" t="s">
        <v>4933</v>
      </c>
      <c r="H927" s="4" t="s">
        <v>4934</v>
      </c>
      <c r="I927" s="4" t="s">
        <v>4873</v>
      </c>
      <c r="K927" s="4" t="s">
        <v>4935</v>
      </c>
    </row>
    <row r="928" spans="1:11" ht="86.4" x14ac:dyDescent="0.3">
      <c r="A928" s="1">
        <v>7016</v>
      </c>
      <c r="C928" s="4" t="s">
        <v>4936</v>
      </c>
      <c r="D928" s="4" t="s">
        <v>4937</v>
      </c>
      <c r="E928" s="4" t="s">
        <v>4938</v>
      </c>
      <c r="F928" s="4" t="s">
        <v>4939</v>
      </c>
      <c r="G928" s="4" t="s">
        <v>4940</v>
      </c>
      <c r="H928" s="4" t="s">
        <v>4941</v>
      </c>
      <c r="I928" s="4" t="s">
        <v>4942</v>
      </c>
      <c r="K928" s="4" t="s">
        <v>4943</v>
      </c>
    </row>
    <row r="929" spans="1:11" ht="86.4" x14ac:dyDescent="0.3">
      <c r="A929" s="1">
        <v>7021</v>
      </c>
      <c r="C929" s="4" t="s">
        <v>4944</v>
      </c>
      <c r="D929" s="4" t="s">
        <v>4945</v>
      </c>
      <c r="E929" s="4" t="s">
        <v>4946</v>
      </c>
      <c r="F929" s="4" t="s">
        <v>4947</v>
      </c>
      <c r="G929" s="4" t="s">
        <v>4948</v>
      </c>
      <c r="H929" s="4" t="s">
        <v>4949</v>
      </c>
      <c r="I929" s="4" t="s">
        <v>4950</v>
      </c>
      <c r="K929" s="4" t="s">
        <v>4951</v>
      </c>
    </row>
    <row r="930" spans="1:11" ht="28.8" x14ac:dyDescent="0.3">
      <c r="A930" s="1">
        <v>7026</v>
      </c>
      <c r="C930" s="4" t="s">
        <v>4952</v>
      </c>
      <c r="D930" s="4" t="s">
        <v>4953</v>
      </c>
      <c r="E930" s="4" t="s">
        <v>4954</v>
      </c>
      <c r="I930" s="4" t="s">
        <v>4955</v>
      </c>
    </row>
    <row r="931" spans="1:11" x14ac:dyDescent="0.3">
      <c r="A931" s="1">
        <v>7031</v>
      </c>
    </row>
    <row r="932" spans="1:11" ht="72" x14ac:dyDescent="0.3">
      <c r="A932" s="1">
        <v>7036</v>
      </c>
      <c r="C932" s="4" t="s">
        <v>4956</v>
      </c>
      <c r="D932" s="4" t="s">
        <v>4957</v>
      </c>
      <c r="E932" s="4" t="s">
        <v>4958</v>
      </c>
      <c r="F932" s="4" t="s">
        <v>4959</v>
      </c>
      <c r="K932" s="4" t="s">
        <v>4960</v>
      </c>
    </row>
    <row r="933" spans="1:11" ht="86.4" x14ac:dyDescent="0.3">
      <c r="A933" s="1">
        <v>7041</v>
      </c>
      <c r="C933" s="4" t="s">
        <v>4961</v>
      </c>
      <c r="D933" s="4" t="s">
        <v>4962</v>
      </c>
      <c r="E933" s="4" t="s">
        <v>4963</v>
      </c>
      <c r="F933" s="4" t="s">
        <v>4964</v>
      </c>
      <c r="G933" s="4" t="s">
        <v>4965</v>
      </c>
      <c r="H933" s="4" t="s">
        <v>4966</v>
      </c>
      <c r="J933" s="4" t="s">
        <v>4967</v>
      </c>
      <c r="K933" s="4" t="s">
        <v>4968</v>
      </c>
    </row>
    <row r="934" spans="1:11" ht="72" x14ac:dyDescent="0.3">
      <c r="A934" s="1">
        <v>7046</v>
      </c>
      <c r="C934" s="4" t="s">
        <v>4969</v>
      </c>
      <c r="D934" s="4" t="s">
        <v>4970</v>
      </c>
      <c r="E934" s="4" t="s">
        <v>4971</v>
      </c>
      <c r="F934" s="4" t="s">
        <v>4972</v>
      </c>
      <c r="G934" s="4" t="s">
        <v>4973</v>
      </c>
      <c r="H934" s="4" t="s">
        <v>4974</v>
      </c>
      <c r="I934" s="4" t="s">
        <v>4975</v>
      </c>
      <c r="K934" s="4" t="s">
        <v>4976</v>
      </c>
    </row>
    <row r="935" spans="1:11" ht="28.8" x14ac:dyDescent="0.3">
      <c r="A935" s="1">
        <v>7051</v>
      </c>
      <c r="C935" s="4" t="s">
        <v>4977</v>
      </c>
      <c r="G935" s="4" t="s">
        <v>4978</v>
      </c>
      <c r="I935" s="4" t="s">
        <v>4979</v>
      </c>
      <c r="K935" s="4" t="s">
        <v>4980</v>
      </c>
    </row>
    <row r="936" spans="1:11" ht="86.4" x14ac:dyDescent="0.3">
      <c r="A936" s="1">
        <v>7056</v>
      </c>
      <c r="C936" s="4" t="s">
        <v>4981</v>
      </c>
      <c r="D936" s="4" t="s">
        <v>4982</v>
      </c>
      <c r="E936" s="4" t="s">
        <v>4983</v>
      </c>
      <c r="F936" s="4" t="s">
        <v>4984</v>
      </c>
      <c r="G936" s="4" t="s">
        <v>4985</v>
      </c>
      <c r="H936" s="4" t="s">
        <v>4986</v>
      </c>
      <c r="I936" s="4" t="s">
        <v>4987</v>
      </c>
      <c r="K936" s="4" t="s">
        <v>4988</v>
      </c>
    </row>
    <row r="937" spans="1:11" ht="43.2" x14ac:dyDescent="0.3">
      <c r="A937" s="1">
        <v>7061</v>
      </c>
      <c r="C937" s="4" t="s">
        <v>4989</v>
      </c>
      <c r="H937" s="4" t="s">
        <v>4990</v>
      </c>
    </row>
    <row r="938" spans="1:11" x14ac:dyDescent="0.3">
      <c r="A938" s="1">
        <v>7071</v>
      </c>
    </row>
    <row r="939" spans="1:11" ht="43.2" x14ac:dyDescent="0.3">
      <c r="A939" s="1">
        <v>7076</v>
      </c>
      <c r="C939" s="4" t="s">
        <v>4991</v>
      </c>
      <c r="G939" s="4" t="s">
        <v>4992</v>
      </c>
    </row>
    <row r="940" spans="1:11" ht="86.4" x14ac:dyDescent="0.3">
      <c r="A940" s="1">
        <v>7086</v>
      </c>
      <c r="C940" s="4" t="s">
        <v>4993</v>
      </c>
      <c r="D940" s="4" t="s">
        <v>4994</v>
      </c>
      <c r="E940" s="4" t="s">
        <v>4995</v>
      </c>
      <c r="F940" s="4" t="s">
        <v>4996</v>
      </c>
      <c r="G940" s="4" t="s">
        <v>4997</v>
      </c>
      <c r="H940" s="4" t="s">
        <v>4998</v>
      </c>
      <c r="I940" s="4" t="s">
        <v>4999</v>
      </c>
      <c r="K940" s="4" t="s">
        <v>5000</v>
      </c>
    </row>
    <row r="941" spans="1:11" x14ac:dyDescent="0.3">
      <c r="A941" s="1">
        <v>7096</v>
      </c>
      <c r="F941" s="4" t="s">
        <v>5001</v>
      </c>
      <c r="H941" s="4" t="s">
        <v>5002</v>
      </c>
    </row>
    <row r="942" spans="1:11" ht="57.6" x14ac:dyDescent="0.3">
      <c r="A942" s="1">
        <v>7101</v>
      </c>
      <c r="C942" s="4" t="s">
        <v>5003</v>
      </c>
      <c r="D942" s="4" t="s">
        <v>5004</v>
      </c>
      <c r="E942" s="4" t="s">
        <v>5005</v>
      </c>
      <c r="F942" s="4" t="s">
        <v>5006</v>
      </c>
    </row>
    <row r="943" spans="1:11" x14ac:dyDescent="0.3">
      <c r="A943" s="1">
        <v>7106</v>
      </c>
    </row>
    <row r="944" spans="1:11" x14ac:dyDescent="0.3">
      <c r="A944" s="1">
        <v>7111</v>
      </c>
    </row>
    <row r="945" spans="1:11" ht="57.6" x14ac:dyDescent="0.3">
      <c r="A945" s="1">
        <v>7126</v>
      </c>
      <c r="D945" s="4" t="s">
        <v>5007</v>
      </c>
      <c r="E945" s="4" t="s">
        <v>5008</v>
      </c>
      <c r="F945" s="4" t="s">
        <v>5009</v>
      </c>
      <c r="G945" s="4" t="s">
        <v>5010</v>
      </c>
    </row>
    <row r="946" spans="1:11" ht="43.2" x14ac:dyDescent="0.3">
      <c r="A946" s="1">
        <v>7131</v>
      </c>
      <c r="D946" s="4" t="s">
        <v>5011</v>
      </c>
      <c r="G946" s="4" t="s">
        <v>5012</v>
      </c>
      <c r="H946" s="4" t="s">
        <v>5013</v>
      </c>
      <c r="I946" s="4" t="s">
        <v>5014</v>
      </c>
    </row>
    <row r="947" spans="1:11" ht="57.6" x14ac:dyDescent="0.3">
      <c r="A947" s="1">
        <v>7136</v>
      </c>
      <c r="B947" s="1" t="s">
        <v>5015</v>
      </c>
      <c r="C947" s="4" t="s">
        <v>5016</v>
      </c>
      <c r="D947" s="4" t="s">
        <v>5017</v>
      </c>
      <c r="E947" s="4" t="s">
        <v>5018</v>
      </c>
      <c r="F947" s="4" t="s">
        <v>5019</v>
      </c>
      <c r="G947" s="4" t="s">
        <v>5020</v>
      </c>
      <c r="H947" s="4" t="s">
        <v>5020</v>
      </c>
      <c r="K947" s="4" t="s">
        <v>5021</v>
      </c>
    </row>
    <row r="948" spans="1:11" ht="57.6" x14ac:dyDescent="0.3">
      <c r="A948" s="1">
        <v>7141</v>
      </c>
      <c r="C948" s="4" t="s">
        <v>5022</v>
      </c>
      <c r="D948" s="4" t="s">
        <v>5023</v>
      </c>
      <c r="E948" s="4" t="s">
        <v>5024</v>
      </c>
      <c r="F948" s="4" t="s">
        <v>5025</v>
      </c>
      <c r="G948" s="4" t="s">
        <v>5026</v>
      </c>
      <c r="H948" s="4" t="s">
        <v>5027</v>
      </c>
      <c r="I948" s="4" t="s">
        <v>5028</v>
      </c>
      <c r="K948" s="4" t="s">
        <v>5029</v>
      </c>
    </row>
    <row r="949" spans="1:11" ht="86.4" x14ac:dyDescent="0.3">
      <c r="A949" s="1">
        <v>7151</v>
      </c>
      <c r="D949" s="4" t="s">
        <v>5030</v>
      </c>
      <c r="E949" s="4" t="s">
        <v>5031</v>
      </c>
      <c r="F949" s="4" t="s">
        <v>5032</v>
      </c>
      <c r="G949" s="4" t="s">
        <v>5033</v>
      </c>
      <c r="H949" s="4" t="s">
        <v>5034</v>
      </c>
      <c r="I949" s="4" t="s">
        <v>5035</v>
      </c>
      <c r="J949" s="4" t="s">
        <v>5036</v>
      </c>
      <c r="K949" s="4" t="s">
        <v>5037</v>
      </c>
    </row>
    <row r="950" spans="1:11" ht="72" x14ac:dyDescent="0.3">
      <c r="A950" s="1">
        <v>7166</v>
      </c>
      <c r="C950" s="4" t="s">
        <v>5038</v>
      </c>
      <c r="D950" s="4" t="s">
        <v>5039</v>
      </c>
      <c r="E950" s="4" t="s">
        <v>5040</v>
      </c>
      <c r="F950" s="4" t="s">
        <v>5041</v>
      </c>
      <c r="G950" s="4" t="s">
        <v>5042</v>
      </c>
      <c r="H950" s="4" t="s">
        <v>5043</v>
      </c>
      <c r="I950" s="4" t="s">
        <v>5044</v>
      </c>
      <c r="K950" s="4" t="s">
        <v>5045</v>
      </c>
    </row>
    <row r="951" spans="1:11" ht="86.4" x14ac:dyDescent="0.3">
      <c r="A951" s="1">
        <v>7171</v>
      </c>
      <c r="C951" s="4" t="s">
        <v>5046</v>
      </c>
      <c r="D951" s="4" t="s">
        <v>5047</v>
      </c>
      <c r="E951" s="4" t="s">
        <v>5048</v>
      </c>
      <c r="F951" s="4" t="s">
        <v>5049</v>
      </c>
      <c r="G951" s="4" t="s">
        <v>5050</v>
      </c>
      <c r="H951" s="4" t="s">
        <v>5051</v>
      </c>
      <c r="I951" s="4" t="s">
        <v>5052</v>
      </c>
      <c r="K951" s="4" t="s">
        <v>5053</v>
      </c>
    </row>
    <row r="952" spans="1:11" ht="86.4" x14ac:dyDescent="0.3">
      <c r="A952" s="1">
        <v>7186</v>
      </c>
      <c r="C952" s="4" t="s">
        <v>5054</v>
      </c>
      <c r="D952" s="4" t="s">
        <v>5055</v>
      </c>
      <c r="E952" s="4" t="s">
        <v>5056</v>
      </c>
      <c r="F952" s="4" t="s">
        <v>5057</v>
      </c>
      <c r="G952" s="4" t="s">
        <v>5058</v>
      </c>
      <c r="H952" s="4" t="s">
        <v>5059</v>
      </c>
      <c r="I952" s="4" t="s">
        <v>5060</v>
      </c>
      <c r="K952" s="4" t="s">
        <v>5061</v>
      </c>
    </row>
    <row r="953" spans="1:11" ht="86.4" x14ac:dyDescent="0.3">
      <c r="A953" s="1">
        <v>7191</v>
      </c>
      <c r="C953" s="4" t="s">
        <v>5062</v>
      </c>
      <c r="D953" s="4" t="s">
        <v>5063</v>
      </c>
      <c r="E953" s="4" t="s">
        <v>5064</v>
      </c>
      <c r="F953" s="4" t="s">
        <v>5065</v>
      </c>
      <c r="G953" s="4" t="s">
        <v>5066</v>
      </c>
      <c r="H953" s="4" t="s">
        <v>5067</v>
      </c>
      <c r="I953" s="4" t="s">
        <v>5068</v>
      </c>
    </row>
    <row r="954" spans="1:11" ht="57.6" x14ac:dyDescent="0.3">
      <c r="A954" s="1">
        <v>7206</v>
      </c>
      <c r="C954" s="4" t="s">
        <v>5069</v>
      </c>
      <c r="G954" s="4" t="s">
        <v>5070</v>
      </c>
      <c r="I954" s="4" t="s">
        <v>5071</v>
      </c>
    </row>
    <row r="955" spans="1:11" ht="57.6" x14ac:dyDescent="0.3">
      <c r="A955" s="1">
        <v>7216</v>
      </c>
      <c r="C955" s="4" t="s">
        <v>5072</v>
      </c>
      <c r="D955" s="4" t="s">
        <v>5073</v>
      </c>
      <c r="E955" s="4" t="s">
        <v>5074</v>
      </c>
      <c r="F955" s="4" t="s">
        <v>5075</v>
      </c>
      <c r="G955" s="4" t="s">
        <v>5076</v>
      </c>
      <c r="H955" s="4" t="s">
        <v>5077</v>
      </c>
      <c r="K955" s="4" t="s">
        <v>5078</v>
      </c>
    </row>
    <row r="956" spans="1:11" ht="86.4" x14ac:dyDescent="0.3">
      <c r="A956" s="1">
        <v>7231</v>
      </c>
      <c r="C956" s="4" t="s">
        <v>5079</v>
      </c>
      <c r="D956" s="4" t="s">
        <v>5080</v>
      </c>
      <c r="E956" s="4" t="s">
        <v>5081</v>
      </c>
      <c r="G956" s="4" t="s">
        <v>5082</v>
      </c>
      <c r="H956" s="4" t="s">
        <v>5083</v>
      </c>
      <c r="I956" s="4" t="s">
        <v>5084</v>
      </c>
      <c r="K956" s="4" t="s">
        <v>5085</v>
      </c>
    </row>
    <row r="957" spans="1:11" ht="43.2" x14ac:dyDescent="0.3">
      <c r="A957" s="1">
        <v>7236</v>
      </c>
      <c r="D957" s="4" t="s">
        <v>5086</v>
      </c>
      <c r="E957" s="4" t="s">
        <v>5087</v>
      </c>
      <c r="G957" s="4" t="s">
        <v>5088</v>
      </c>
      <c r="H957" s="4" t="s">
        <v>5089</v>
      </c>
    </row>
    <row r="958" spans="1:11" ht="86.4" x14ac:dyDescent="0.3">
      <c r="A958" s="1">
        <v>7241</v>
      </c>
      <c r="D958" s="4" t="s">
        <v>5090</v>
      </c>
      <c r="E958" s="4" t="s">
        <v>5091</v>
      </c>
    </row>
    <row r="959" spans="1:11" ht="86.4" x14ac:dyDescent="0.3">
      <c r="A959" s="1">
        <v>7246</v>
      </c>
      <c r="C959" s="4" t="s">
        <v>5092</v>
      </c>
      <c r="D959" s="4" t="s">
        <v>5093</v>
      </c>
      <c r="E959" s="4" t="s">
        <v>5094</v>
      </c>
      <c r="F959" s="4" t="s">
        <v>5095</v>
      </c>
      <c r="G959" s="4" t="s">
        <v>5096</v>
      </c>
      <c r="H959" s="4" t="s">
        <v>5097</v>
      </c>
      <c r="I959" s="4" t="s">
        <v>5098</v>
      </c>
      <c r="K959" s="4" t="s">
        <v>5099</v>
      </c>
    </row>
    <row r="960" spans="1:11" ht="86.4" x14ac:dyDescent="0.3">
      <c r="A960" s="1">
        <v>7251</v>
      </c>
      <c r="C960" s="4" t="s">
        <v>5100</v>
      </c>
      <c r="D960" s="4" t="s">
        <v>5101</v>
      </c>
      <c r="E960" s="4" t="s">
        <v>5102</v>
      </c>
      <c r="G960" s="4" t="s">
        <v>5103</v>
      </c>
      <c r="H960" s="4" t="s">
        <v>5104</v>
      </c>
      <c r="K960" s="4" t="s">
        <v>5105</v>
      </c>
    </row>
    <row r="961" spans="1:11" ht="72" x14ac:dyDescent="0.3">
      <c r="A961" s="1">
        <v>7256</v>
      </c>
      <c r="C961" s="4" t="s">
        <v>5106</v>
      </c>
      <c r="D961" s="4" t="s">
        <v>5107</v>
      </c>
      <c r="E961" s="4" t="s">
        <v>5108</v>
      </c>
      <c r="F961" s="4" t="s">
        <v>5109</v>
      </c>
      <c r="G961" s="4" t="s">
        <v>5110</v>
      </c>
      <c r="H961" s="4" t="s">
        <v>5111</v>
      </c>
      <c r="I961" s="4" t="s">
        <v>5112</v>
      </c>
      <c r="K961" s="4" t="s">
        <v>5113</v>
      </c>
    </row>
    <row r="962" spans="1:11" ht="72" x14ac:dyDescent="0.3">
      <c r="A962" s="1">
        <v>7261</v>
      </c>
      <c r="C962" s="4" t="s">
        <v>5114</v>
      </c>
      <c r="D962" s="4" t="s">
        <v>5115</v>
      </c>
      <c r="G962" s="4" t="s">
        <v>5116</v>
      </c>
      <c r="H962" s="4" t="s">
        <v>5117</v>
      </c>
      <c r="K962" s="4" t="s">
        <v>5118</v>
      </c>
    </row>
    <row r="963" spans="1:11" ht="86.4" x14ac:dyDescent="0.3">
      <c r="A963" s="1">
        <v>7276</v>
      </c>
      <c r="C963" s="4" t="s">
        <v>5119</v>
      </c>
      <c r="D963" s="4" t="s">
        <v>5120</v>
      </c>
      <c r="E963" s="4" t="s">
        <v>5121</v>
      </c>
      <c r="F963" s="4" t="s">
        <v>5122</v>
      </c>
      <c r="G963" s="4" t="s">
        <v>5123</v>
      </c>
      <c r="H963" s="4" t="s">
        <v>5124</v>
      </c>
      <c r="I963" s="4" t="s">
        <v>5125</v>
      </c>
      <c r="K963" s="4" t="s">
        <v>5126</v>
      </c>
    </row>
    <row r="964" spans="1:11" ht="43.2" x14ac:dyDescent="0.3">
      <c r="A964" s="1">
        <v>7286</v>
      </c>
      <c r="C964" s="4" t="s">
        <v>5127</v>
      </c>
      <c r="D964" s="4" t="s">
        <v>5128</v>
      </c>
      <c r="E964" s="4" t="s">
        <v>5129</v>
      </c>
      <c r="F964" s="4" t="s">
        <v>5130</v>
      </c>
      <c r="G964" s="4" t="s">
        <v>5131</v>
      </c>
      <c r="H964" s="4" t="s">
        <v>5132</v>
      </c>
      <c r="I964" s="4" t="s">
        <v>5133</v>
      </c>
      <c r="K964" s="4" t="s">
        <v>5134</v>
      </c>
    </row>
    <row r="965" spans="1:11" ht="86.4" x14ac:dyDescent="0.3">
      <c r="A965" s="1">
        <v>7291</v>
      </c>
      <c r="C965" s="4" t="s">
        <v>5135</v>
      </c>
      <c r="D965" s="4" t="s">
        <v>5136</v>
      </c>
      <c r="E965" s="4" t="s">
        <v>5137</v>
      </c>
      <c r="F965" s="4" t="s">
        <v>5138</v>
      </c>
      <c r="G965" s="4" t="s">
        <v>5139</v>
      </c>
      <c r="H965" s="4" t="s">
        <v>5140</v>
      </c>
      <c r="I965" s="4" t="s">
        <v>5141</v>
      </c>
      <c r="K965" s="4" t="s">
        <v>5142</v>
      </c>
    </row>
    <row r="966" spans="1:11" ht="86.4" x14ac:dyDescent="0.3">
      <c r="A966" s="1">
        <v>7296</v>
      </c>
      <c r="C966" s="4" t="s">
        <v>5143</v>
      </c>
      <c r="D966" s="4" t="s">
        <v>5144</v>
      </c>
      <c r="F966" s="4" t="s">
        <v>5145</v>
      </c>
      <c r="G966" s="4" t="s">
        <v>5146</v>
      </c>
      <c r="H966" s="4" t="s">
        <v>5147</v>
      </c>
      <c r="K966" s="4" t="s">
        <v>5148</v>
      </c>
    </row>
    <row r="967" spans="1:11" ht="86.4" x14ac:dyDescent="0.3">
      <c r="A967" s="1">
        <v>7301</v>
      </c>
      <c r="C967" s="4" t="s">
        <v>5149</v>
      </c>
      <c r="D967" s="4" t="s">
        <v>5150</v>
      </c>
      <c r="E967" s="4" t="s">
        <v>5151</v>
      </c>
      <c r="F967" s="4" t="s">
        <v>5152</v>
      </c>
      <c r="G967" s="4" t="s">
        <v>5153</v>
      </c>
      <c r="H967" s="4" t="s">
        <v>5154</v>
      </c>
      <c r="I967" s="4" t="s">
        <v>5155</v>
      </c>
      <c r="K967" s="4" t="s">
        <v>5156</v>
      </c>
    </row>
    <row r="968" spans="1:11" ht="57.6" x14ac:dyDescent="0.3">
      <c r="A968" s="1">
        <v>7306</v>
      </c>
      <c r="D968" s="4" t="s">
        <v>5157</v>
      </c>
      <c r="F968" s="4" t="s">
        <v>5158</v>
      </c>
    </row>
    <row r="969" spans="1:11" ht="43.2" x14ac:dyDescent="0.3">
      <c r="A969" s="1">
        <v>7311</v>
      </c>
      <c r="C969" s="4" t="s">
        <v>5159</v>
      </c>
      <c r="D969" s="4" t="s">
        <v>5160</v>
      </c>
      <c r="K969" s="4" t="s">
        <v>5161</v>
      </c>
    </row>
    <row r="970" spans="1:11" x14ac:dyDescent="0.3">
      <c r="A970" s="1">
        <v>7316</v>
      </c>
    </row>
    <row r="971" spans="1:11" ht="72" x14ac:dyDescent="0.3">
      <c r="A971" s="1">
        <v>7321</v>
      </c>
      <c r="C971" s="4" t="s">
        <v>5162</v>
      </c>
      <c r="D971" s="4" t="s">
        <v>5163</v>
      </c>
      <c r="E971" s="4" t="s">
        <v>5164</v>
      </c>
      <c r="F971" s="4" t="s">
        <v>936</v>
      </c>
      <c r="G971" s="4" t="s">
        <v>5165</v>
      </c>
      <c r="H971" s="4" t="s">
        <v>936</v>
      </c>
    </row>
    <row r="972" spans="1:11" ht="86.4" x14ac:dyDescent="0.3">
      <c r="A972" s="1">
        <v>7326</v>
      </c>
      <c r="C972" s="4" t="s">
        <v>5166</v>
      </c>
      <c r="D972" s="4" t="s">
        <v>5167</v>
      </c>
      <c r="E972" s="4" t="s">
        <v>5168</v>
      </c>
      <c r="F972" s="4" t="s">
        <v>5169</v>
      </c>
      <c r="G972" s="4" t="s">
        <v>5170</v>
      </c>
      <c r="H972" s="4" t="s">
        <v>5171</v>
      </c>
      <c r="I972" s="4" t="s">
        <v>5172</v>
      </c>
      <c r="J972" s="4" t="s">
        <v>5173</v>
      </c>
      <c r="K972" s="4" t="s">
        <v>1113</v>
      </c>
    </row>
    <row r="973" spans="1:11" ht="86.4" x14ac:dyDescent="0.3">
      <c r="A973" s="1">
        <v>7331</v>
      </c>
      <c r="C973" s="4" t="s">
        <v>5174</v>
      </c>
      <c r="D973" s="4" t="s">
        <v>5175</v>
      </c>
      <c r="E973" s="4" t="s">
        <v>5176</v>
      </c>
      <c r="F973" s="4" t="s">
        <v>5177</v>
      </c>
      <c r="G973" s="4" t="s">
        <v>5178</v>
      </c>
      <c r="H973" s="4" t="s">
        <v>5179</v>
      </c>
      <c r="I973" s="4" t="s">
        <v>5180</v>
      </c>
      <c r="K973" s="4" t="s">
        <v>5181</v>
      </c>
    </row>
    <row r="974" spans="1:11" ht="86.4" x14ac:dyDescent="0.3">
      <c r="A974" s="1">
        <v>7346</v>
      </c>
      <c r="C974" s="4" t="s">
        <v>5182</v>
      </c>
      <c r="D974" s="4" t="s">
        <v>5183</v>
      </c>
      <c r="E974" s="4" t="s">
        <v>5184</v>
      </c>
      <c r="F974" s="4" t="s">
        <v>5185</v>
      </c>
      <c r="G974" s="4" t="s">
        <v>5186</v>
      </c>
      <c r="H974" s="4" t="s">
        <v>5187</v>
      </c>
      <c r="I974" s="4" t="s">
        <v>5188</v>
      </c>
      <c r="J974" s="4" t="s">
        <v>5189</v>
      </c>
      <c r="K974" s="4" t="s">
        <v>5190</v>
      </c>
    </row>
    <row r="975" spans="1:11" ht="28.8" x14ac:dyDescent="0.3">
      <c r="A975" s="1">
        <v>7356</v>
      </c>
      <c r="C975" s="4" t="s">
        <v>5191</v>
      </c>
      <c r="H975" s="4" t="s">
        <v>5192</v>
      </c>
    </row>
    <row r="976" spans="1:11" ht="72" x14ac:dyDescent="0.3">
      <c r="A976" s="1">
        <v>7366</v>
      </c>
      <c r="D976" s="4" t="s">
        <v>5193</v>
      </c>
      <c r="E976" s="4" t="s">
        <v>5194</v>
      </c>
      <c r="F976" s="4" t="s">
        <v>5195</v>
      </c>
    </row>
    <row r="977" spans="1:11" x14ac:dyDescent="0.3">
      <c r="A977" s="1">
        <v>7376</v>
      </c>
    </row>
    <row r="978" spans="1:11" ht="86.4" x14ac:dyDescent="0.3">
      <c r="A978" s="1">
        <v>7381</v>
      </c>
      <c r="C978" s="4" t="s">
        <v>5196</v>
      </c>
      <c r="D978" s="4" t="s">
        <v>5197</v>
      </c>
      <c r="E978" s="4" t="s">
        <v>5198</v>
      </c>
      <c r="F978" s="4" t="s">
        <v>5199</v>
      </c>
      <c r="G978" s="4" t="s">
        <v>5200</v>
      </c>
      <c r="H978" s="4" t="s">
        <v>5201</v>
      </c>
      <c r="I978" s="4" t="s">
        <v>5202</v>
      </c>
      <c r="K978" s="4" t="s">
        <v>5203</v>
      </c>
    </row>
    <row r="979" spans="1:11" ht="72" x14ac:dyDescent="0.3">
      <c r="A979" s="1">
        <v>7386</v>
      </c>
      <c r="D979" s="4" t="s">
        <v>5204</v>
      </c>
      <c r="E979" s="4" t="s">
        <v>5205</v>
      </c>
      <c r="G979" s="4" t="s">
        <v>5206</v>
      </c>
      <c r="H979" s="4" t="s">
        <v>5207</v>
      </c>
    </row>
    <row r="980" spans="1:11" ht="57.6" x14ac:dyDescent="0.3">
      <c r="A980" s="1">
        <v>7391</v>
      </c>
      <c r="C980" s="4" t="s">
        <v>5208</v>
      </c>
      <c r="D980" s="4" t="s">
        <v>5209</v>
      </c>
      <c r="E980" s="4" t="s">
        <v>5210</v>
      </c>
      <c r="F980" s="4" t="s">
        <v>5211</v>
      </c>
      <c r="G980" s="4" t="s">
        <v>5212</v>
      </c>
      <c r="H980" s="4" t="s">
        <v>5213</v>
      </c>
      <c r="I980" s="4" t="s">
        <v>5214</v>
      </c>
      <c r="K980" s="4" t="s">
        <v>5215</v>
      </c>
    </row>
    <row r="981" spans="1:11" ht="57.6" x14ac:dyDescent="0.3">
      <c r="A981" s="1">
        <v>7396</v>
      </c>
      <c r="C981" s="4" t="s">
        <v>5216</v>
      </c>
      <c r="D981" s="4" t="s">
        <v>5217</v>
      </c>
      <c r="G981" s="4" t="s">
        <v>5218</v>
      </c>
      <c r="H981" s="4" t="s">
        <v>5219</v>
      </c>
      <c r="I981" s="4" t="s">
        <v>5220</v>
      </c>
      <c r="K981" s="4" t="s">
        <v>5221</v>
      </c>
    </row>
    <row r="982" spans="1:11" ht="72" x14ac:dyDescent="0.3">
      <c r="A982" s="1">
        <v>7401</v>
      </c>
      <c r="C982" s="4" t="s">
        <v>5222</v>
      </c>
      <c r="D982" s="4" t="s">
        <v>5223</v>
      </c>
      <c r="G982" s="4" t="s">
        <v>5224</v>
      </c>
      <c r="H982" s="4" t="s">
        <v>5225</v>
      </c>
      <c r="I982" s="4" t="s">
        <v>5226</v>
      </c>
      <c r="K982" s="4" t="s">
        <v>5227</v>
      </c>
    </row>
    <row r="983" spans="1:11" ht="86.4" x14ac:dyDescent="0.3">
      <c r="A983" s="1">
        <v>7406</v>
      </c>
      <c r="E983" s="4" t="s">
        <v>5228</v>
      </c>
      <c r="F983" s="4" t="s">
        <v>5229</v>
      </c>
      <c r="G983" s="4" t="s">
        <v>5230</v>
      </c>
      <c r="H983" s="4" t="s">
        <v>5231</v>
      </c>
      <c r="K983" s="4" t="s">
        <v>5232</v>
      </c>
    </row>
    <row r="984" spans="1:11" ht="72" x14ac:dyDescent="0.3">
      <c r="A984" s="1">
        <v>7411</v>
      </c>
      <c r="C984" s="4" t="s">
        <v>5233</v>
      </c>
      <c r="D984" s="4" t="s">
        <v>5234</v>
      </c>
      <c r="F984" s="4" t="s">
        <v>5235</v>
      </c>
      <c r="H984" s="4" t="s">
        <v>5236</v>
      </c>
      <c r="I984" s="4" t="s">
        <v>5237</v>
      </c>
      <c r="K984" s="4" t="s">
        <v>5238</v>
      </c>
    </row>
    <row r="985" spans="1:11" ht="72" x14ac:dyDescent="0.3">
      <c r="A985" s="1">
        <v>7421</v>
      </c>
      <c r="C985" s="4" t="s">
        <v>5239</v>
      </c>
      <c r="D985" s="4" t="s">
        <v>5240</v>
      </c>
      <c r="E985" s="4" t="s">
        <v>5241</v>
      </c>
      <c r="F985" s="4" t="s">
        <v>5242</v>
      </c>
      <c r="G985" s="4" t="s">
        <v>5243</v>
      </c>
      <c r="H985" s="4" t="s">
        <v>5244</v>
      </c>
      <c r="I985" s="4" t="s">
        <v>5245</v>
      </c>
      <c r="K985" s="4" t="s">
        <v>5246</v>
      </c>
    </row>
    <row r="986" spans="1:11" ht="72" x14ac:dyDescent="0.3">
      <c r="A986" s="1">
        <v>7426</v>
      </c>
      <c r="C986" s="4" t="s">
        <v>5247</v>
      </c>
      <c r="D986" s="4" t="s">
        <v>5248</v>
      </c>
      <c r="E986" s="4" t="s">
        <v>5249</v>
      </c>
      <c r="F986" s="4" t="s">
        <v>5250</v>
      </c>
      <c r="G986" s="4" t="s">
        <v>5251</v>
      </c>
      <c r="H986" s="4" t="s">
        <v>5252</v>
      </c>
      <c r="I986" s="4" t="s">
        <v>5253</v>
      </c>
      <c r="J986" s="4" t="s">
        <v>5254</v>
      </c>
      <c r="K986" s="4" t="s">
        <v>5255</v>
      </c>
    </row>
    <row r="987" spans="1:11" ht="28.8" x14ac:dyDescent="0.3">
      <c r="A987" s="1">
        <v>7431</v>
      </c>
      <c r="C987" s="4" t="s">
        <v>5256</v>
      </c>
      <c r="D987" s="4" t="s">
        <v>5257</v>
      </c>
      <c r="E987" s="4" t="s">
        <v>5258</v>
      </c>
      <c r="F987" s="4" t="s">
        <v>5259</v>
      </c>
      <c r="G987" s="4" t="s">
        <v>5260</v>
      </c>
      <c r="H987" s="4" t="s">
        <v>5260</v>
      </c>
      <c r="K987" s="4" t="s">
        <v>5261</v>
      </c>
    </row>
    <row r="988" spans="1:11" ht="72" x14ac:dyDescent="0.3">
      <c r="A988" s="1">
        <v>7436</v>
      </c>
      <c r="C988" s="4" t="s">
        <v>5262</v>
      </c>
      <c r="D988" s="4" t="s">
        <v>5263</v>
      </c>
      <c r="G988" s="4" t="s">
        <v>5264</v>
      </c>
      <c r="H988" s="4" t="s">
        <v>5264</v>
      </c>
      <c r="K988" s="4" t="s">
        <v>5265</v>
      </c>
    </row>
    <row r="989" spans="1:11" ht="57.6" x14ac:dyDescent="0.3">
      <c r="A989" s="1">
        <v>7446</v>
      </c>
      <c r="C989" s="4" t="s">
        <v>5266</v>
      </c>
      <c r="I989" s="4" t="s">
        <v>5267</v>
      </c>
    </row>
    <row r="990" spans="1:11" ht="100.8" x14ac:dyDescent="0.3">
      <c r="A990" s="1">
        <v>7456</v>
      </c>
      <c r="C990" s="4" t="s">
        <v>5268</v>
      </c>
      <c r="D990" s="4" t="s">
        <v>5269</v>
      </c>
      <c r="E990" s="4" t="s">
        <v>5270</v>
      </c>
      <c r="F990" s="4" t="s">
        <v>5271</v>
      </c>
      <c r="G990" s="4" t="s">
        <v>5272</v>
      </c>
      <c r="H990" s="4" t="s">
        <v>5273</v>
      </c>
      <c r="I990" s="4" t="s">
        <v>5274</v>
      </c>
      <c r="K990" s="4" t="s">
        <v>5275</v>
      </c>
    </row>
    <row r="991" spans="1:11" ht="72" x14ac:dyDescent="0.3">
      <c r="A991" s="1">
        <v>7461</v>
      </c>
      <c r="C991" s="4" t="s">
        <v>5276</v>
      </c>
      <c r="D991" s="4" t="s">
        <v>5277</v>
      </c>
      <c r="E991" s="4" t="s">
        <v>5278</v>
      </c>
      <c r="F991" s="4" t="s">
        <v>5279</v>
      </c>
      <c r="G991" s="4" t="s">
        <v>5280</v>
      </c>
      <c r="H991" s="4" t="s">
        <v>5281</v>
      </c>
      <c r="I991" s="4" t="s">
        <v>5282</v>
      </c>
      <c r="K991" s="4" t="s">
        <v>5283</v>
      </c>
    </row>
    <row r="992" spans="1:11" ht="72" x14ac:dyDescent="0.3">
      <c r="A992" s="1">
        <v>7466</v>
      </c>
      <c r="F992" s="4" t="s">
        <v>5284</v>
      </c>
      <c r="G992" s="4" t="s">
        <v>5285</v>
      </c>
      <c r="H992" s="4" t="s">
        <v>5286</v>
      </c>
      <c r="I992" s="4" t="s">
        <v>5287</v>
      </c>
      <c r="K992" s="4" t="s">
        <v>5288</v>
      </c>
    </row>
    <row r="993" spans="1:11" ht="72" x14ac:dyDescent="0.3">
      <c r="A993" s="1">
        <v>7471</v>
      </c>
      <c r="C993" s="4" t="s">
        <v>5289</v>
      </c>
      <c r="D993" s="4" t="s">
        <v>5290</v>
      </c>
      <c r="E993" s="4" t="s">
        <v>5291</v>
      </c>
      <c r="F993" s="4" t="s">
        <v>5292</v>
      </c>
      <c r="G993" s="4" t="s">
        <v>5293</v>
      </c>
      <c r="H993" s="4" t="s">
        <v>5294</v>
      </c>
      <c r="I993" s="4" t="s">
        <v>5295</v>
      </c>
      <c r="K993" s="4" t="s">
        <v>5296</v>
      </c>
    </row>
    <row r="994" spans="1:11" ht="57.6" x14ac:dyDescent="0.3">
      <c r="A994" s="1">
        <v>7476</v>
      </c>
      <c r="H994" s="4" t="s">
        <v>5297</v>
      </c>
    </row>
    <row r="995" spans="1:11" ht="86.4" x14ac:dyDescent="0.3">
      <c r="A995" s="1">
        <v>7481</v>
      </c>
      <c r="C995" s="4" t="s">
        <v>5298</v>
      </c>
      <c r="D995" s="4" t="s">
        <v>5299</v>
      </c>
      <c r="E995" s="4" t="s">
        <v>5300</v>
      </c>
      <c r="F995" s="4" t="s">
        <v>5301</v>
      </c>
      <c r="G995" s="4" t="s">
        <v>5302</v>
      </c>
      <c r="H995" s="4" t="s">
        <v>5302</v>
      </c>
      <c r="I995" s="4" t="s">
        <v>5303</v>
      </c>
      <c r="J995" s="4" t="s">
        <v>5304</v>
      </c>
      <c r="K995" s="4" t="s">
        <v>5305</v>
      </c>
    </row>
    <row r="996" spans="1:11" ht="28.8" x14ac:dyDescent="0.3">
      <c r="A996" s="1">
        <v>7486</v>
      </c>
      <c r="C996" s="4" t="s">
        <v>5306</v>
      </c>
    </row>
    <row r="997" spans="1:11" x14ac:dyDescent="0.3">
      <c r="A997" s="1">
        <v>7491</v>
      </c>
      <c r="C997" s="4" t="s">
        <v>5307</v>
      </c>
      <c r="F997" s="4" t="s">
        <v>5308</v>
      </c>
      <c r="I997" s="4" t="s">
        <v>5309</v>
      </c>
    </row>
    <row r="998" spans="1:11" ht="28.8" x14ac:dyDescent="0.3">
      <c r="A998" s="1">
        <v>7496</v>
      </c>
      <c r="C998" s="4" t="s">
        <v>5310</v>
      </c>
      <c r="D998" s="4" t="s">
        <v>5311</v>
      </c>
      <c r="G998" s="4" t="s">
        <v>5312</v>
      </c>
      <c r="K998" s="4" t="s">
        <v>5313</v>
      </c>
    </row>
    <row r="999" spans="1:11" ht="43.2" x14ac:dyDescent="0.3">
      <c r="A999" s="1">
        <v>7506</v>
      </c>
      <c r="C999" s="4" t="s">
        <v>5314</v>
      </c>
      <c r="D999" s="4" t="s">
        <v>5315</v>
      </c>
      <c r="G999" s="4" t="s">
        <v>5316</v>
      </c>
      <c r="H999" s="4" t="s">
        <v>5317</v>
      </c>
    </row>
    <row r="1000" spans="1:11" ht="43.2" x14ac:dyDescent="0.3">
      <c r="A1000" s="1">
        <v>7511</v>
      </c>
      <c r="C1000" s="4" t="s">
        <v>5318</v>
      </c>
      <c r="D1000" s="4" t="s">
        <v>5319</v>
      </c>
      <c r="E1000" s="4" t="s">
        <v>5320</v>
      </c>
      <c r="F1000" s="4" t="s">
        <v>5321</v>
      </c>
      <c r="H1000" s="4" t="s">
        <v>5322</v>
      </c>
      <c r="K1000" s="4" t="s">
        <v>5323</v>
      </c>
    </row>
    <row r="1001" spans="1:11" ht="43.2" x14ac:dyDescent="0.3">
      <c r="A1001" s="1">
        <v>7516</v>
      </c>
      <c r="C1001" s="4" t="s">
        <v>5324</v>
      </c>
      <c r="G1001" s="4" t="s">
        <v>5325</v>
      </c>
      <c r="H1001" s="4" t="s">
        <v>5326</v>
      </c>
    </row>
    <row r="1002" spans="1:11" ht="28.8" x14ac:dyDescent="0.3">
      <c r="A1002" s="1">
        <v>7526</v>
      </c>
      <c r="C1002" s="4" t="s">
        <v>5327</v>
      </c>
      <c r="E1002" s="4" t="s">
        <v>5328</v>
      </c>
      <c r="I1002" s="4" t="s">
        <v>5329</v>
      </c>
    </row>
    <row r="1003" spans="1:11" ht="72" x14ac:dyDescent="0.3">
      <c r="A1003" s="1">
        <v>7531</v>
      </c>
      <c r="C1003" s="4" t="s">
        <v>5330</v>
      </c>
      <c r="D1003" s="4" t="s">
        <v>5331</v>
      </c>
      <c r="E1003" s="4" t="s">
        <v>5332</v>
      </c>
      <c r="F1003" s="4" t="s">
        <v>5333</v>
      </c>
      <c r="G1003" s="4" t="s">
        <v>5334</v>
      </c>
      <c r="H1003" s="4" t="s">
        <v>5335</v>
      </c>
      <c r="I1003" s="4" t="s">
        <v>5336</v>
      </c>
      <c r="K1003" s="4" t="s">
        <v>5337</v>
      </c>
    </row>
    <row r="1004" spans="1:11" ht="86.4" x14ac:dyDescent="0.3">
      <c r="A1004" s="1">
        <v>7536</v>
      </c>
      <c r="C1004" s="4" t="s">
        <v>5338</v>
      </c>
      <c r="D1004" s="4" t="s">
        <v>5339</v>
      </c>
      <c r="E1004" s="4" t="s">
        <v>5340</v>
      </c>
      <c r="F1004" s="4" t="s">
        <v>5341</v>
      </c>
      <c r="G1004" s="4" t="s">
        <v>5342</v>
      </c>
      <c r="H1004" s="4" t="s">
        <v>5343</v>
      </c>
      <c r="K1004" s="4" t="s">
        <v>5344</v>
      </c>
    </row>
    <row r="1005" spans="1:11" ht="28.8" x14ac:dyDescent="0.3">
      <c r="A1005" s="1">
        <v>7541</v>
      </c>
      <c r="C1005" s="4" t="s">
        <v>5345</v>
      </c>
      <c r="D1005" s="4" t="s">
        <v>5346</v>
      </c>
    </row>
    <row r="1006" spans="1:11" ht="72" x14ac:dyDescent="0.3">
      <c r="A1006" s="1">
        <v>7546</v>
      </c>
      <c r="C1006" s="4" t="s">
        <v>5347</v>
      </c>
      <c r="D1006" s="4" t="s">
        <v>5348</v>
      </c>
      <c r="E1006" s="4" t="s">
        <v>5349</v>
      </c>
      <c r="F1006" s="4" t="s">
        <v>5350</v>
      </c>
      <c r="G1006" s="4" t="s">
        <v>5351</v>
      </c>
      <c r="H1006" s="4" t="s">
        <v>5352</v>
      </c>
      <c r="I1006" s="4" t="s">
        <v>5353</v>
      </c>
      <c r="J1006" s="4" t="s">
        <v>5354</v>
      </c>
      <c r="K1006" s="4" t="s">
        <v>5355</v>
      </c>
    </row>
    <row r="1007" spans="1:11" ht="86.4" x14ac:dyDescent="0.3">
      <c r="A1007" s="1">
        <v>7551</v>
      </c>
      <c r="C1007" s="4" t="s">
        <v>5356</v>
      </c>
      <c r="D1007" s="4" t="s">
        <v>5357</v>
      </c>
      <c r="G1007" s="4" t="s">
        <v>5358</v>
      </c>
      <c r="H1007" s="4" t="s">
        <v>5359</v>
      </c>
    </row>
    <row r="1008" spans="1:11" ht="86.4" x14ac:dyDescent="0.3">
      <c r="A1008" s="1">
        <v>7566</v>
      </c>
      <c r="C1008" s="4" t="s">
        <v>5360</v>
      </c>
      <c r="D1008" s="4" t="s">
        <v>5361</v>
      </c>
      <c r="E1008" s="4" t="s">
        <v>5362</v>
      </c>
      <c r="G1008" s="4" t="s">
        <v>5363</v>
      </c>
      <c r="H1008" s="4" t="s">
        <v>5364</v>
      </c>
      <c r="I1008" s="4" t="s">
        <v>5365</v>
      </c>
      <c r="K1008" s="4" t="s">
        <v>5366</v>
      </c>
    </row>
    <row r="1009" spans="1:11" ht="57.6" x14ac:dyDescent="0.3">
      <c r="A1009" s="1">
        <v>7571</v>
      </c>
      <c r="C1009" s="4" t="s">
        <v>5367</v>
      </c>
      <c r="G1009" s="4" t="s">
        <v>5368</v>
      </c>
      <c r="H1009" s="4" t="s">
        <v>5369</v>
      </c>
      <c r="J1009" s="4" t="s">
        <v>5370</v>
      </c>
    </row>
    <row r="1010" spans="1:11" ht="72" x14ac:dyDescent="0.3">
      <c r="A1010" s="1">
        <v>7576</v>
      </c>
      <c r="C1010" s="4" t="s">
        <v>5371</v>
      </c>
      <c r="D1010" s="4" t="s">
        <v>5372</v>
      </c>
      <c r="E1010" s="4" t="s">
        <v>5373</v>
      </c>
      <c r="F1010" s="4" t="s">
        <v>5374</v>
      </c>
      <c r="G1010" s="4" t="s">
        <v>5375</v>
      </c>
      <c r="H1010" s="4" t="s">
        <v>5376</v>
      </c>
      <c r="I1010" s="4" t="s">
        <v>5377</v>
      </c>
      <c r="K1010" s="4" t="s">
        <v>5378</v>
      </c>
    </row>
    <row r="1011" spans="1:11" ht="57.6" x14ac:dyDescent="0.3">
      <c r="A1011" s="1">
        <v>7581</v>
      </c>
      <c r="C1011" s="4" t="s">
        <v>5379</v>
      </c>
      <c r="D1011" s="4" t="s">
        <v>5380</v>
      </c>
      <c r="E1011" s="4" t="s">
        <v>5381</v>
      </c>
      <c r="G1011" s="4" t="s">
        <v>5382</v>
      </c>
      <c r="H1011" s="4" t="s">
        <v>5383</v>
      </c>
      <c r="K1011" s="4" t="s">
        <v>5384</v>
      </c>
    </row>
    <row r="1012" spans="1:11" ht="72" x14ac:dyDescent="0.3">
      <c r="A1012" s="1">
        <v>7586</v>
      </c>
      <c r="C1012" s="4" t="s">
        <v>5385</v>
      </c>
      <c r="D1012" s="4" t="s">
        <v>5386</v>
      </c>
      <c r="E1012" s="4" t="s">
        <v>5387</v>
      </c>
      <c r="F1012" s="4" t="s">
        <v>5388</v>
      </c>
      <c r="H1012" s="4" t="s">
        <v>5389</v>
      </c>
      <c r="J1012" s="4" t="s">
        <v>5390</v>
      </c>
      <c r="K1012" s="4" t="s">
        <v>5391</v>
      </c>
    </row>
    <row r="1013" spans="1:11" ht="72" x14ac:dyDescent="0.3">
      <c r="A1013" s="1">
        <v>7591</v>
      </c>
      <c r="C1013" s="4" t="s">
        <v>5392</v>
      </c>
      <c r="D1013" s="4" t="s">
        <v>5393</v>
      </c>
      <c r="G1013" s="4" t="s">
        <v>5394</v>
      </c>
      <c r="H1013" s="4" t="s">
        <v>5395</v>
      </c>
      <c r="K1013" s="4" t="s">
        <v>5396</v>
      </c>
    </row>
    <row r="1014" spans="1:11" ht="86.4" x14ac:dyDescent="0.3">
      <c r="A1014" s="1">
        <v>7596</v>
      </c>
      <c r="C1014" s="4" t="s">
        <v>5397</v>
      </c>
      <c r="D1014" s="4" t="s">
        <v>5398</v>
      </c>
      <c r="E1014" s="4" t="s">
        <v>5399</v>
      </c>
      <c r="F1014" s="4" t="s">
        <v>5400</v>
      </c>
      <c r="G1014" s="4" t="s">
        <v>5401</v>
      </c>
      <c r="H1014" s="4" t="s">
        <v>5402</v>
      </c>
      <c r="I1014" s="4" t="s">
        <v>5403</v>
      </c>
      <c r="K1014" s="4" t="s">
        <v>5404</v>
      </c>
    </row>
    <row r="1015" spans="1:11" ht="72" x14ac:dyDescent="0.3">
      <c r="A1015" s="1">
        <v>7606</v>
      </c>
      <c r="C1015" s="4" t="s">
        <v>5405</v>
      </c>
      <c r="D1015" s="4" t="s">
        <v>5406</v>
      </c>
      <c r="E1015" s="4" t="s">
        <v>5407</v>
      </c>
      <c r="F1015" s="4" t="s">
        <v>5408</v>
      </c>
      <c r="K1015" s="4" t="s">
        <v>5409</v>
      </c>
    </row>
    <row r="1016" spans="1:11" ht="72" x14ac:dyDescent="0.3">
      <c r="A1016" s="1">
        <v>7616</v>
      </c>
      <c r="C1016" s="4" t="s">
        <v>5410</v>
      </c>
      <c r="K1016" s="4" t="s">
        <v>5411</v>
      </c>
    </row>
    <row r="1017" spans="1:11" ht="43.2" x14ac:dyDescent="0.3">
      <c r="A1017" s="1">
        <v>7621</v>
      </c>
      <c r="C1017" s="4" t="s">
        <v>5412</v>
      </c>
      <c r="D1017" s="4" t="s">
        <v>5413</v>
      </c>
      <c r="K1017" s="4" t="s">
        <v>5414</v>
      </c>
    </row>
    <row r="1018" spans="1:11" ht="86.4" x14ac:dyDescent="0.3">
      <c r="A1018" s="1">
        <v>7626</v>
      </c>
      <c r="C1018" s="4" t="s">
        <v>5415</v>
      </c>
      <c r="D1018" s="4" t="s">
        <v>5416</v>
      </c>
      <c r="E1018" s="4" t="s">
        <v>5417</v>
      </c>
      <c r="F1018" s="4" t="s">
        <v>5418</v>
      </c>
      <c r="G1018" s="4" t="s">
        <v>5419</v>
      </c>
      <c r="H1018" s="4" t="s">
        <v>5420</v>
      </c>
    </row>
    <row r="1019" spans="1:11" ht="72" x14ac:dyDescent="0.3">
      <c r="A1019" s="1">
        <v>7636</v>
      </c>
      <c r="C1019" s="4" t="s">
        <v>5421</v>
      </c>
      <c r="D1019" s="4" t="s">
        <v>5422</v>
      </c>
      <c r="E1019" s="4" t="s">
        <v>5423</v>
      </c>
      <c r="F1019" s="4" t="s">
        <v>5424</v>
      </c>
      <c r="G1019" s="4" t="s">
        <v>5425</v>
      </c>
      <c r="I1019" s="4" t="s">
        <v>5426</v>
      </c>
      <c r="K1019" s="4" t="s">
        <v>5427</v>
      </c>
    </row>
    <row r="1020" spans="1:11" ht="72" x14ac:dyDescent="0.3">
      <c r="A1020" s="1">
        <v>7641</v>
      </c>
      <c r="C1020" s="4" t="s">
        <v>5428</v>
      </c>
      <c r="D1020" s="4" t="s">
        <v>5429</v>
      </c>
      <c r="E1020" s="4" t="s">
        <v>5430</v>
      </c>
      <c r="F1020" s="4" t="s">
        <v>5431</v>
      </c>
      <c r="G1020" s="4" t="s">
        <v>5432</v>
      </c>
      <c r="H1020" s="4" t="s">
        <v>5433</v>
      </c>
    </row>
    <row r="1021" spans="1:11" ht="100.8" x14ac:dyDescent="0.3">
      <c r="A1021" s="1">
        <v>7646</v>
      </c>
      <c r="C1021" s="4" t="s">
        <v>5434</v>
      </c>
      <c r="D1021" s="4" t="s">
        <v>5435</v>
      </c>
      <c r="E1021" s="4" t="s">
        <v>5436</v>
      </c>
      <c r="F1021" s="4" t="s">
        <v>5437</v>
      </c>
      <c r="G1021" s="4" t="s">
        <v>5438</v>
      </c>
      <c r="H1021" s="4" t="s">
        <v>5439</v>
      </c>
      <c r="J1021" s="4" t="s">
        <v>5440</v>
      </c>
      <c r="K1021" s="4" t="s">
        <v>5441</v>
      </c>
    </row>
    <row r="1022" spans="1:11" ht="72" x14ac:dyDescent="0.3">
      <c r="A1022" s="1">
        <v>7651</v>
      </c>
      <c r="C1022" s="4" t="s">
        <v>5442</v>
      </c>
      <c r="D1022" s="4" t="s">
        <v>5443</v>
      </c>
      <c r="E1022" s="4" t="s">
        <v>5444</v>
      </c>
      <c r="F1022" s="4" t="s">
        <v>5445</v>
      </c>
      <c r="G1022" s="4" t="s">
        <v>5446</v>
      </c>
      <c r="H1022" s="4" t="s">
        <v>5447</v>
      </c>
      <c r="I1022" s="4" t="s">
        <v>5448</v>
      </c>
      <c r="K1022" s="4" t="s">
        <v>5449</v>
      </c>
    </row>
    <row r="1023" spans="1:11" ht="57.6" x14ac:dyDescent="0.3">
      <c r="A1023" s="1">
        <v>7656</v>
      </c>
      <c r="C1023" s="4" t="s">
        <v>5450</v>
      </c>
      <c r="K1023" s="4" t="s">
        <v>5451</v>
      </c>
    </row>
    <row r="1024" spans="1:11" ht="72" x14ac:dyDescent="0.3">
      <c r="A1024" s="1">
        <v>7661</v>
      </c>
      <c r="C1024" s="4" t="s">
        <v>5452</v>
      </c>
      <c r="D1024" s="4" t="s">
        <v>5453</v>
      </c>
      <c r="E1024" s="4" t="s">
        <v>5454</v>
      </c>
      <c r="F1024" s="4" t="s">
        <v>5455</v>
      </c>
      <c r="G1024" s="4" t="s">
        <v>5456</v>
      </c>
      <c r="H1024" s="4" t="s">
        <v>5457</v>
      </c>
      <c r="I1024" s="4" t="s">
        <v>5458</v>
      </c>
      <c r="K1024" s="4" t="s">
        <v>5459</v>
      </c>
    </row>
    <row r="1025" spans="1:11" ht="57.6" x14ac:dyDescent="0.3">
      <c r="A1025" s="1">
        <v>7676</v>
      </c>
      <c r="C1025" s="4" t="s">
        <v>5460</v>
      </c>
      <c r="D1025" s="4" t="s">
        <v>5461</v>
      </c>
      <c r="E1025" s="4" t="s">
        <v>5462</v>
      </c>
      <c r="F1025" s="4" t="s">
        <v>5462</v>
      </c>
      <c r="G1025" s="4" t="s">
        <v>5463</v>
      </c>
      <c r="H1025" s="4" t="s">
        <v>5464</v>
      </c>
      <c r="I1025" s="4" t="s">
        <v>5465</v>
      </c>
      <c r="K1025" s="4" t="s">
        <v>5466</v>
      </c>
    </row>
    <row r="1026" spans="1:11" ht="57.6" x14ac:dyDescent="0.3">
      <c r="A1026" s="1">
        <v>7681</v>
      </c>
      <c r="C1026" s="4" t="s">
        <v>5467</v>
      </c>
      <c r="D1026" s="4" t="s">
        <v>5468</v>
      </c>
      <c r="E1026" s="4" t="s">
        <v>5469</v>
      </c>
      <c r="G1026" s="4" t="s">
        <v>5470</v>
      </c>
      <c r="H1026" s="4" t="s">
        <v>5471</v>
      </c>
      <c r="I1026" s="4" t="s">
        <v>5472</v>
      </c>
      <c r="K1026" s="4" t="s">
        <v>5473</v>
      </c>
    </row>
    <row r="1027" spans="1:11" ht="72" x14ac:dyDescent="0.3">
      <c r="A1027" s="1">
        <v>7696</v>
      </c>
      <c r="C1027" s="4" t="s">
        <v>5474</v>
      </c>
      <c r="D1027" s="4" t="s">
        <v>5475</v>
      </c>
      <c r="G1027" s="4" t="s">
        <v>5476</v>
      </c>
      <c r="H1027" s="4" t="s">
        <v>5477</v>
      </c>
      <c r="K1027" s="4" t="s">
        <v>5478</v>
      </c>
    </row>
    <row r="1028" spans="1:11" ht="86.4" x14ac:dyDescent="0.3">
      <c r="A1028" s="1">
        <v>7701</v>
      </c>
      <c r="C1028" s="4" t="s">
        <v>5479</v>
      </c>
      <c r="D1028" s="4" t="s">
        <v>5480</v>
      </c>
      <c r="E1028" s="4" t="s">
        <v>5481</v>
      </c>
      <c r="F1028" s="4" t="s">
        <v>5482</v>
      </c>
      <c r="G1028" s="4" t="s">
        <v>5483</v>
      </c>
      <c r="H1028" s="4" t="s">
        <v>5484</v>
      </c>
      <c r="I1028" s="4" t="s">
        <v>5485</v>
      </c>
      <c r="J1028" s="4" t="s">
        <v>5486</v>
      </c>
      <c r="K1028" s="4" t="s">
        <v>5487</v>
      </c>
    </row>
    <row r="1029" spans="1:11" x14ac:dyDescent="0.3">
      <c r="A1029" s="1">
        <v>7706</v>
      </c>
      <c r="C1029" s="4" t="s">
        <v>5488</v>
      </c>
      <c r="D1029" s="4" t="s">
        <v>5489</v>
      </c>
    </row>
    <row r="1030" spans="1:11" ht="86.4" x14ac:dyDescent="0.3">
      <c r="A1030" s="1">
        <v>7711</v>
      </c>
      <c r="C1030" s="4" t="s">
        <v>5490</v>
      </c>
      <c r="D1030" s="4" t="s">
        <v>5491</v>
      </c>
      <c r="E1030" s="4" t="s">
        <v>5492</v>
      </c>
      <c r="F1030" s="4" t="s">
        <v>5493</v>
      </c>
      <c r="G1030" s="4" t="s">
        <v>5494</v>
      </c>
      <c r="H1030" s="4" t="s">
        <v>5495</v>
      </c>
      <c r="I1030" s="4" t="s">
        <v>5496</v>
      </c>
      <c r="K1030" s="4" t="s">
        <v>5497</v>
      </c>
    </row>
    <row r="1031" spans="1:11" ht="86.4" x14ac:dyDescent="0.3">
      <c r="A1031" s="1">
        <v>7721</v>
      </c>
      <c r="C1031" s="4" t="s">
        <v>5498</v>
      </c>
      <c r="D1031" s="4" t="s">
        <v>5499</v>
      </c>
      <c r="E1031" s="4" t="s">
        <v>5500</v>
      </c>
      <c r="F1031" s="4" t="s">
        <v>5501</v>
      </c>
      <c r="G1031" s="4" t="s">
        <v>5502</v>
      </c>
      <c r="H1031" s="4" t="s">
        <v>5503</v>
      </c>
      <c r="I1031" s="4" t="s">
        <v>5504</v>
      </c>
      <c r="K1031" s="4" t="s">
        <v>5505</v>
      </c>
    </row>
    <row r="1032" spans="1:11" ht="28.8" x14ac:dyDescent="0.3">
      <c r="A1032" s="1">
        <v>7731</v>
      </c>
      <c r="F1032" s="4" t="s">
        <v>5506</v>
      </c>
    </row>
    <row r="1033" spans="1:11" ht="72" x14ac:dyDescent="0.3">
      <c r="A1033" s="1">
        <v>7736</v>
      </c>
      <c r="C1033" s="4" t="s">
        <v>5507</v>
      </c>
      <c r="J1033" s="4" t="s">
        <v>5508</v>
      </c>
      <c r="K1033" s="4" t="s">
        <v>5509</v>
      </c>
    </row>
    <row r="1034" spans="1:11" ht="57.6" x14ac:dyDescent="0.3">
      <c r="A1034" s="1">
        <v>7741</v>
      </c>
      <c r="C1034" s="4" t="s">
        <v>5510</v>
      </c>
      <c r="D1034" s="4" t="s">
        <v>5511</v>
      </c>
      <c r="E1034" s="4" t="s">
        <v>5512</v>
      </c>
      <c r="I1034" s="4" t="s">
        <v>5513</v>
      </c>
    </row>
    <row r="1035" spans="1:11" ht="86.4" x14ac:dyDescent="0.3">
      <c r="A1035" s="1">
        <v>7746</v>
      </c>
      <c r="D1035" s="4" t="s">
        <v>5514</v>
      </c>
      <c r="G1035" s="4" t="s">
        <v>5515</v>
      </c>
      <c r="H1035" s="4" t="s">
        <v>5516</v>
      </c>
      <c r="K1035" s="4" t="s">
        <v>5517</v>
      </c>
    </row>
    <row r="1036" spans="1:11" x14ac:dyDescent="0.3">
      <c r="A1036" s="1">
        <v>7751</v>
      </c>
    </row>
    <row r="1037" spans="1:11" ht="86.4" x14ac:dyDescent="0.3">
      <c r="A1037" s="1">
        <v>7756</v>
      </c>
      <c r="C1037" s="4" t="s">
        <v>5518</v>
      </c>
      <c r="D1037" s="4" t="s">
        <v>5519</v>
      </c>
      <c r="E1037" s="4" t="s">
        <v>2100</v>
      </c>
      <c r="F1037" s="4" t="s">
        <v>5520</v>
      </c>
      <c r="G1037" s="4" t="s">
        <v>5521</v>
      </c>
      <c r="I1037" s="4" t="s">
        <v>5522</v>
      </c>
      <c r="K1037" s="4" t="s">
        <v>5523</v>
      </c>
    </row>
    <row r="1038" spans="1:11" ht="86.4" x14ac:dyDescent="0.3">
      <c r="A1038" s="1">
        <v>7766</v>
      </c>
      <c r="C1038" s="4" t="s">
        <v>5524</v>
      </c>
      <c r="D1038" s="4" t="s">
        <v>5525</v>
      </c>
      <c r="E1038" s="4" t="s">
        <v>5526</v>
      </c>
      <c r="F1038" s="4" t="s">
        <v>5526</v>
      </c>
      <c r="G1038" s="4" t="s">
        <v>5527</v>
      </c>
      <c r="H1038" s="4" t="s">
        <v>5528</v>
      </c>
      <c r="I1038" s="4" t="s">
        <v>5529</v>
      </c>
      <c r="K1038" s="4" t="s">
        <v>5530</v>
      </c>
    </row>
    <row r="1039" spans="1:11" ht="86.4" x14ac:dyDescent="0.3">
      <c r="A1039" s="1">
        <v>7771</v>
      </c>
      <c r="C1039" s="4" t="s">
        <v>5531</v>
      </c>
      <c r="D1039" s="4" t="s">
        <v>5532</v>
      </c>
      <c r="H1039" s="4" t="s">
        <v>5533</v>
      </c>
      <c r="K1039" s="4" t="s">
        <v>5534</v>
      </c>
    </row>
    <row r="1040" spans="1:11" x14ac:dyDescent="0.3">
      <c r="A1040" s="1">
        <v>7776</v>
      </c>
    </row>
    <row r="1041" spans="1:11" ht="86.4" x14ac:dyDescent="0.3">
      <c r="A1041" s="1">
        <v>7781</v>
      </c>
      <c r="C1041" s="4" t="s">
        <v>5535</v>
      </c>
      <c r="D1041" s="4" t="s">
        <v>5536</v>
      </c>
      <c r="E1041" s="4" t="s">
        <v>5537</v>
      </c>
      <c r="F1041" s="4" t="s">
        <v>5538</v>
      </c>
    </row>
    <row r="1042" spans="1:11" ht="86.4" x14ac:dyDescent="0.3">
      <c r="A1042" s="1">
        <v>7786</v>
      </c>
      <c r="C1042" s="4" t="s">
        <v>5539</v>
      </c>
      <c r="D1042" s="4" t="s">
        <v>5540</v>
      </c>
      <c r="E1042" s="4" t="s">
        <v>5541</v>
      </c>
      <c r="F1042" s="4" t="s">
        <v>5542</v>
      </c>
      <c r="G1042" s="4" t="s">
        <v>5543</v>
      </c>
      <c r="H1042" s="4" t="s">
        <v>5544</v>
      </c>
      <c r="I1042" s="4" t="s">
        <v>5545</v>
      </c>
      <c r="K1042" s="4" t="s">
        <v>5546</v>
      </c>
    </row>
    <row r="1043" spans="1:11" ht="43.2" x14ac:dyDescent="0.3">
      <c r="A1043" s="1">
        <v>7796</v>
      </c>
      <c r="C1043" s="4" t="s">
        <v>5547</v>
      </c>
      <c r="D1043" s="4" t="s">
        <v>5548</v>
      </c>
      <c r="E1043" s="4" t="s">
        <v>5549</v>
      </c>
      <c r="F1043" s="4" t="s">
        <v>5550</v>
      </c>
      <c r="I1043" s="4" t="s">
        <v>5551</v>
      </c>
    </row>
    <row r="1044" spans="1:11" ht="72" x14ac:dyDescent="0.3">
      <c r="A1044" s="1">
        <v>7806</v>
      </c>
      <c r="C1044" s="4" t="s">
        <v>5552</v>
      </c>
      <c r="D1044" s="4" t="s">
        <v>5553</v>
      </c>
      <c r="E1044" s="4" t="s">
        <v>5554</v>
      </c>
      <c r="G1044" s="4" t="s">
        <v>5555</v>
      </c>
      <c r="H1044" s="4" t="s">
        <v>5556</v>
      </c>
    </row>
    <row r="1045" spans="1:11" ht="72" x14ac:dyDescent="0.3">
      <c r="A1045" s="1">
        <v>7816</v>
      </c>
      <c r="D1045" s="4" t="s">
        <v>5557</v>
      </c>
      <c r="E1045" s="4" t="s">
        <v>5558</v>
      </c>
      <c r="F1045" s="4" t="s">
        <v>5559</v>
      </c>
      <c r="G1045" s="4" t="s">
        <v>5560</v>
      </c>
      <c r="H1045" s="4" t="s">
        <v>5561</v>
      </c>
      <c r="K1045" s="4" t="s">
        <v>5562</v>
      </c>
    </row>
    <row r="1046" spans="1:11" ht="72" x14ac:dyDescent="0.3">
      <c r="A1046" s="1">
        <v>7821</v>
      </c>
      <c r="D1046" s="4" t="s">
        <v>5563</v>
      </c>
      <c r="E1046" s="4" t="s">
        <v>5564</v>
      </c>
      <c r="F1046" s="4" t="s">
        <v>5565</v>
      </c>
      <c r="G1046" s="4" t="s">
        <v>5566</v>
      </c>
      <c r="I1046" s="4" t="s">
        <v>5567</v>
      </c>
      <c r="K1046" s="4" t="s">
        <v>5568</v>
      </c>
    </row>
    <row r="1047" spans="1:11" ht="72" x14ac:dyDescent="0.3">
      <c r="A1047" s="1">
        <v>7826</v>
      </c>
      <c r="C1047" s="4" t="s">
        <v>5569</v>
      </c>
      <c r="H1047" s="4" t="s">
        <v>5570</v>
      </c>
      <c r="I1047" s="4" t="s">
        <v>5571</v>
      </c>
      <c r="J1047" s="4" t="s">
        <v>5572</v>
      </c>
      <c r="K1047" s="4" t="s">
        <v>5573</v>
      </c>
    </row>
    <row r="1048" spans="1:11" ht="86.4" x14ac:dyDescent="0.3">
      <c r="A1048" s="1">
        <v>7831</v>
      </c>
      <c r="C1048" s="4" t="s">
        <v>5574</v>
      </c>
      <c r="D1048" s="4" t="s">
        <v>5575</v>
      </c>
      <c r="E1048" s="4" t="s">
        <v>5576</v>
      </c>
      <c r="F1048" s="4" t="s">
        <v>5577</v>
      </c>
      <c r="G1048" s="4" t="s">
        <v>5578</v>
      </c>
      <c r="H1048" s="4" t="s">
        <v>5579</v>
      </c>
      <c r="J1048" s="4" t="s">
        <v>5580</v>
      </c>
      <c r="K1048" s="4" t="s">
        <v>5581</v>
      </c>
    </row>
    <row r="1049" spans="1:11" ht="100.8" x14ac:dyDescent="0.3">
      <c r="A1049" s="1">
        <v>7836</v>
      </c>
      <c r="C1049" s="4" t="s">
        <v>5582</v>
      </c>
      <c r="D1049" s="4" t="s">
        <v>5583</v>
      </c>
      <c r="E1049" s="4" t="s">
        <v>5584</v>
      </c>
      <c r="F1049" s="4" t="s">
        <v>5585</v>
      </c>
      <c r="G1049" s="4" t="s">
        <v>5586</v>
      </c>
      <c r="H1049" s="4" t="s">
        <v>5587</v>
      </c>
      <c r="I1049" s="4" t="s">
        <v>5588</v>
      </c>
      <c r="K1049" s="4" t="s">
        <v>5589</v>
      </c>
    </row>
    <row r="1050" spans="1:11" ht="57.6" x14ac:dyDescent="0.3">
      <c r="A1050" s="1">
        <v>7846</v>
      </c>
      <c r="C1050" s="4" t="s">
        <v>5590</v>
      </c>
      <c r="D1050" s="4" t="s">
        <v>5591</v>
      </c>
      <c r="E1050" s="4" t="s">
        <v>5592</v>
      </c>
      <c r="F1050" s="4" t="s">
        <v>5593</v>
      </c>
      <c r="G1050" s="4" t="s">
        <v>5594</v>
      </c>
      <c r="H1050" s="4" t="s">
        <v>5595</v>
      </c>
      <c r="I1050" s="4" t="s">
        <v>5596</v>
      </c>
      <c r="K1050" s="4" t="s">
        <v>5597</v>
      </c>
    </row>
    <row r="1051" spans="1:11" ht="28.8" x14ac:dyDescent="0.3">
      <c r="A1051" s="1">
        <v>7851</v>
      </c>
      <c r="C1051" s="4" t="s">
        <v>5598</v>
      </c>
      <c r="D1051" s="4" t="s">
        <v>5599</v>
      </c>
      <c r="E1051" s="4" t="s">
        <v>5600</v>
      </c>
      <c r="F1051" s="4" t="s">
        <v>5601</v>
      </c>
      <c r="G1051" s="4" t="s">
        <v>5602</v>
      </c>
      <c r="K1051" s="4" t="s">
        <v>5603</v>
      </c>
    </row>
    <row r="1052" spans="1:11" ht="86.4" x14ac:dyDescent="0.3">
      <c r="A1052" s="1">
        <v>7856</v>
      </c>
      <c r="C1052" s="4" t="s">
        <v>5604</v>
      </c>
      <c r="D1052" s="4" t="s">
        <v>5605</v>
      </c>
      <c r="G1052" s="4" t="s">
        <v>5606</v>
      </c>
      <c r="H1052" s="4" t="s">
        <v>5607</v>
      </c>
      <c r="K1052" s="4" t="s">
        <v>5608</v>
      </c>
    </row>
    <row r="1053" spans="1:11" ht="72" x14ac:dyDescent="0.3">
      <c r="A1053" s="1">
        <v>7866</v>
      </c>
      <c r="C1053" s="4" t="s">
        <v>5609</v>
      </c>
      <c r="G1053" s="4" t="s">
        <v>5610</v>
      </c>
      <c r="H1053" s="4" t="s">
        <v>5611</v>
      </c>
      <c r="K1053" s="4" t="s">
        <v>5612</v>
      </c>
    </row>
    <row r="1054" spans="1:11" ht="86.4" x14ac:dyDescent="0.3">
      <c r="A1054" s="1">
        <v>7881</v>
      </c>
      <c r="C1054" s="4" t="s">
        <v>5613</v>
      </c>
      <c r="D1054" s="4" t="s">
        <v>5614</v>
      </c>
      <c r="E1054" s="4" t="s">
        <v>5615</v>
      </c>
      <c r="G1054" s="4" t="s">
        <v>5616</v>
      </c>
      <c r="H1054" s="4" t="s">
        <v>5617</v>
      </c>
      <c r="K1054" s="4" t="s">
        <v>5618</v>
      </c>
    </row>
    <row r="1055" spans="1:11" ht="86.4" x14ac:dyDescent="0.3">
      <c r="A1055" s="1">
        <v>7886</v>
      </c>
      <c r="C1055" s="4" t="s">
        <v>5619</v>
      </c>
      <c r="D1055" s="4" t="s">
        <v>5620</v>
      </c>
      <c r="E1055" s="4" t="s">
        <v>5621</v>
      </c>
      <c r="G1055" s="4" t="s">
        <v>5622</v>
      </c>
      <c r="H1055" s="4" t="s">
        <v>5623</v>
      </c>
      <c r="I1055" s="4" t="s">
        <v>5624</v>
      </c>
      <c r="K1055" s="4" t="s">
        <v>5625</v>
      </c>
    </row>
    <row r="1056" spans="1:11" ht="86.4" x14ac:dyDescent="0.3">
      <c r="A1056" s="1">
        <v>7891</v>
      </c>
      <c r="C1056" s="4" t="s">
        <v>5626</v>
      </c>
      <c r="D1056" s="4" t="s">
        <v>5627</v>
      </c>
      <c r="E1056" s="4" t="s">
        <v>5628</v>
      </c>
      <c r="F1056" s="4" t="s">
        <v>5629</v>
      </c>
      <c r="G1056" s="4" t="s">
        <v>5630</v>
      </c>
      <c r="H1056" s="4" t="s">
        <v>5631</v>
      </c>
      <c r="I1056" s="4" t="s">
        <v>5632</v>
      </c>
      <c r="K1056" s="4" t="s">
        <v>5633</v>
      </c>
    </row>
    <row r="1057" spans="1:11" ht="72" x14ac:dyDescent="0.3">
      <c r="A1057" s="1">
        <v>7896</v>
      </c>
      <c r="C1057" s="4" t="s">
        <v>5634</v>
      </c>
      <c r="D1057" s="4" t="s">
        <v>5635</v>
      </c>
      <c r="E1057" s="4" t="s">
        <v>5636</v>
      </c>
      <c r="F1057" s="4" t="s">
        <v>5637</v>
      </c>
      <c r="G1057" s="4" t="s">
        <v>5638</v>
      </c>
      <c r="H1057" s="4" t="s">
        <v>5639</v>
      </c>
      <c r="I1057" s="4" t="s">
        <v>5640</v>
      </c>
      <c r="K1057" s="4" t="s">
        <v>5641</v>
      </c>
    </row>
    <row r="1058" spans="1:11" ht="86.4" x14ac:dyDescent="0.3">
      <c r="A1058" s="1">
        <v>7911</v>
      </c>
      <c r="C1058" s="4" t="s">
        <v>5642</v>
      </c>
      <c r="D1058" s="4" t="s">
        <v>5643</v>
      </c>
      <c r="E1058" s="4" t="s">
        <v>5644</v>
      </c>
      <c r="F1058" s="4" t="s">
        <v>5645</v>
      </c>
      <c r="G1058" s="4" t="s">
        <v>5646</v>
      </c>
      <c r="H1058" s="4" t="s">
        <v>5647</v>
      </c>
      <c r="I1058" s="4" t="s">
        <v>5648</v>
      </c>
      <c r="K1058" s="4" t="s">
        <v>5649</v>
      </c>
    </row>
    <row r="1059" spans="1:11" ht="43.2" x14ac:dyDescent="0.3">
      <c r="A1059" s="1">
        <v>7916</v>
      </c>
      <c r="C1059" s="4" t="s">
        <v>5650</v>
      </c>
      <c r="D1059" s="4" t="s">
        <v>5651</v>
      </c>
      <c r="G1059" s="4" t="s">
        <v>5652</v>
      </c>
      <c r="H1059" s="4" t="s">
        <v>5653</v>
      </c>
      <c r="I1059" s="4" t="s">
        <v>5654</v>
      </c>
      <c r="J1059" s="4" t="s">
        <v>5655</v>
      </c>
    </row>
    <row r="1060" spans="1:11" ht="72" x14ac:dyDescent="0.3">
      <c r="A1060" s="1">
        <v>7921</v>
      </c>
      <c r="C1060" s="4" t="s">
        <v>5656</v>
      </c>
      <c r="G1060" s="4" t="s">
        <v>5657</v>
      </c>
      <c r="H1060" s="4" t="s">
        <v>5657</v>
      </c>
      <c r="J1060" s="4" t="s">
        <v>5658</v>
      </c>
      <c r="K1060" s="4" t="s">
        <v>5659</v>
      </c>
    </row>
    <row r="1061" spans="1:11" x14ac:dyDescent="0.3">
      <c r="A1061" s="1">
        <v>7926</v>
      </c>
    </row>
    <row r="1062" spans="1:11" ht="72" x14ac:dyDescent="0.3">
      <c r="A1062" s="1">
        <v>7931</v>
      </c>
      <c r="C1062" s="4" t="s">
        <v>5660</v>
      </c>
      <c r="D1062" s="4" t="s">
        <v>5661</v>
      </c>
      <c r="E1062" s="4" t="s">
        <v>5662</v>
      </c>
      <c r="G1062" s="4" t="s">
        <v>5663</v>
      </c>
      <c r="I1062" s="4" t="s">
        <v>5664</v>
      </c>
      <c r="J1062" s="4" t="s">
        <v>5665</v>
      </c>
      <c r="K1062" s="4" t="s">
        <v>5666</v>
      </c>
    </row>
    <row r="1063" spans="1:11" ht="43.2" x14ac:dyDescent="0.3">
      <c r="A1063" s="1">
        <v>7936</v>
      </c>
      <c r="F1063" s="4" t="s">
        <v>5667</v>
      </c>
      <c r="G1063" s="4" t="s">
        <v>5668</v>
      </c>
      <c r="H1063" s="4" t="s">
        <v>5669</v>
      </c>
      <c r="J1063" s="4" t="s">
        <v>5670</v>
      </c>
      <c r="K1063" s="4" t="s">
        <v>5671</v>
      </c>
    </row>
    <row r="1064" spans="1:11" ht="86.4" x14ac:dyDescent="0.3">
      <c r="A1064" s="1">
        <v>7941</v>
      </c>
      <c r="C1064" s="4" t="s">
        <v>5672</v>
      </c>
      <c r="D1064" s="4" t="s">
        <v>5673</v>
      </c>
      <c r="G1064" s="4" t="s">
        <v>5674</v>
      </c>
      <c r="H1064" s="4" t="s">
        <v>5675</v>
      </c>
      <c r="I1064" s="4" t="s">
        <v>5676</v>
      </c>
      <c r="K1064" s="4" t="s">
        <v>5677</v>
      </c>
    </row>
    <row r="1065" spans="1:11" ht="72" x14ac:dyDescent="0.3">
      <c r="A1065" s="1">
        <v>7946</v>
      </c>
      <c r="C1065" s="4" t="s">
        <v>5678</v>
      </c>
      <c r="D1065" s="4" t="s">
        <v>5679</v>
      </c>
      <c r="E1065" s="4" t="s">
        <v>5680</v>
      </c>
      <c r="F1065" s="4" t="s">
        <v>5681</v>
      </c>
      <c r="G1065" s="4" t="s">
        <v>5682</v>
      </c>
      <c r="H1065" s="4" t="s">
        <v>5683</v>
      </c>
      <c r="I1065" s="4" t="s">
        <v>5684</v>
      </c>
      <c r="K1065" s="4" t="s">
        <v>5685</v>
      </c>
    </row>
    <row r="1066" spans="1:11" ht="86.4" x14ac:dyDescent="0.3">
      <c r="A1066" s="1">
        <v>7951</v>
      </c>
      <c r="C1066" s="4" t="s">
        <v>5686</v>
      </c>
      <c r="D1066" s="4" t="s">
        <v>5687</v>
      </c>
      <c r="E1066" s="4" t="s">
        <v>5688</v>
      </c>
      <c r="F1066" s="4" t="s">
        <v>5689</v>
      </c>
      <c r="G1066" s="4" t="s">
        <v>5690</v>
      </c>
      <c r="H1066" s="4" t="s">
        <v>5691</v>
      </c>
      <c r="I1066" s="4" t="s">
        <v>5692</v>
      </c>
    </row>
    <row r="1067" spans="1:11" ht="57.6" x14ac:dyDescent="0.3">
      <c r="A1067" s="1">
        <v>7956</v>
      </c>
      <c r="C1067" s="4" t="s">
        <v>5693</v>
      </c>
      <c r="D1067" s="4" t="s">
        <v>5694</v>
      </c>
      <c r="E1067" s="4" t="s">
        <v>5695</v>
      </c>
      <c r="F1067" s="4" t="s">
        <v>5696</v>
      </c>
    </row>
    <row r="1068" spans="1:11" ht="43.2" x14ac:dyDescent="0.3">
      <c r="A1068" s="1">
        <v>7961</v>
      </c>
      <c r="C1068" s="4" t="s">
        <v>5697</v>
      </c>
      <c r="D1068" s="4" t="s">
        <v>5698</v>
      </c>
    </row>
    <row r="1069" spans="1:11" x14ac:dyDescent="0.3">
      <c r="A1069" s="1">
        <v>7966</v>
      </c>
    </row>
    <row r="1070" spans="1:11" x14ac:dyDescent="0.3">
      <c r="A1070" s="1">
        <v>7976</v>
      </c>
      <c r="K1070" s="4" t="s">
        <v>5699</v>
      </c>
    </row>
    <row r="1071" spans="1:11" ht="86.4" x14ac:dyDescent="0.3">
      <c r="A1071" s="1">
        <v>7981</v>
      </c>
      <c r="C1071" s="4" t="s">
        <v>5700</v>
      </c>
      <c r="D1071" s="4" t="s">
        <v>5701</v>
      </c>
      <c r="E1071" s="4" t="s">
        <v>5702</v>
      </c>
      <c r="F1071" s="4" t="s">
        <v>5703</v>
      </c>
      <c r="G1071" s="4" t="s">
        <v>5704</v>
      </c>
      <c r="H1071" s="4" t="s">
        <v>5705</v>
      </c>
      <c r="I1071" s="4" t="s">
        <v>5706</v>
      </c>
      <c r="K1071" s="4" t="s">
        <v>5707</v>
      </c>
    </row>
    <row r="1072" spans="1:11" x14ac:dyDescent="0.3">
      <c r="A1072" s="1">
        <v>8001</v>
      </c>
    </row>
    <row r="1073" spans="1:11" ht="86.4" x14ac:dyDescent="0.3">
      <c r="A1073" s="1">
        <v>8011</v>
      </c>
      <c r="C1073" s="4" t="s">
        <v>5708</v>
      </c>
      <c r="D1073" s="4" t="s">
        <v>5709</v>
      </c>
      <c r="E1073" s="4" t="s">
        <v>5710</v>
      </c>
      <c r="F1073" s="4" t="s">
        <v>5711</v>
      </c>
      <c r="G1073" s="4" t="s">
        <v>5712</v>
      </c>
      <c r="H1073" s="4" t="s">
        <v>5713</v>
      </c>
      <c r="I1073" s="4" t="s">
        <v>5714</v>
      </c>
      <c r="K1073" s="4" t="s">
        <v>5715</v>
      </c>
    </row>
    <row r="1074" spans="1:11" ht="72" x14ac:dyDescent="0.3">
      <c r="A1074" s="1">
        <v>8016</v>
      </c>
      <c r="C1074" s="4" t="s">
        <v>5716</v>
      </c>
      <c r="D1074" s="4" t="s">
        <v>5717</v>
      </c>
      <c r="G1074" s="4" t="s">
        <v>5718</v>
      </c>
      <c r="H1074" s="4" t="s">
        <v>5719</v>
      </c>
    </row>
    <row r="1075" spans="1:11" ht="57.6" x14ac:dyDescent="0.3">
      <c r="A1075" s="1">
        <v>8031</v>
      </c>
      <c r="C1075" s="4" t="s">
        <v>5720</v>
      </c>
      <c r="D1075" s="4" t="s">
        <v>5721</v>
      </c>
      <c r="F1075" s="4" t="s">
        <v>5722</v>
      </c>
      <c r="G1075" s="4" t="s">
        <v>5723</v>
      </c>
      <c r="H1075" s="4" t="s">
        <v>5724</v>
      </c>
      <c r="I1075" s="4" t="s">
        <v>4454</v>
      </c>
      <c r="K1075" s="4" t="s">
        <v>5725</v>
      </c>
    </row>
    <row r="1076" spans="1:11" ht="72" x14ac:dyDescent="0.3">
      <c r="A1076" s="1">
        <v>8036</v>
      </c>
      <c r="C1076" s="4" t="s">
        <v>5726</v>
      </c>
      <c r="D1076" s="4" t="s">
        <v>5727</v>
      </c>
      <c r="E1076" s="4" t="s">
        <v>5728</v>
      </c>
      <c r="F1076" s="4" t="s">
        <v>5729</v>
      </c>
      <c r="G1076" s="4" t="s">
        <v>5730</v>
      </c>
      <c r="H1076" s="4" t="s">
        <v>5731</v>
      </c>
      <c r="I1076" s="4" t="s">
        <v>5732</v>
      </c>
      <c r="K1076" s="4" t="s">
        <v>5733</v>
      </c>
    </row>
    <row r="1077" spans="1:11" ht="72" x14ac:dyDescent="0.3">
      <c r="A1077" s="1">
        <v>8041</v>
      </c>
      <c r="C1077" s="4" t="s">
        <v>5734</v>
      </c>
      <c r="G1077" s="4" t="s">
        <v>5735</v>
      </c>
      <c r="H1077" s="4" t="s">
        <v>5736</v>
      </c>
      <c r="K1077" s="4" t="s">
        <v>5737</v>
      </c>
    </row>
    <row r="1078" spans="1:11" ht="43.2" x14ac:dyDescent="0.3">
      <c r="A1078" s="1">
        <v>8051</v>
      </c>
      <c r="C1078" s="4" t="s">
        <v>5738</v>
      </c>
      <c r="D1078" s="4" t="s">
        <v>5739</v>
      </c>
      <c r="G1078" s="4" t="s">
        <v>5740</v>
      </c>
      <c r="H1078" s="4" t="s">
        <v>5741</v>
      </c>
    </row>
    <row r="1079" spans="1:11" ht="57.6" x14ac:dyDescent="0.3">
      <c r="A1079" s="1">
        <v>8056</v>
      </c>
      <c r="C1079" s="4" t="s">
        <v>5742</v>
      </c>
      <c r="G1079" s="4" t="s">
        <v>5743</v>
      </c>
      <c r="H1079" s="4" t="s">
        <v>5744</v>
      </c>
      <c r="I1079" s="4" t="s">
        <v>5745</v>
      </c>
    </row>
    <row r="1080" spans="1:11" ht="86.4" x14ac:dyDescent="0.3">
      <c r="A1080" s="1">
        <v>8061</v>
      </c>
      <c r="E1080" s="4" t="s">
        <v>5746</v>
      </c>
      <c r="F1080" s="4" t="s">
        <v>5747</v>
      </c>
      <c r="J1080" s="4" t="s">
        <v>5748</v>
      </c>
      <c r="K1080" s="4" t="s">
        <v>5749</v>
      </c>
    </row>
    <row r="1081" spans="1:11" ht="86.4" x14ac:dyDescent="0.3">
      <c r="A1081" s="1">
        <v>8066</v>
      </c>
      <c r="C1081" s="4" t="s">
        <v>5750</v>
      </c>
      <c r="D1081" s="4" t="s">
        <v>5751</v>
      </c>
      <c r="E1081" s="4" t="s">
        <v>5752</v>
      </c>
      <c r="G1081" s="4" t="s">
        <v>5753</v>
      </c>
      <c r="H1081" s="4" t="s">
        <v>5754</v>
      </c>
      <c r="I1081" s="4" t="s">
        <v>5755</v>
      </c>
      <c r="K1081" s="4" t="s">
        <v>5756</v>
      </c>
    </row>
    <row r="1082" spans="1:11" ht="28.8" x14ac:dyDescent="0.3">
      <c r="A1082" s="1">
        <v>8071</v>
      </c>
      <c r="C1082" s="4" t="s">
        <v>5757</v>
      </c>
      <c r="G1082" s="4" t="s">
        <v>5758</v>
      </c>
    </row>
    <row r="1083" spans="1:11" ht="57.6" x14ac:dyDescent="0.3">
      <c r="A1083" s="1">
        <v>8091</v>
      </c>
      <c r="C1083" s="4" t="s">
        <v>5759</v>
      </c>
      <c r="D1083" s="4" t="s">
        <v>5760</v>
      </c>
      <c r="E1083" s="4" t="s">
        <v>5761</v>
      </c>
      <c r="F1083" s="4" t="s">
        <v>5762</v>
      </c>
      <c r="G1083" s="4" t="s">
        <v>5763</v>
      </c>
      <c r="H1083" s="4" t="s">
        <v>5764</v>
      </c>
      <c r="K1083" s="4" t="s">
        <v>5765</v>
      </c>
    </row>
    <row r="1084" spans="1:11" ht="72" x14ac:dyDescent="0.3">
      <c r="A1084" s="1">
        <v>8096</v>
      </c>
      <c r="C1084" s="4" t="s">
        <v>5766</v>
      </c>
      <c r="G1084" s="4" t="s">
        <v>5767</v>
      </c>
      <c r="H1084" s="4" t="s">
        <v>5768</v>
      </c>
      <c r="K1084" s="4" t="s">
        <v>5769</v>
      </c>
    </row>
    <row r="1085" spans="1:11" ht="72" x14ac:dyDescent="0.3">
      <c r="A1085" s="1">
        <v>8101</v>
      </c>
      <c r="C1085" s="4" t="s">
        <v>5770</v>
      </c>
      <c r="D1085" s="4" t="s">
        <v>5771</v>
      </c>
      <c r="E1085" s="4" t="s">
        <v>5772</v>
      </c>
      <c r="F1085" s="4" t="s">
        <v>5773</v>
      </c>
      <c r="G1085" s="4" t="s">
        <v>5774</v>
      </c>
      <c r="H1085" s="4" t="s">
        <v>5775</v>
      </c>
      <c r="I1085" s="4" t="s">
        <v>5776</v>
      </c>
      <c r="K1085" s="4" t="s">
        <v>5777</v>
      </c>
    </row>
    <row r="1086" spans="1:11" x14ac:dyDescent="0.3">
      <c r="A1086" s="1">
        <v>8111</v>
      </c>
    </row>
    <row r="1087" spans="1:11" ht="43.2" x14ac:dyDescent="0.3">
      <c r="A1087" s="1">
        <v>8116</v>
      </c>
      <c r="D1087" s="4" t="s">
        <v>5778</v>
      </c>
      <c r="E1087" s="4" t="s">
        <v>5779</v>
      </c>
      <c r="G1087" s="4" t="s">
        <v>5780</v>
      </c>
      <c r="H1087" s="4" t="s">
        <v>5781</v>
      </c>
    </row>
    <row r="1088" spans="1:11" ht="86.4" x14ac:dyDescent="0.3">
      <c r="A1088" s="1">
        <v>8121</v>
      </c>
      <c r="C1088" s="4" t="s">
        <v>5782</v>
      </c>
      <c r="D1088" s="4" t="s">
        <v>5783</v>
      </c>
      <c r="E1088" s="4" t="s">
        <v>5784</v>
      </c>
      <c r="F1088" s="4" t="s">
        <v>5785</v>
      </c>
      <c r="G1088" s="4" t="s">
        <v>5786</v>
      </c>
      <c r="H1088" s="4" t="s">
        <v>5787</v>
      </c>
      <c r="I1088" s="4" t="s">
        <v>5788</v>
      </c>
      <c r="J1088" s="4" t="s">
        <v>5789</v>
      </c>
    </row>
    <row r="1089" spans="1:11" x14ac:dyDescent="0.3">
      <c r="A1089" s="1">
        <v>8131</v>
      </c>
    </row>
    <row r="1090" spans="1:11" ht="72" x14ac:dyDescent="0.3">
      <c r="A1090" s="1">
        <v>8146</v>
      </c>
      <c r="B1090" s="1" t="s">
        <v>5790</v>
      </c>
      <c r="C1090" s="4" t="s">
        <v>5791</v>
      </c>
      <c r="D1090" s="4" t="s">
        <v>5792</v>
      </c>
      <c r="E1090" s="4" t="s">
        <v>5793</v>
      </c>
      <c r="F1090" s="4" t="s">
        <v>5794</v>
      </c>
      <c r="G1090" s="4" t="s">
        <v>5795</v>
      </c>
      <c r="H1090" s="4" t="s">
        <v>5796</v>
      </c>
      <c r="I1090" s="4" t="s">
        <v>5797</v>
      </c>
      <c r="K1090" s="4" t="s">
        <v>5798</v>
      </c>
    </row>
    <row r="1091" spans="1:11" ht="86.4" x14ac:dyDescent="0.3">
      <c r="A1091" s="1">
        <v>8151</v>
      </c>
      <c r="B1091" s="1" t="s">
        <v>5799</v>
      </c>
      <c r="E1091" s="4" t="s">
        <v>5800</v>
      </c>
      <c r="F1091" s="4" t="s">
        <v>5801</v>
      </c>
      <c r="G1091" s="4" t="s">
        <v>5802</v>
      </c>
    </row>
    <row r="1092" spans="1:11" ht="57.6" x14ac:dyDescent="0.3">
      <c r="A1092" s="1">
        <v>8166</v>
      </c>
      <c r="B1092" s="1" t="s">
        <v>5803</v>
      </c>
      <c r="C1092" s="4" t="s">
        <v>5804</v>
      </c>
      <c r="D1092" s="4" t="s">
        <v>5805</v>
      </c>
      <c r="E1092" s="4" t="s">
        <v>5806</v>
      </c>
      <c r="F1092" s="4" t="s">
        <v>5807</v>
      </c>
      <c r="G1092" s="4" t="s">
        <v>5808</v>
      </c>
      <c r="H1092" s="4" t="s">
        <v>5809</v>
      </c>
      <c r="I1092" s="4" t="s">
        <v>5810</v>
      </c>
      <c r="K1092" s="4" t="s">
        <v>5811</v>
      </c>
    </row>
    <row r="1093" spans="1:11" x14ac:dyDescent="0.3">
      <c r="A1093" s="1">
        <v>8171</v>
      </c>
    </row>
    <row r="1094" spans="1:11" ht="43.2" x14ac:dyDescent="0.3">
      <c r="A1094" s="1">
        <v>8176</v>
      </c>
      <c r="C1094" s="4" t="s">
        <v>5812</v>
      </c>
    </row>
    <row r="1095" spans="1:11" ht="28.8" x14ac:dyDescent="0.3">
      <c r="A1095" s="1">
        <v>8181</v>
      </c>
      <c r="B1095" s="1" t="s">
        <v>5813</v>
      </c>
      <c r="C1095" s="4" t="s">
        <v>5814</v>
      </c>
      <c r="D1095" s="4" t="s">
        <v>5815</v>
      </c>
      <c r="E1095" s="4" t="s">
        <v>4</v>
      </c>
      <c r="F1095" s="4" t="s">
        <v>4</v>
      </c>
      <c r="G1095" s="4" t="s">
        <v>5816</v>
      </c>
      <c r="H1095" s="4" t="s">
        <v>5816</v>
      </c>
      <c r="I1095" s="4" t="s">
        <v>5816</v>
      </c>
      <c r="K1095" s="4" t="s">
        <v>5817</v>
      </c>
    </row>
    <row r="1096" spans="1:11" ht="43.2" x14ac:dyDescent="0.3">
      <c r="A1096" s="1">
        <v>8191</v>
      </c>
      <c r="D1096" s="4" t="s">
        <v>5818</v>
      </c>
      <c r="E1096" s="4" t="s">
        <v>5819</v>
      </c>
      <c r="J1096" s="4" t="s">
        <v>5820</v>
      </c>
    </row>
    <row r="1097" spans="1:11" ht="86.4" x14ac:dyDescent="0.3">
      <c r="A1097" s="1">
        <v>8201</v>
      </c>
      <c r="C1097" s="4" t="s">
        <v>5821</v>
      </c>
      <c r="D1097" s="4" t="s">
        <v>5822</v>
      </c>
      <c r="E1097" s="4" t="s">
        <v>5823</v>
      </c>
      <c r="F1097" s="4" t="s">
        <v>5824</v>
      </c>
      <c r="G1097" s="4" t="s">
        <v>5825</v>
      </c>
      <c r="H1097" s="4" t="s">
        <v>5826</v>
      </c>
      <c r="I1097" s="4" t="s">
        <v>5827</v>
      </c>
      <c r="K1097" s="4" t="s">
        <v>5828</v>
      </c>
    </row>
    <row r="1098" spans="1:11" ht="28.8" x14ac:dyDescent="0.3">
      <c r="A1098" s="1">
        <v>8206</v>
      </c>
      <c r="C1098" s="4" t="s">
        <v>5829</v>
      </c>
      <c r="D1098" s="4" t="s">
        <v>5830</v>
      </c>
      <c r="E1098" s="4" t="s">
        <v>5831</v>
      </c>
      <c r="F1098" s="4" t="s">
        <v>5832</v>
      </c>
      <c r="G1098" s="4" t="s">
        <v>5833</v>
      </c>
      <c r="H1098" s="4" t="s">
        <v>5834</v>
      </c>
      <c r="I1098" s="4" t="s">
        <v>5835</v>
      </c>
      <c r="K1098" s="4" t="s">
        <v>5836</v>
      </c>
    </row>
    <row r="1099" spans="1:11" ht="72" x14ac:dyDescent="0.3">
      <c r="A1099" s="1">
        <v>8211</v>
      </c>
      <c r="C1099" s="4" t="s">
        <v>5837</v>
      </c>
      <c r="D1099" s="4" t="s">
        <v>5838</v>
      </c>
      <c r="E1099" s="4" t="s">
        <v>5839</v>
      </c>
      <c r="F1099" s="4" t="s">
        <v>5840</v>
      </c>
      <c r="G1099" s="4" t="s">
        <v>5841</v>
      </c>
      <c r="H1099" s="4" t="s">
        <v>1113</v>
      </c>
      <c r="I1099" s="4" t="s">
        <v>5842</v>
      </c>
      <c r="K1099" s="4" t="s">
        <v>5843</v>
      </c>
    </row>
    <row r="1100" spans="1:11" ht="72" x14ac:dyDescent="0.3">
      <c r="A1100" s="1">
        <v>8216</v>
      </c>
      <c r="C1100" s="4" t="s">
        <v>5844</v>
      </c>
      <c r="D1100" s="4" t="s">
        <v>5845</v>
      </c>
      <c r="E1100" s="4" t="s">
        <v>5846</v>
      </c>
      <c r="F1100" s="4" t="s">
        <v>5847</v>
      </c>
      <c r="G1100" s="4" t="s">
        <v>5848</v>
      </c>
      <c r="H1100" s="4" t="s">
        <v>5849</v>
      </c>
      <c r="I1100" s="4" t="s">
        <v>5850</v>
      </c>
      <c r="K1100" s="4" t="s">
        <v>5851</v>
      </c>
    </row>
    <row r="1101" spans="1:11" ht="100.8" x14ac:dyDescent="0.3">
      <c r="A1101" s="1">
        <v>8221</v>
      </c>
      <c r="C1101" s="4" t="s">
        <v>5852</v>
      </c>
      <c r="D1101" s="4" t="s">
        <v>5853</v>
      </c>
      <c r="F1101" s="4" t="s">
        <v>5854</v>
      </c>
      <c r="G1101" s="4" t="s">
        <v>5855</v>
      </c>
      <c r="H1101" s="4" t="s">
        <v>5856</v>
      </c>
      <c r="I1101" s="4" t="s">
        <v>5857</v>
      </c>
    </row>
    <row r="1102" spans="1:11" ht="86.4" x14ac:dyDescent="0.3">
      <c r="A1102" s="1">
        <v>8226</v>
      </c>
      <c r="C1102" s="4" t="s">
        <v>5858</v>
      </c>
      <c r="D1102" s="4" t="s">
        <v>5859</v>
      </c>
      <c r="E1102" s="4" t="s">
        <v>5860</v>
      </c>
      <c r="F1102" s="4" t="s">
        <v>5861</v>
      </c>
      <c r="G1102" s="4" t="s">
        <v>5862</v>
      </c>
      <c r="H1102" s="4" t="s">
        <v>5863</v>
      </c>
      <c r="I1102" s="4" t="s">
        <v>5864</v>
      </c>
      <c r="K1102" s="4" t="s">
        <v>5865</v>
      </c>
    </row>
    <row r="1103" spans="1:11" ht="72" x14ac:dyDescent="0.3">
      <c r="A1103" s="1">
        <v>8231</v>
      </c>
      <c r="C1103" s="4" t="s">
        <v>5866</v>
      </c>
      <c r="D1103" s="4" t="s">
        <v>5867</v>
      </c>
      <c r="F1103" s="4" t="s">
        <v>5868</v>
      </c>
      <c r="G1103" s="4" t="s">
        <v>5869</v>
      </c>
      <c r="H1103" s="4" t="s">
        <v>5870</v>
      </c>
      <c r="I1103" s="4" t="s">
        <v>5871</v>
      </c>
      <c r="K1103" s="4" t="s">
        <v>5872</v>
      </c>
    </row>
    <row r="1104" spans="1:11" ht="72" x14ac:dyDescent="0.3">
      <c r="A1104" s="1">
        <v>8236</v>
      </c>
      <c r="C1104" s="4" t="s">
        <v>5873</v>
      </c>
      <c r="D1104" s="4" t="s">
        <v>5874</v>
      </c>
      <c r="E1104" s="4" t="s">
        <v>5875</v>
      </c>
      <c r="F1104" s="4" t="s">
        <v>5876</v>
      </c>
      <c r="G1104" s="4" t="s">
        <v>5877</v>
      </c>
      <c r="H1104" s="4" t="s">
        <v>5878</v>
      </c>
      <c r="I1104" s="4" t="s">
        <v>5879</v>
      </c>
      <c r="K1104" s="4" t="s">
        <v>5880</v>
      </c>
    </row>
    <row r="1105" spans="1:11" x14ac:dyDescent="0.3">
      <c r="A1105" s="1">
        <v>8246</v>
      </c>
      <c r="C1105" s="4" t="s">
        <v>5881</v>
      </c>
      <c r="D1105" s="4" t="s">
        <v>5882</v>
      </c>
      <c r="E1105" s="4" t="s">
        <v>5883</v>
      </c>
      <c r="F1105" s="4" t="s">
        <v>5884</v>
      </c>
      <c r="H1105" s="4" t="s">
        <v>5885</v>
      </c>
      <c r="I1105" s="4" t="s">
        <v>5886</v>
      </c>
      <c r="J1105" s="4" t="s">
        <v>5887</v>
      </c>
    </row>
    <row r="1106" spans="1:11" ht="86.4" x14ac:dyDescent="0.3">
      <c r="A1106" s="1">
        <v>8251</v>
      </c>
      <c r="C1106" s="4" t="s">
        <v>5888</v>
      </c>
      <c r="D1106" s="4" t="s">
        <v>5889</v>
      </c>
      <c r="G1106" s="4" t="s">
        <v>5890</v>
      </c>
      <c r="H1106" s="4" t="s">
        <v>5891</v>
      </c>
      <c r="I1106" s="4" t="s">
        <v>5892</v>
      </c>
      <c r="J1106" s="4" t="s">
        <v>5893</v>
      </c>
    </row>
    <row r="1107" spans="1:11" ht="86.4" x14ac:dyDescent="0.3">
      <c r="A1107" s="1">
        <v>8256</v>
      </c>
      <c r="C1107" s="4" t="s">
        <v>5894</v>
      </c>
      <c r="D1107" s="4" t="s">
        <v>5895</v>
      </c>
      <c r="E1107" s="4" t="s">
        <v>5896</v>
      </c>
      <c r="F1107" s="4" t="s">
        <v>5897</v>
      </c>
      <c r="G1107" s="4" t="s">
        <v>5898</v>
      </c>
      <c r="H1107" s="4" t="s">
        <v>5899</v>
      </c>
      <c r="I1107" s="4" t="s">
        <v>5900</v>
      </c>
      <c r="K1107" s="4" t="s">
        <v>5901</v>
      </c>
    </row>
    <row r="1108" spans="1:11" x14ac:dyDescent="0.3">
      <c r="A1108" s="1">
        <v>8261</v>
      </c>
    </row>
    <row r="1109" spans="1:11" ht="72" x14ac:dyDescent="0.3">
      <c r="A1109" s="1">
        <v>8271</v>
      </c>
      <c r="C1109" s="4" t="s">
        <v>5902</v>
      </c>
      <c r="D1109" s="4" t="s">
        <v>5903</v>
      </c>
      <c r="E1109" s="4" t="s">
        <v>5904</v>
      </c>
      <c r="F1109" s="4" t="s">
        <v>5905</v>
      </c>
      <c r="K1109" s="4" t="s">
        <v>5906</v>
      </c>
    </row>
    <row r="1110" spans="1:11" ht="72" x14ac:dyDescent="0.3">
      <c r="A1110" s="1">
        <v>8281</v>
      </c>
      <c r="C1110" s="4" t="s">
        <v>5907</v>
      </c>
      <c r="G1110" s="4" t="s">
        <v>5908</v>
      </c>
      <c r="J1110" s="4" t="s">
        <v>5909</v>
      </c>
    </row>
    <row r="1111" spans="1:11" ht="86.4" x14ac:dyDescent="0.3">
      <c r="A1111" s="1">
        <v>8291</v>
      </c>
      <c r="C1111" s="4" t="s">
        <v>5910</v>
      </c>
      <c r="K1111" s="4" t="s">
        <v>5911</v>
      </c>
    </row>
    <row r="1112" spans="1:11" ht="43.2" x14ac:dyDescent="0.3">
      <c r="A1112" s="1">
        <v>8296</v>
      </c>
      <c r="C1112" s="4" t="s">
        <v>5912</v>
      </c>
      <c r="D1112" s="4" t="s">
        <v>5913</v>
      </c>
      <c r="E1112" s="4" t="s">
        <v>5914</v>
      </c>
      <c r="F1112" s="4" t="s">
        <v>5915</v>
      </c>
      <c r="G1112" s="4" t="s">
        <v>5916</v>
      </c>
      <c r="H1112" s="4" t="s">
        <v>5917</v>
      </c>
      <c r="I1112" s="4" t="s">
        <v>5918</v>
      </c>
      <c r="K1112" s="4" t="s">
        <v>5919</v>
      </c>
    </row>
    <row r="1113" spans="1:11" ht="72" x14ac:dyDescent="0.3">
      <c r="A1113" s="1">
        <v>8306</v>
      </c>
      <c r="D1113" s="4" t="s">
        <v>5920</v>
      </c>
      <c r="E1113" s="4" t="s">
        <v>5921</v>
      </c>
      <c r="F1113" s="4" t="s">
        <v>5922</v>
      </c>
      <c r="G1113" s="4" t="s">
        <v>5923</v>
      </c>
      <c r="H1113" s="4" t="s">
        <v>5924</v>
      </c>
      <c r="I1113" s="4" t="s">
        <v>5925</v>
      </c>
      <c r="J1113" s="4" t="s">
        <v>5926</v>
      </c>
      <c r="K1113" s="4" t="s">
        <v>5927</v>
      </c>
    </row>
    <row r="1114" spans="1:11" ht="28.8" x14ac:dyDescent="0.3">
      <c r="A1114" s="1">
        <v>8311</v>
      </c>
      <c r="C1114" s="4" t="s">
        <v>5928</v>
      </c>
      <c r="D1114" s="4" t="s">
        <v>5929</v>
      </c>
      <c r="E1114" s="4" t="s">
        <v>5930</v>
      </c>
      <c r="F1114" s="4" t="s">
        <v>5931</v>
      </c>
      <c r="G1114" s="4" t="s">
        <v>5932</v>
      </c>
    </row>
    <row r="1115" spans="1:11" ht="86.4" x14ac:dyDescent="0.3">
      <c r="A1115" s="1">
        <v>8316</v>
      </c>
      <c r="D1115" s="4" t="s">
        <v>5933</v>
      </c>
      <c r="E1115" s="4" t="s">
        <v>5934</v>
      </c>
      <c r="F1115" s="4" t="s">
        <v>5935</v>
      </c>
      <c r="I1115" s="4" t="s">
        <v>5936</v>
      </c>
      <c r="K1115" s="4" t="s">
        <v>5937</v>
      </c>
    </row>
    <row r="1116" spans="1:11" ht="86.4" x14ac:dyDescent="0.3">
      <c r="A1116" s="1">
        <v>8321</v>
      </c>
      <c r="C1116" s="4" t="s">
        <v>5938</v>
      </c>
      <c r="D1116" s="4" t="s">
        <v>5939</v>
      </c>
      <c r="E1116" s="4" t="s">
        <v>5940</v>
      </c>
      <c r="F1116" s="4" t="s">
        <v>5941</v>
      </c>
      <c r="G1116" s="4" t="s">
        <v>5942</v>
      </c>
      <c r="H1116" s="4" t="s">
        <v>5943</v>
      </c>
      <c r="I1116" s="4" t="s">
        <v>5944</v>
      </c>
      <c r="K1116" s="4" t="s">
        <v>5945</v>
      </c>
    </row>
    <row r="1117" spans="1:11" ht="72" x14ac:dyDescent="0.3">
      <c r="A1117" s="1">
        <v>8331</v>
      </c>
      <c r="C1117" s="4" t="s">
        <v>5946</v>
      </c>
      <c r="D1117" s="4" t="s">
        <v>5947</v>
      </c>
      <c r="E1117" s="4" t="s">
        <v>5948</v>
      </c>
      <c r="G1117" s="4" t="s">
        <v>5949</v>
      </c>
      <c r="H1117" s="4" t="s">
        <v>5950</v>
      </c>
      <c r="I1117" s="4" t="s">
        <v>5951</v>
      </c>
      <c r="K1117" s="4" t="s">
        <v>5952</v>
      </c>
    </row>
    <row r="1118" spans="1:11" ht="72" x14ac:dyDescent="0.3">
      <c r="A1118" s="1">
        <v>8336</v>
      </c>
      <c r="C1118" s="4" t="s">
        <v>5953</v>
      </c>
      <c r="D1118" s="4" t="s">
        <v>5954</v>
      </c>
      <c r="E1118" s="4" t="s">
        <v>5955</v>
      </c>
      <c r="F1118" s="4" t="s">
        <v>5956</v>
      </c>
      <c r="G1118" s="4" t="s">
        <v>5957</v>
      </c>
      <c r="H1118" s="4" t="s">
        <v>5958</v>
      </c>
      <c r="K1118" s="4" t="s">
        <v>5959</v>
      </c>
    </row>
    <row r="1119" spans="1:11" ht="72" x14ac:dyDescent="0.3">
      <c r="A1119" s="1">
        <v>8346</v>
      </c>
      <c r="C1119" s="4" t="s">
        <v>5960</v>
      </c>
      <c r="D1119" s="4" t="s">
        <v>5961</v>
      </c>
      <c r="E1119" s="4" t="s">
        <v>5962</v>
      </c>
      <c r="F1119" s="4" t="s">
        <v>5963</v>
      </c>
      <c r="H1119" s="4" t="s">
        <v>5964</v>
      </c>
      <c r="I1119" s="4" t="s">
        <v>5965</v>
      </c>
      <c r="K1119" s="4" t="s">
        <v>5966</v>
      </c>
    </row>
    <row r="1120" spans="1:11" ht="86.4" x14ac:dyDescent="0.3">
      <c r="A1120" s="1">
        <v>8351</v>
      </c>
      <c r="C1120" s="4" t="s">
        <v>5967</v>
      </c>
      <c r="D1120" s="4" t="s">
        <v>5968</v>
      </c>
      <c r="E1120" s="4" t="s">
        <v>5969</v>
      </c>
      <c r="G1120" s="4" t="s">
        <v>5970</v>
      </c>
      <c r="H1120" s="4" t="s">
        <v>5971</v>
      </c>
      <c r="I1120" s="4" t="s">
        <v>5972</v>
      </c>
      <c r="K1120" s="4" t="s">
        <v>5973</v>
      </c>
    </row>
    <row r="1121" spans="1:11" ht="86.4" x14ac:dyDescent="0.3">
      <c r="A1121" s="1">
        <v>8356</v>
      </c>
      <c r="C1121" s="4" t="s">
        <v>5974</v>
      </c>
      <c r="D1121" s="4" t="s">
        <v>5975</v>
      </c>
      <c r="E1121" s="4" t="s">
        <v>5976</v>
      </c>
      <c r="F1121" s="4" t="s">
        <v>5977</v>
      </c>
      <c r="G1121" s="4" t="s">
        <v>5978</v>
      </c>
      <c r="H1121" s="4" t="s">
        <v>5979</v>
      </c>
      <c r="I1121" s="4" t="s">
        <v>5980</v>
      </c>
      <c r="K1121" s="4" t="s">
        <v>5981</v>
      </c>
    </row>
    <row r="1122" spans="1:11" ht="57.6" x14ac:dyDescent="0.3">
      <c r="A1122" s="1">
        <v>8366</v>
      </c>
      <c r="C1122" s="4" t="s">
        <v>5982</v>
      </c>
      <c r="D1122" s="4" t="s">
        <v>5983</v>
      </c>
      <c r="E1122" s="4" t="s">
        <v>5984</v>
      </c>
      <c r="G1122" s="4" t="s">
        <v>5985</v>
      </c>
      <c r="H1122" s="4" t="s">
        <v>5986</v>
      </c>
    </row>
    <row r="1123" spans="1:11" ht="28.8" x14ac:dyDescent="0.3">
      <c r="A1123" s="1">
        <v>8371</v>
      </c>
      <c r="C1123" s="4" t="s">
        <v>5987</v>
      </c>
      <c r="D1123" s="4" t="s">
        <v>5988</v>
      </c>
      <c r="J1123" s="4" t="s">
        <v>5989</v>
      </c>
    </row>
    <row r="1124" spans="1:11" ht="86.4" x14ac:dyDescent="0.3">
      <c r="A1124" s="1">
        <v>8386</v>
      </c>
      <c r="C1124" s="4" t="s">
        <v>5990</v>
      </c>
      <c r="D1124" s="4" t="s">
        <v>5991</v>
      </c>
      <c r="F1124" s="4" t="s">
        <v>5992</v>
      </c>
      <c r="H1124" s="4" t="s">
        <v>5993</v>
      </c>
      <c r="I1124" s="4" t="s">
        <v>5994</v>
      </c>
      <c r="K1124" s="4" t="s">
        <v>5995</v>
      </c>
    </row>
    <row r="1125" spans="1:11" ht="86.4" x14ac:dyDescent="0.3">
      <c r="A1125" s="1">
        <v>8391</v>
      </c>
      <c r="C1125" s="4" t="s">
        <v>5996</v>
      </c>
      <c r="D1125" s="4" t="s">
        <v>5997</v>
      </c>
      <c r="E1125" s="4" t="s">
        <v>5998</v>
      </c>
      <c r="F1125" s="4" t="s">
        <v>5999</v>
      </c>
      <c r="G1125" s="4" t="s">
        <v>6000</v>
      </c>
      <c r="H1125" s="4" t="s">
        <v>6001</v>
      </c>
      <c r="I1125" s="4" t="s">
        <v>6002</v>
      </c>
      <c r="K1125" s="4" t="s">
        <v>6003</v>
      </c>
    </row>
    <row r="1126" spans="1:11" ht="72" x14ac:dyDescent="0.3">
      <c r="A1126" s="1">
        <v>8396</v>
      </c>
      <c r="C1126" s="4" t="s">
        <v>6004</v>
      </c>
      <c r="D1126" s="4" t="s">
        <v>6005</v>
      </c>
      <c r="E1126" s="4" t="s">
        <v>6006</v>
      </c>
      <c r="F1126" s="4" t="s">
        <v>6007</v>
      </c>
      <c r="G1126" s="4" t="s">
        <v>6008</v>
      </c>
      <c r="K1126" s="4" t="s">
        <v>6009</v>
      </c>
    </row>
    <row r="1127" spans="1:11" ht="72" x14ac:dyDescent="0.3">
      <c r="A1127" s="1">
        <v>8401</v>
      </c>
      <c r="C1127" s="4" t="s">
        <v>6010</v>
      </c>
      <c r="D1127" s="4" t="s">
        <v>6011</v>
      </c>
      <c r="E1127" s="4" t="s">
        <v>6012</v>
      </c>
      <c r="F1127" s="4" t="s">
        <v>6013</v>
      </c>
      <c r="G1127" s="4" t="s">
        <v>6014</v>
      </c>
      <c r="H1127" s="4" t="s">
        <v>6015</v>
      </c>
      <c r="I1127" s="4" t="s">
        <v>6016</v>
      </c>
      <c r="J1127" s="4" t="s">
        <v>6017</v>
      </c>
    </row>
    <row r="1128" spans="1:11" ht="86.4" x14ac:dyDescent="0.3">
      <c r="A1128" s="1">
        <v>8406</v>
      </c>
      <c r="C1128" s="4" t="s">
        <v>6018</v>
      </c>
      <c r="D1128" s="4" t="s">
        <v>6019</v>
      </c>
      <c r="E1128" s="4" t="s">
        <v>6020</v>
      </c>
      <c r="G1128" s="4" t="s">
        <v>6021</v>
      </c>
      <c r="H1128" s="4" t="s">
        <v>6022</v>
      </c>
      <c r="I1128" s="4" t="s">
        <v>6023</v>
      </c>
      <c r="K1128" s="4" t="s">
        <v>6024</v>
      </c>
    </row>
    <row r="1129" spans="1:11" ht="72" x14ac:dyDescent="0.3">
      <c r="A1129" s="1">
        <v>8411</v>
      </c>
      <c r="C1129" s="4" t="s">
        <v>6025</v>
      </c>
      <c r="D1129" s="4" t="s">
        <v>6026</v>
      </c>
      <c r="E1129" s="4" t="s">
        <v>6027</v>
      </c>
      <c r="F1129" s="4" t="s">
        <v>6028</v>
      </c>
      <c r="G1129" s="4" t="s">
        <v>6029</v>
      </c>
      <c r="H1129" s="4" t="s">
        <v>6030</v>
      </c>
      <c r="I1129" s="4" t="s">
        <v>6031</v>
      </c>
      <c r="K1129" s="4" t="s">
        <v>6032</v>
      </c>
    </row>
    <row r="1130" spans="1:11" x14ac:dyDescent="0.3">
      <c r="A1130" s="1">
        <v>8416</v>
      </c>
    </row>
    <row r="1131" spans="1:11" ht="43.2" x14ac:dyDescent="0.3">
      <c r="A1131" s="1">
        <v>8421</v>
      </c>
      <c r="C1131" s="4" t="s">
        <v>6033</v>
      </c>
      <c r="D1131" s="4" t="s">
        <v>6034</v>
      </c>
      <c r="E1131" s="4" t="s">
        <v>6035</v>
      </c>
      <c r="F1131" s="4" t="s">
        <v>6036</v>
      </c>
      <c r="G1131" s="4" t="s">
        <v>6037</v>
      </c>
      <c r="I1131" s="4" t="s">
        <v>6038</v>
      </c>
      <c r="K1131" s="4" t="s">
        <v>6039</v>
      </c>
    </row>
    <row r="1132" spans="1:11" ht="86.4" x14ac:dyDescent="0.3">
      <c r="A1132" s="1">
        <v>8426</v>
      </c>
      <c r="C1132" s="4" t="s">
        <v>6040</v>
      </c>
      <c r="D1132" s="4" t="s">
        <v>6041</v>
      </c>
      <c r="E1132" s="4" t="s">
        <v>6042</v>
      </c>
      <c r="G1132" s="4" t="s">
        <v>6043</v>
      </c>
      <c r="H1132" s="4" t="s">
        <v>6044</v>
      </c>
      <c r="I1132" s="4" t="s">
        <v>6045</v>
      </c>
      <c r="K1132" s="4" t="s">
        <v>6046</v>
      </c>
    </row>
    <row r="1133" spans="1:11" ht="57.6" x14ac:dyDescent="0.3">
      <c r="A1133" s="1">
        <v>8431</v>
      </c>
      <c r="C1133" s="4" t="s">
        <v>6047</v>
      </c>
      <c r="D1133" s="4" t="s">
        <v>6048</v>
      </c>
      <c r="E1133" s="4" t="s">
        <v>6049</v>
      </c>
      <c r="F1133" s="4" t="s">
        <v>6050</v>
      </c>
      <c r="H1133" s="4" t="s">
        <v>6051</v>
      </c>
      <c r="J1133" s="4" t="s">
        <v>6052</v>
      </c>
      <c r="K1133" s="4" t="s">
        <v>6053</v>
      </c>
    </row>
    <row r="1134" spans="1:11" ht="86.4" x14ac:dyDescent="0.3">
      <c r="A1134" s="1">
        <v>8436</v>
      </c>
      <c r="C1134" s="4" t="s">
        <v>6054</v>
      </c>
      <c r="D1134" s="4" t="s">
        <v>6055</v>
      </c>
      <c r="E1134" s="4" t="s">
        <v>6056</v>
      </c>
      <c r="F1134" s="4" t="s">
        <v>6057</v>
      </c>
      <c r="G1134" s="4" t="s">
        <v>6058</v>
      </c>
      <c r="H1134" s="4" t="s">
        <v>6059</v>
      </c>
      <c r="I1134" s="4" t="s">
        <v>6060</v>
      </c>
      <c r="K1134" s="4" t="s">
        <v>6061</v>
      </c>
    </row>
    <row r="1135" spans="1:11" ht="72" x14ac:dyDescent="0.3">
      <c r="A1135" s="1">
        <v>8441</v>
      </c>
      <c r="C1135" s="4" t="s">
        <v>6062</v>
      </c>
      <c r="D1135" s="4" t="s">
        <v>6063</v>
      </c>
      <c r="F1135" s="4" t="s">
        <v>6064</v>
      </c>
      <c r="G1135" s="4" t="s">
        <v>6065</v>
      </c>
      <c r="H1135" s="4" t="s">
        <v>6066</v>
      </c>
    </row>
    <row r="1136" spans="1:11" ht="43.2" x14ac:dyDescent="0.3">
      <c r="A1136" s="1">
        <v>8446</v>
      </c>
      <c r="C1136" s="4" t="s">
        <v>6067</v>
      </c>
      <c r="E1136" s="4" t="s">
        <v>6068</v>
      </c>
      <c r="G1136" s="4" t="s">
        <v>6069</v>
      </c>
      <c r="H1136" s="4" t="s">
        <v>6070</v>
      </c>
      <c r="I1136" s="4" t="s">
        <v>6071</v>
      </c>
      <c r="K1136" s="4" t="s">
        <v>6072</v>
      </c>
    </row>
    <row r="1137" spans="1:11" ht="86.4" x14ac:dyDescent="0.3">
      <c r="A1137" s="1">
        <v>8451</v>
      </c>
      <c r="C1137" s="4" t="s">
        <v>6073</v>
      </c>
      <c r="D1137" s="4" t="s">
        <v>6074</v>
      </c>
      <c r="G1137" s="4" t="s">
        <v>6075</v>
      </c>
      <c r="K1137" s="4" t="s">
        <v>6076</v>
      </c>
    </row>
    <row r="1138" spans="1:11" ht="86.4" x14ac:dyDescent="0.3">
      <c r="A1138" s="1">
        <v>8456</v>
      </c>
      <c r="C1138" s="4" t="s">
        <v>6077</v>
      </c>
      <c r="D1138" s="4" t="s">
        <v>6078</v>
      </c>
      <c r="E1138" s="4" t="s">
        <v>6079</v>
      </c>
      <c r="G1138" s="4" t="s">
        <v>6080</v>
      </c>
      <c r="H1138" s="4" t="s">
        <v>6081</v>
      </c>
      <c r="I1138" s="4" t="s">
        <v>6082</v>
      </c>
      <c r="K1138" s="4" t="s">
        <v>6083</v>
      </c>
    </row>
    <row r="1139" spans="1:11" ht="86.4" x14ac:dyDescent="0.3">
      <c r="A1139" s="1">
        <v>8466</v>
      </c>
      <c r="C1139" s="4" t="s">
        <v>6084</v>
      </c>
      <c r="D1139" s="4" t="s">
        <v>6085</v>
      </c>
      <c r="E1139" s="4" t="s">
        <v>6086</v>
      </c>
      <c r="F1139" s="4" t="s">
        <v>6087</v>
      </c>
      <c r="G1139" s="4" t="s">
        <v>6088</v>
      </c>
      <c r="H1139" s="4" t="s">
        <v>6089</v>
      </c>
      <c r="I1139" s="4" t="s">
        <v>6090</v>
      </c>
      <c r="J1139" s="4" t="s">
        <v>6091</v>
      </c>
      <c r="K1139" s="4" t="s">
        <v>6092</v>
      </c>
    </row>
    <row r="1140" spans="1:11" x14ac:dyDescent="0.3">
      <c r="A1140" s="1">
        <v>8471</v>
      </c>
      <c r="D1140" s="4" t="s">
        <v>6093</v>
      </c>
      <c r="E1140" s="4" t="s">
        <v>6094</v>
      </c>
      <c r="F1140" s="4" t="s">
        <v>6095</v>
      </c>
      <c r="G1140" s="4" t="s">
        <v>6096</v>
      </c>
      <c r="H1140" s="4" t="s">
        <v>6097</v>
      </c>
      <c r="I1140" s="4" t="s">
        <v>6096</v>
      </c>
      <c r="K1140" s="4" t="s">
        <v>6098</v>
      </c>
    </row>
    <row r="1141" spans="1:11" x14ac:dyDescent="0.3">
      <c r="A1141" s="1">
        <v>8481</v>
      </c>
    </row>
    <row r="1142" spans="1:11" ht="43.2" x14ac:dyDescent="0.3">
      <c r="A1142" s="1">
        <v>8486</v>
      </c>
      <c r="J1142" s="4" t="s">
        <v>6099</v>
      </c>
    </row>
    <row r="1143" spans="1:11" ht="28.8" x14ac:dyDescent="0.3">
      <c r="A1143" s="1">
        <v>8496</v>
      </c>
      <c r="C1143" s="4" t="s">
        <v>6100</v>
      </c>
      <c r="G1143" s="4" t="s">
        <v>6101</v>
      </c>
      <c r="H1143" s="4" t="s">
        <v>6102</v>
      </c>
      <c r="K1143" s="4" t="s">
        <v>6103</v>
      </c>
    </row>
    <row r="1144" spans="1:11" ht="28.8" x14ac:dyDescent="0.3">
      <c r="A1144" s="1">
        <v>8501</v>
      </c>
      <c r="C1144" s="4" t="s">
        <v>6104</v>
      </c>
      <c r="D1144" s="4" t="s">
        <v>6105</v>
      </c>
      <c r="E1144" s="4" t="s">
        <v>6106</v>
      </c>
      <c r="F1144" s="4" t="s">
        <v>6107</v>
      </c>
      <c r="G1144" s="4" t="s">
        <v>6108</v>
      </c>
      <c r="H1144" s="4" t="s">
        <v>6109</v>
      </c>
      <c r="I1144" s="4" t="s">
        <v>6110</v>
      </c>
      <c r="K1144" s="4" t="s">
        <v>6111</v>
      </c>
    </row>
    <row r="1145" spans="1:11" ht="57.6" x14ac:dyDescent="0.3">
      <c r="A1145" s="1">
        <v>8506</v>
      </c>
      <c r="C1145" s="4" t="s">
        <v>6112</v>
      </c>
      <c r="D1145" s="4" t="s">
        <v>6113</v>
      </c>
      <c r="E1145" s="4" t="s">
        <v>6114</v>
      </c>
    </row>
    <row r="1146" spans="1:11" ht="86.4" x14ac:dyDescent="0.3">
      <c r="A1146" s="1">
        <v>8526</v>
      </c>
      <c r="C1146" s="4" t="s">
        <v>6115</v>
      </c>
      <c r="D1146" s="4" t="s">
        <v>6116</v>
      </c>
      <c r="E1146" s="4" t="s">
        <v>6117</v>
      </c>
      <c r="F1146" s="4" t="s">
        <v>6118</v>
      </c>
      <c r="G1146" s="4" t="s">
        <v>6119</v>
      </c>
      <c r="H1146" s="4" t="s">
        <v>6120</v>
      </c>
      <c r="K1146" s="4" t="s">
        <v>6121</v>
      </c>
    </row>
    <row r="1147" spans="1:11" ht="86.4" x14ac:dyDescent="0.3">
      <c r="A1147" s="1">
        <v>8531</v>
      </c>
      <c r="C1147" s="4" t="s">
        <v>6122</v>
      </c>
      <c r="D1147" s="4" t="s">
        <v>6123</v>
      </c>
      <c r="E1147" s="4" t="s">
        <v>6124</v>
      </c>
      <c r="F1147" s="4" t="s">
        <v>6125</v>
      </c>
      <c r="H1147" s="4" t="s">
        <v>6126</v>
      </c>
      <c r="I1147" s="4" t="s">
        <v>6127</v>
      </c>
      <c r="J1147" s="4" t="s">
        <v>6128</v>
      </c>
      <c r="K1147" s="4" t="s">
        <v>6129</v>
      </c>
    </row>
    <row r="1148" spans="1:11" ht="86.4" x14ac:dyDescent="0.3">
      <c r="A1148" s="1">
        <v>8536</v>
      </c>
      <c r="C1148" s="4" t="s">
        <v>6130</v>
      </c>
      <c r="D1148" s="4" t="s">
        <v>6131</v>
      </c>
      <c r="G1148" s="4" t="s">
        <v>6132</v>
      </c>
      <c r="H1148" s="4" t="s">
        <v>6133</v>
      </c>
      <c r="I1148" s="4" t="s">
        <v>6134</v>
      </c>
      <c r="K1148" s="4" t="s">
        <v>6135</v>
      </c>
    </row>
    <row r="1149" spans="1:11" ht="86.4" x14ac:dyDescent="0.3">
      <c r="A1149" s="1">
        <v>8541</v>
      </c>
      <c r="C1149" s="4" t="s">
        <v>6136</v>
      </c>
      <c r="D1149" s="4" t="s">
        <v>6137</v>
      </c>
      <c r="G1149" s="4" t="s">
        <v>6138</v>
      </c>
      <c r="H1149" s="4" t="s">
        <v>6139</v>
      </c>
      <c r="I1149" s="4" t="s">
        <v>6140</v>
      </c>
      <c r="K1149" s="4" t="s">
        <v>6141</v>
      </c>
    </row>
    <row r="1150" spans="1:11" ht="86.4" x14ac:dyDescent="0.3">
      <c r="A1150" s="1">
        <v>8551</v>
      </c>
      <c r="C1150" s="4" t="s">
        <v>6142</v>
      </c>
      <c r="D1150" s="4" t="s">
        <v>6143</v>
      </c>
      <c r="E1150" s="4" t="s">
        <v>6144</v>
      </c>
      <c r="F1150" s="4" t="s">
        <v>6145</v>
      </c>
      <c r="G1150" s="4" t="s">
        <v>6146</v>
      </c>
      <c r="H1150" s="4" t="s">
        <v>6147</v>
      </c>
    </row>
    <row r="1151" spans="1:11" ht="86.4" x14ac:dyDescent="0.3">
      <c r="A1151" s="1">
        <v>8561</v>
      </c>
      <c r="C1151" s="4" t="s">
        <v>6148</v>
      </c>
      <c r="D1151" s="4" t="s">
        <v>6149</v>
      </c>
      <c r="G1151" s="4" t="s">
        <v>6150</v>
      </c>
      <c r="H1151" s="4" t="s">
        <v>6151</v>
      </c>
      <c r="I1151" s="4" t="s">
        <v>6152</v>
      </c>
    </row>
    <row r="1152" spans="1:11" ht="57.6" x14ac:dyDescent="0.3">
      <c r="A1152" s="1">
        <v>8566</v>
      </c>
      <c r="D1152" s="4" t="s">
        <v>6153</v>
      </c>
      <c r="E1152" s="4" t="s">
        <v>6154</v>
      </c>
    </row>
    <row r="1153" spans="1:11" ht="72" x14ac:dyDescent="0.3">
      <c r="A1153" s="1">
        <v>8576</v>
      </c>
      <c r="C1153" s="4" t="s">
        <v>6155</v>
      </c>
      <c r="D1153" s="4" t="s">
        <v>6156</v>
      </c>
      <c r="E1153" s="4" t="s">
        <v>6157</v>
      </c>
      <c r="G1153" s="4" t="s">
        <v>6158</v>
      </c>
      <c r="H1153" s="4" t="s">
        <v>6159</v>
      </c>
    </row>
    <row r="1154" spans="1:11" ht="72" x14ac:dyDescent="0.3">
      <c r="A1154" s="1">
        <v>8581</v>
      </c>
      <c r="C1154" s="4" t="s">
        <v>6160</v>
      </c>
      <c r="D1154" s="4" t="s">
        <v>6161</v>
      </c>
      <c r="E1154" s="4" t="s">
        <v>6162</v>
      </c>
      <c r="H1154" s="4" t="s">
        <v>6163</v>
      </c>
      <c r="I1154" s="4" t="s">
        <v>6164</v>
      </c>
    </row>
    <row r="1155" spans="1:11" ht="57.6" x14ac:dyDescent="0.3">
      <c r="A1155" s="1">
        <v>8586</v>
      </c>
      <c r="C1155" s="4" t="s">
        <v>6165</v>
      </c>
      <c r="I1155" s="4" t="s">
        <v>6166</v>
      </c>
    </row>
    <row r="1156" spans="1:11" ht="86.4" x14ac:dyDescent="0.3">
      <c r="A1156" s="1">
        <v>8591</v>
      </c>
      <c r="C1156" s="4" t="s">
        <v>6167</v>
      </c>
      <c r="D1156" s="4" t="s">
        <v>6168</v>
      </c>
      <c r="E1156" s="4" t="s">
        <v>6169</v>
      </c>
      <c r="F1156" s="4" t="s">
        <v>6170</v>
      </c>
      <c r="G1156" s="4" t="s">
        <v>6171</v>
      </c>
      <c r="H1156" s="4" t="s">
        <v>6172</v>
      </c>
      <c r="I1156" s="4" t="s">
        <v>6173</v>
      </c>
      <c r="K1156" s="4" t="s">
        <v>6174</v>
      </c>
    </row>
    <row r="1157" spans="1:11" ht="72" x14ac:dyDescent="0.3">
      <c r="A1157" s="1">
        <v>8606</v>
      </c>
      <c r="C1157" s="4" t="s">
        <v>6175</v>
      </c>
      <c r="D1157" s="4" t="s">
        <v>6176</v>
      </c>
      <c r="E1157" s="4" t="s">
        <v>6177</v>
      </c>
      <c r="F1157" s="4" t="s">
        <v>6178</v>
      </c>
      <c r="G1157" s="4" t="s">
        <v>6179</v>
      </c>
      <c r="H1157" s="4" t="s">
        <v>6180</v>
      </c>
      <c r="I1157" s="4" t="s">
        <v>6181</v>
      </c>
      <c r="K1157" s="4" t="s">
        <v>6182</v>
      </c>
    </row>
    <row r="1158" spans="1:11" ht="86.4" x14ac:dyDescent="0.3">
      <c r="A1158" s="1">
        <v>8626</v>
      </c>
      <c r="C1158" s="4" t="s">
        <v>6183</v>
      </c>
      <c r="D1158" s="4" t="s">
        <v>6184</v>
      </c>
      <c r="E1158" s="4" t="s">
        <v>6185</v>
      </c>
      <c r="F1158" s="4" t="s">
        <v>6186</v>
      </c>
      <c r="G1158" s="4" t="s">
        <v>6187</v>
      </c>
      <c r="H1158" s="4" t="s">
        <v>6188</v>
      </c>
      <c r="I1158" s="4" t="s">
        <v>6189</v>
      </c>
      <c r="J1158" s="4" t="s">
        <v>6190</v>
      </c>
      <c r="K1158" s="4" t="s">
        <v>6191</v>
      </c>
    </row>
    <row r="1159" spans="1:11" ht="86.4" x14ac:dyDescent="0.3">
      <c r="A1159" s="1">
        <v>8631</v>
      </c>
      <c r="C1159" s="4" t="s">
        <v>6192</v>
      </c>
      <c r="D1159" s="4" t="s">
        <v>6193</v>
      </c>
      <c r="E1159" s="4" t="s">
        <v>6194</v>
      </c>
      <c r="F1159" s="4" t="s">
        <v>6195</v>
      </c>
      <c r="G1159" s="4" t="s">
        <v>6196</v>
      </c>
      <c r="H1159" s="4" t="s">
        <v>6197</v>
      </c>
      <c r="I1159" s="4" t="s">
        <v>6198</v>
      </c>
      <c r="J1159" s="4" t="s">
        <v>6199</v>
      </c>
      <c r="K1159" s="4" t="s">
        <v>6200</v>
      </c>
    </row>
    <row r="1160" spans="1:11" ht="72" x14ac:dyDescent="0.3">
      <c r="A1160" s="1">
        <v>8636</v>
      </c>
      <c r="G1160" s="4" t="s">
        <v>6201</v>
      </c>
      <c r="I1160" s="4" t="s">
        <v>6202</v>
      </c>
      <c r="J1160" s="4" t="s">
        <v>6203</v>
      </c>
      <c r="K1160" s="4" t="s">
        <v>6204</v>
      </c>
    </row>
    <row r="1161" spans="1:11" ht="86.4" x14ac:dyDescent="0.3">
      <c r="A1161" s="1">
        <v>8641</v>
      </c>
      <c r="C1161" s="4" t="s">
        <v>6205</v>
      </c>
      <c r="F1161" s="4" t="s">
        <v>6206</v>
      </c>
      <c r="G1161" s="4" t="s">
        <v>6207</v>
      </c>
      <c r="H1161" s="4" t="s">
        <v>6208</v>
      </c>
      <c r="K1161" s="4" t="s">
        <v>6209</v>
      </c>
    </row>
    <row r="1162" spans="1:11" x14ac:dyDescent="0.3">
      <c r="A1162" s="1">
        <v>8646</v>
      </c>
    </row>
    <row r="1163" spans="1:11" ht="43.2" x14ac:dyDescent="0.3">
      <c r="A1163" s="1">
        <v>8661</v>
      </c>
      <c r="D1163" s="4" t="s">
        <v>6210</v>
      </c>
      <c r="E1163" s="4" t="s">
        <v>6210</v>
      </c>
      <c r="F1163" s="4" t="s">
        <v>6210</v>
      </c>
      <c r="G1163" s="4" t="s">
        <v>6211</v>
      </c>
    </row>
    <row r="1164" spans="1:11" ht="28.8" x14ac:dyDescent="0.3">
      <c r="A1164" s="1">
        <v>8666</v>
      </c>
      <c r="D1164" s="4" t="s">
        <v>6212</v>
      </c>
      <c r="F1164" s="4" t="s">
        <v>6213</v>
      </c>
    </row>
    <row r="1165" spans="1:11" ht="28.8" x14ac:dyDescent="0.3">
      <c r="A1165" s="1">
        <v>8681</v>
      </c>
      <c r="H1165" s="4" t="s">
        <v>6214</v>
      </c>
    </row>
    <row r="1166" spans="1:11" x14ac:dyDescent="0.3">
      <c r="A1166" s="1">
        <v>8686</v>
      </c>
      <c r="C1166" s="4" t="s">
        <v>6215</v>
      </c>
      <c r="D1166" s="4" t="s">
        <v>6216</v>
      </c>
      <c r="E1166" s="4" t="s">
        <v>6217</v>
      </c>
      <c r="F1166" s="4" t="s">
        <v>6218</v>
      </c>
      <c r="G1166" s="4" t="s">
        <v>6219</v>
      </c>
      <c r="H1166" s="4" t="s">
        <v>6220</v>
      </c>
      <c r="K1166" s="4" t="s">
        <v>6221</v>
      </c>
    </row>
    <row r="1167" spans="1:11" ht="57.6" x14ac:dyDescent="0.3">
      <c r="A1167" s="1">
        <v>8691</v>
      </c>
      <c r="C1167" s="4" t="s">
        <v>6222</v>
      </c>
      <c r="D1167" s="4" t="s">
        <v>6223</v>
      </c>
      <c r="G1167" s="4" t="s">
        <v>6224</v>
      </c>
      <c r="H1167" s="4" t="s">
        <v>6225</v>
      </c>
      <c r="I1167" s="4" t="s">
        <v>6226</v>
      </c>
      <c r="K1167" s="4" t="s">
        <v>6227</v>
      </c>
    </row>
    <row r="1168" spans="1:11" ht="72" x14ac:dyDescent="0.3">
      <c r="A1168" s="1">
        <v>8696</v>
      </c>
      <c r="C1168" s="4" t="s">
        <v>6228</v>
      </c>
      <c r="D1168" s="4" t="s">
        <v>6229</v>
      </c>
      <c r="E1168" s="4" t="s">
        <v>6230</v>
      </c>
      <c r="F1168" s="4" t="s">
        <v>6230</v>
      </c>
      <c r="G1168" s="4" t="s">
        <v>6231</v>
      </c>
      <c r="H1168" s="4" t="s">
        <v>6232</v>
      </c>
      <c r="I1168" s="4" t="s">
        <v>6233</v>
      </c>
      <c r="K1168" s="4" t="s">
        <v>6234</v>
      </c>
    </row>
    <row r="1169" spans="1:11" ht="72" x14ac:dyDescent="0.3">
      <c r="A1169" s="1">
        <v>8701</v>
      </c>
      <c r="C1169" s="4" t="s">
        <v>6235</v>
      </c>
      <c r="D1169" s="4" t="s">
        <v>6236</v>
      </c>
      <c r="E1169" s="4" t="s">
        <v>6237</v>
      </c>
      <c r="F1169" s="4" t="s">
        <v>6238</v>
      </c>
      <c r="G1169" s="4" t="s">
        <v>6239</v>
      </c>
      <c r="H1169" s="4" t="s">
        <v>6240</v>
      </c>
      <c r="I1169" s="4" t="s">
        <v>6241</v>
      </c>
      <c r="J1169" s="4" t="s">
        <v>6242</v>
      </c>
      <c r="K1169" s="4" t="s">
        <v>6243</v>
      </c>
    </row>
    <row r="1170" spans="1:11" ht="86.4" x14ac:dyDescent="0.3">
      <c r="A1170" s="1">
        <v>8706</v>
      </c>
      <c r="B1170" s="1" t="s">
        <v>6244</v>
      </c>
      <c r="I1170" s="4" t="s">
        <v>6245</v>
      </c>
    </row>
    <row r="1171" spans="1:11" ht="72" x14ac:dyDescent="0.3">
      <c r="A1171" s="1">
        <v>8711</v>
      </c>
      <c r="K1171" s="4" t="s">
        <v>6246</v>
      </c>
    </row>
    <row r="1172" spans="1:11" ht="57.6" x14ac:dyDescent="0.3">
      <c r="A1172" s="1">
        <v>8716</v>
      </c>
      <c r="C1172" s="4" t="s">
        <v>6247</v>
      </c>
      <c r="E1172" s="4" t="s">
        <v>6248</v>
      </c>
      <c r="H1172" s="4" t="s">
        <v>6249</v>
      </c>
    </row>
    <row r="1173" spans="1:11" ht="72" x14ac:dyDescent="0.3">
      <c r="A1173" s="1">
        <v>8721</v>
      </c>
      <c r="C1173" s="4" t="s">
        <v>6250</v>
      </c>
      <c r="D1173" s="4" t="s">
        <v>6251</v>
      </c>
      <c r="E1173" s="4" t="s">
        <v>6252</v>
      </c>
      <c r="F1173" s="4" t="s">
        <v>6253</v>
      </c>
      <c r="G1173" s="4" t="s">
        <v>6254</v>
      </c>
      <c r="H1173" s="4" t="s">
        <v>6255</v>
      </c>
      <c r="I1173" s="4" t="s">
        <v>6256</v>
      </c>
      <c r="K1173" s="4" t="s">
        <v>6257</v>
      </c>
    </row>
    <row r="1174" spans="1:11" ht="28.8" x14ac:dyDescent="0.3">
      <c r="A1174" s="1">
        <v>8726</v>
      </c>
      <c r="C1174" s="4" t="s">
        <v>6258</v>
      </c>
      <c r="D1174" s="4" t="s">
        <v>6259</v>
      </c>
      <c r="E1174" s="4" t="s">
        <v>6260</v>
      </c>
      <c r="F1174" s="4" t="s">
        <v>6261</v>
      </c>
      <c r="I1174" s="4" t="s">
        <v>6262</v>
      </c>
      <c r="J1174" s="4" t="s">
        <v>6263</v>
      </c>
      <c r="K1174" s="4" t="s">
        <v>6264</v>
      </c>
    </row>
    <row r="1175" spans="1:11" ht="86.4" x14ac:dyDescent="0.3">
      <c r="A1175" s="1">
        <v>8731</v>
      </c>
      <c r="C1175" s="4" t="s">
        <v>6265</v>
      </c>
      <c r="D1175" s="4" t="s">
        <v>6266</v>
      </c>
      <c r="F1175" s="4" t="s">
        <v>6267</v>
      </c>
      <c r="G1175" s="4" t="s">
        <v>6268</v>
      </c>
      <c r="H1175" s="4" t="s">
        <v>6269</v>
      </c>
      <c r="I1175" s="4" t="s">
        <v>5864</v>
      </c>
      <c r="K1175" s="4" t="s">
        <v>6270</v>
      </c>
    </row>
    <row r="1176" spans="1:11" ht="43.2" x14ac:dyDescent="0.3">
      <c r="A1176" s="1">
        <v>8736</v>
      </c>
      <c r="C1176" s="4" t="s">
        <v>6271</v>
      </c>
      <c r="E1176" s="4" t="s">
        <v>6272</v>
      </c>
      <c r="K1176" s="4" t="s">
        <v>6273</v>
      </c>
    </row>
    <row r="1177" spans="1:11" ht="57.6" x14ac:dyDescent="0.3">
      <c r="A1177" s="1">
        <v>8741</v>
      </c>
      <c r="C1177" s="4" t="s">
        <v>6274</v>
      </c>
      <c r="D1177" s="4" t="s">
        <v>6275</v>
      </c>
      <c r="E1177" s="4" t="s">
        <v>6276</v>
      </c>
      <c r="F1177" s="4" t="s">
        <v>6277</v>
      </c>
      <c r="G1177" s="4" t="s">
        <v>6278</v>
      </c>
      <c r="H1177" s="4" t="s">
        <v>6279</v>
      </c>
      <c r="K1177" s="4" t="s">
        <v>6280</v>
      </c>
    </row>
    <row r="1178" spans="1:11" x14ac:dyDescent="0.3">
      <c r="A1178" s="1">
        <v>8746</v>
      </c>
    </row>
    <row r="1179" spans="1:11" ht="43.2" x14ac:dyDescent="0.3">
      <c r="A1179" s="1">
        <v>8751</v>
      </c>
      <c r="C1179" s="4" t="s">
        <v>6281</v>
      </c>
      <c r="D1179" s="4" t="s">
        <v>6282</v>
      </c>
      <c r="E1179" s="4" t="s">
        <v>6283</v>
      </c>
      <c r="G1179" s="4" t="s">
        <v>6284</v>
      </c>
      <c r="H1179" s="4" t="s">
        <v>6285</v>
      </c>
      <c r="J1179" s="4" t="s">
        <v>6286</v>
      </c>
    </row>
    <row r="1180" spans="1:11" ht="86.4" x14ac:dyDescent="0.3">
      <c r="A1180" s="1">
        <v>8756</v>
      </c>
      <c r="C1180" s="4" t="s">
        <v>6287</v>
      </c>
      <c r="E1180" s="4" t="s">
        <v>6288</v>
      </c>
      <c r="F1180" s="4" t="s">
        <v>6289</v>
      </c>
      <c r="G1180" s="4" t="s">
        <v>6290</v>
      </c>
      <c r="H1180" s="4" t="s">
        <v>6291</v>
      </c>
      <c r="I1180" s="4" t="s">
        <v>6292</v>
      </c>
    </row>
    <row r="1181" spans="1:11" x14ac:dyDescent="0.3">
      <c r="A1181" s="1">
        <v>8761</v>
      </c>
    </row>
    <row r="1182" spans="1:11" ht="72" x14ac:dyDescent="0.3">
      <c r="A1182" s="1">
        <v>8776</v>
      </c>
      <c r="D1182" s="4" t="s">
        <v>6293</v>
      </c>
      <c r="E1182" s="4" t="s">
        <v>6294</v>
      </c>
      <c r="F1182" s="4" t="s">
        <v>6295</v>
      </c>
      <c r="G1182" s="4" t="s">
        <v>6296</v>
      </c>
      <c r="H1182" s="4" t="s">
        <v>6297</v>
      </c>
      <c r="I1182" s="4" t="s">
        <v>6298</v>
      </c>
      <c r="K1182" s="4" t="s">
        <v>6299</v>
      </c>
    </row>
    <row r="1183" spans="1:11" ht="86.4" x14ac:dyDescent="0.3">
      <c r="A1183" s="1">
        <v>8786</v>
      </c>
      <c r="C1183" s="4" t="s">
        <v>6300</v>
      </c>
      <c r="D1183" s="4" t="s">
        <v>6301</v>
      </c>
      <c r="H1183" s="4" t="s">
        <v>6302</v>
      </c>
      <c r="I1183" s="4" t="s">
        <v>6303</v>
      </c>
    </row>
    <row r="1184" spans="1:11" ht="86.4" x14ac:dyDescent="0.3">
      <c r="A1184" s="1">
        <v>8791</v>
      </c>
      <c r="C1184" s="4" t="s">
        <v>6304</v>
      </c>
      <c r="D1184" s="4" t="s">
        <v>6305</v>
      </c>
      <c r="E1184" s="4" t="s">
        <v>6306</v>
      </c>
      <c r="G1184" s="4" t="s">
        <v>6307</v>
      </c>
      <c r="H1184" s="4" t="s">
        <v>6308</v>
      </c>
    </row>
    <row r="1185" spans="1:11" ht="43.2" x14ac:dyDescent="0.3">
      <c r="A1185" s="1">
        <v>8796</v>
      </c>
      <c r="C1185" s="4" t="s">
        <v>6309</v>
      </c>
      <c r="F1185" s="4" t="s">
        <v>6310</v>
      </c>
      <c r="G1185" s="4" t="s">
        <v>6311</v>
      </c>
      <c r="H1185" s="4" t="s">
        <v>6312</v>
      </c>
      <c r="K1185" s="4" t="s">
        <v>6313</v>
      </c>
    </row>
    <row r="1186" spans="1:11" ht="86.4" x14ac:dyDescent="0.3">
      <c r="A1186" s="1">
        <v>8806</v>
      </c>
      <c r="C1186" s="4" t="s">
        <v>6314</v>
      </c>
      <c r="G1186" s="4" t="s">
        <v>6315</v>
      </c>
      <c r="H1186" s="4" t="s">
        <v>6316</v>
      </c>
      <c r="K1186" s="4" t="s">
        <v>6317</v>
      </c>
    </row>
    <row r="1187" spans="1:11" ht="43.2" x14ac:dyDescent="0.3">
      <c r="A1187" s="1">
        <v>8831</v>
      </c>
      <c r="C1187" s="4" t="s">
        <v>6318</v>
      </c>
    </row>
    <row r="1188" spans="1:11" ht="86.4" x14ac:dyDescent="0.3">
      <c r="A1188" s="1">
        <v>8836</v>
      </c>
      <c r="C1188" s="4" t="s">
        <v>6319</v>
      </c>
      <c r="D1188" s="4" t="s">
        <v>6320</v>
      </c>
      <c r="E1188" s="4" t="s">
        <v>6321</v>
      </c>
      <c r="F1188" s="4" t="s">
        <v>6322</v>
      </c>
      <c r="G1188" s="4" t="s">
        <v>6323</v>
      </c>
      <c r="H1188" s="4" t="s">
        <v>6324</v>
      </c>
      <c r="I1188" s="4" t="s">
        <v>6325</v>
      </c>
      <c r="K1188" s="4" t="s">
        <v>6326</v>
      </c>
    </row>
    <row r="1189" spans="1:11" ht="72" x14ac:dyDescent="0.3">
      <c r="A1189" s="1">
        <v>8846</v>
      </c>
      <c r="C1189" s="4" t="s">
        <v>6327</v>
      </c>
      <c r="D1189" s="4" t="s">
        <v>6328</v>
      </c>
      <c r="E1189" s="4" t="s">
        <v>6329</v>
      </c>
      <c r="F1189" s="4" t="s">
        <v>6330</v>
      </c>
      <c r="G1189" s="4" t="s">
        <v>6331</v>
      </c>
      <c r="H1189" s="4" t="s">
        <v>6332</v>
      </c>
      <c r="I1189" s="4" t="s">
        <v>6333</v>
      </c>
      <c r="K1189" s="4" t="s">
        <v>6334</v>
      </c>
    </row>
    <row r="1190" spans="1:11" ht="72" x14ac:dyDescent="0.3">
      <c r="A1190" s="1">
        <v>8851</v>
      </c>
      <c r="C1190" s="4" t="s">
        <v>6335</v>
      </c>
      <c r="D1190" s="4" t="s">
        <v>6336</v>
      </c>
      <c r="E1190" s="4" t="s">
        <v>6337</v>
      </c>
      <c r="J1190" s="4" t="s">
        <v>6338</v>
      </c>
      <c r="K1190" s="4" t="s">
        <v>6339</v>
      </c>
    </row>
    <row r="1191" spans="1:11" ht="72" x14ac:dyDescent="0.3">
      <c r="A1191" s="1">
        <v>8861</v>
      </c>
      <c r="C1191" s="4" t="s">
        <v>6340</v>
      </c>
      <c r="D1191" s="4" t="s">
        <v>6341</v>
      </c>
      <c r="E1191" s="4" t="s">
        <v>6342</v>
      </c>
      <c r="F1191" s="4" t="s">
        <v>6343</v>
      </c>
      <c r="G1191" s="4" t="s">
        <v>6344</v>
      </c>
      <c r="H1191" s="4" t="s">
        <v>6345</v>
      </c>
      <c r="I1191" s="4" t="s">
        <v>6346</v>
      </c>
      <c r="J1191" s="4" t="s">
        <v>6347</v>
      </c>
      <c r="K1191" s="4" t="s">
        <v>6348</v>
      </c>
    </row>
    <row r="1192" spans="1:11" ht="28.8" x14ac:dyDescent="0.3">
      <c r="A1192" s="1">
        <v>8866</v>
      </c>
      <c r="F1192" s="4" t="s">
        <v>6349</v>
      </c>
      <c r="H1192" s="4" t="s">
        <v>6350</v>
      </c>
      <c r="K1192" s="4" t="s">
        <v>6351</v>
      </c>
    </row>
    <row r="1193" spans="1:11" ht="86.4" x14ac:dyDescent="0.3">
      <c r="A1193" s="1">
        <v>8871</v>
      </c>
      <c r="C1193" s="4" t="s">
        <v>6352</v>
      </c>
      <c r="D1193" s="4" t="s">
        <v>6353</v>
      </c>
      <c r="E1193" s="4" t="s">
        <v>6354</v>
      </c>
      <c r="F1193" s="4" t="s">
        <v>6355</v>
      </c>
      <c r="G1193" s="4" t="s">
        <v>6356</v>
      </c>
      <c r="K1193" s="4" t="s">
        <v>6357</v>
      </c>
    </row>
    <row r="1194" spans="1:11" ht="86.4" x14ac:dyDescent="0.3">
      <c r="A1194" s="1">
        <v>8886</v>
      </c>
      <c r="C1194" s="4" t="s">
        <v>6358</v>
      </c>
      <c r="D1194" s="4" t="s">
        <v>6359</v>
      </c>
      <c r="G1194" s="4" t="s">
        <v>6360</v>
      </c>
      <c r="H1194" s="4" t="s">
        <v>6361</v>
      </c>
      <c r="I1194" s="4" t="s">
        <v>6362</v>
      </c>
      <c r="K1194" s="4" t="s">
        <v>6363</v>
      </c>
    </row>
    <row r="1195" spans="1:11" ht="57.6" x14ac:dyDescent="0.3">
      <c r="A1195" s="1">
        <v>8891</v>
      </c>
      <c r="C1195" s="4" t="s">
        <v>6364</v>
      </c>
      <c r="D1195" s="4" t="s">
        <v>6365</v>
      </c>
      <c r="E1195" s="4" t="s">
        <v>6366</v>
      </c>
      <c r="F1195" s="4" t="s">
        <v>6367</v>
      </c>
      <c r="G1195" s="4" t="s">
        <v>6368</v>
      </c>
      <c r="H1195" s="4" t="s">
        <v>6369</v>
      </c>
      <c r="I1195" s="4" t="s">
        <v>6370</v>
      </c>
      <c r="K1195" s="4" t="s">
        <v>6371</v>
      </c>
    </row>
    <row r="1196" spans="1:11" ht="86.4" x14ac:dyDescent="0.3">
      <c r="A1196" s="1">
        <v>8901</v>
      </c>
      <c r="D1196" s="4" t="s">
        <v>6372</v>
      </c>
      <c r="F1196" s="4" t="s">
        <v>6373</v>
      </c>
      <c r="G1196" s="4" t="s">
        <v>6374</v>
      </c>
      <c r="H1196" s="4" t="s">
        <v>6375</v>
      </c>
      <c r="I1196" s="4" t="s">
        <v>6376</v>
      </c>
    </row>
    <row r="1197" spans="1:11" ht="72" x14ac:dyDescent="0.3">
      <c r="A1197" s="1">
        <v>8906</v>
      </c>
      <c r="C1197" s="4" t="s">
        <v>6377</v>
      </c>
      <c r="D1197" s="4" t="s">
        <v>6378</v>
      </c>
      <c r="E1197" s="4" t="s">
        <v>6379</v>
      </c>
      <c r="F1197" s="4" t="s">
        <v>6380</v>
      </c>
      <c r="G1197" s="4" t="s">
        <v>6381</v>
      </c>
      <c r="H1197" s="4" t="s">
        <v>6382</v>
      </c>
      <c r="I1197" s="4" t="s">
        <v>6383</v>
      </c>
    </row>
    <row r="1198" spans="1:11" ht="57.6" x14ac:dyDescent="0.3">
      <c r="A1198" s="1">
        <v>8911</v>
      </c>
      <c r="C1198" s="4" t="s">
        <v>6384</v>
      </c>
      <c r="D1198" s="4" t="s">
        <v>6385</v>
      </c>
      <c r="E1198" s="4" t="s">
        <v>6386</v>
      </c>
      <c r="F1198" s="4" t="s">
        <v>6387</v>
      </c>
      <c r="G1198" s="4" t="s">
        <v>6388</v>
      </c>
      <c r="H1198" s="4" t="s">
        <v>6389</v>
      </c>
      <c r="I1198" s="4" t="s">
        <v>6390</v>
      </c>
      <c r="K1198" s="4" t="s">
        <v>6391</v>
      </c>
    </row>
    <row r="1199" spans="1:11" x14ac:dyDescent="0.3">
      <c r="A1199" s="1">
        <v>8921</v>
      </c>
      <c r="C1199" s="4" t="s">
        <v>6392</v>
      </c>
      <c r="E1199" s="4" t="s">
        <v>6393</v>
      </c>
    </row>
    <row r="1200" spans="1:11" ht="28.8" x14ac:dyDescent="0.3">
      <c r="A1200" s="1">
        <v>8926</v>
      </c>
      <c r="C1200" s="4" t="s">
        <v>6394</v>
      </c>
      <c r="G1200" s="4" t="s">
        <v>6395</v>
      </c>
      <c r="K1200" s="4" t="s">
        <v>6396</v>
      </c>
    </row>
    <row r="1201" spans="1:11" ht="43.2" x14ac:dyDescent="0.3">
      <c r="A1201" s="1">
        <v>8931</v>
      </c>
      <c r="C1201" s="4" t="s">
        <v>6397</v>
      </c>
      <c r="G1201" s="4" t="s">
        <v>6398</v>
      </c>
      <c r="H1201" s="4" t="s">
        <v>6398</v>
      </c>
      <c r="K1201" s="4" t="s">
        <v>6399</v>
      </c>
    </row>
    <row r="1202" spans="1:11" ht="43.2" x14ac:dyDescent="0.3">
      <c r="A1202" s="1">
        <v>8936</v>
      </c>
      <c r="C1202" s="4" t="s">
        <v>6400</v>
      </c>
      <c r="D1202" s="4" t="s">
        <v>6401</v>
      </c>
      <c r="E1202" s="4" t="s">
        <v>6402</v>
      </c>
      <c r="F1202" s="4" t="s">
        <v>6403</v>
      </c>
      <c r="G1202" s="4" t="s">
        <v>6404</v>
      </c>
      <c r="H1202" s="4" t="s">
        <v>6405</v>
      </c>
    </row>
    <row r="1203" spans="1:11" ht="72" x14ac:dyDescent="0.3">
      <c r="A1203" s="1">
        <v>8941</v>
      </c>
      <c r="D1203" s="4" t="s">
        <v>6406</v>
      </c>
      <c r="E1203" s="4" t="s">
        <v>6407</v>
      </c>
      <c r="K1203" s="4" t="s">
        <v>6408</v>
      </c>
    </row>
    <row r="1204" spans="1:11" ht="72" x14ac:dyDescent="0.3">
      <c r="A1204" s="1">
        <v>8946</v>
      </c>
      <c r="C1204" s="4" t="s">
        <v>6409</v>
      </c>
      <c r="D1204" s="4" t="s">
        <v>6410</v>
      </c>
      <c r="G1204" s="4" t="s">
        <v>6411</v>
      </c>
      <c r="H1204" s="4" t="s">
        <v>6412</v>
      </c>
      <c r="K1204" s="4" t="s">
        <v>6413</v>
      </c>
    </row>
    <row r="1205" spans="1:11" ht="72" x14ac:dyDescent="0.3">
      <c r="A1205" s="1">
        <v>8966</v>
      </c>
      <c r="C1205" s="4" t="s">
        <v>6414</v>
      </c>
      <c r="D1205" s="4" t="s">
        <v>6415</v>
      </c>
      <c r="E1205" s="4" t="s">
        <v>6416</v>
      </c>
      <c r="F1205" s="4" t="s">
        <v>6417</v>
      </c>
      <c r="G1205" s="4" t="s">
        <v>6418</v>
      </c>
    </row>
    <row r="1206" spans="1:11" ht="72" x14ac:dyDescent="0.3">
      <c r="A1206" s="1">
        <v>8971</v>
      </c>
      <c r="D1206" s="4" t="s">
        <v>6419</v>
      </c>
      <c r="H1206" s="4" t="s">
        <v>6420</v>
      </c>
      <c r="K1206" s="4" t="s">
        <v>6421</v>
      </c>
    </row>
    <row r="1207" spans="1:11" ht="100.8" x14ac:dyDescent="0.3">
      <c r="A1207" s="1">
        <v>8976</v>
      </c>
      <c r="C1207" s="4" t="s">
        <v>6422</v>
      </c>
      <c r="D1207" s="4" t="s">
        <v>6423</v>
      </c>
      <c r="E1207" s="4" t="s">
        <v>6424</v>
      </c>
      <c r="F1207" s="4" t="s">
        <v>6425</v>
      </c>
      <c r="G1207" s="4" t="s">
        <v>6426</v>
      </c>
      <c r="H1207" s="4" t="s">
        <v>6427</v>
      </c>
      <c r="K1207" s="4" t="s">
        <v>6428</v>
      </c>
    </row>
    <row r="1208" spans="1:11" ht="72" x14ac:dyDescent="0.3">
      <c r="A1208" s="1">
        <v>8981</v>
      </c>
      <c r="C1208" s="4" t="s">
        <v>6429</v>
      </c>
      <c r="D1208" s="4" t="s">
        <v>6430</v>
      </c>
      <c r="G1208" s="4" t="s">
        <v>6431</v>
      </c>
      <c r="H1208" s="4" t="s">
        <v>6432</v>
      </c>
      <c r="I1208" s="4" t="s">
        <v>6433</v>
      </c>
      <c r="K1208" s="4" t="s">
        <v>6434</v>
      </c>
    </row>
    <row r="1209" spans="1:11" ht="72" x14ac:dyDescent="0.3">
      <c r="A1209" s="1">
        <v>8986</v>
      </c>
      <c r="C1209" s="4" t="s">
        <v>6435</v>
      </c>
      <c r="D1209" s="4" t="s">
        <v>6436</v>
      </c>
      <c r="E1209" s="4" t="s">
        <v>6437</v>
      </c>
      <c r="F1209" s="4" t="s">
        <v>6438</v>
      </c>
      <c r="H1209" s="4" t="s">
        <v>6439</v>
      </c>
      <c r="K1209" s="4" t="s">
        <v>6440</v>
      </c>
    </row>
    <row r="1210" spans="1:11" ht="86.4" x14ac:dyDescent="0.3">
      <c r="A1210" s="1">
        <v>8996</v>
      </c>
      <c r="C1210" s="4" t="s">
        <v>6441</v>
      </c>
      <c r="E1210" s="4" t="s">
        <v>6442</v>
      </c>
      <c r="F1210" s="4" t="s">
        <v>6443</v>
      </c>
      <c r="G1210" s="4" t="s">
        <v>6444</v>
      </c>
      <c r="H1210" s="4" t="s">
        <v>6445</v>
      </c>
      <c r="K1210" s="4" t="s">
        <v>6446</v>
      </c>
    </row>
    <row r="1211" spans="1:11" ht="72" x14ac:dyDescent="0.3">
      <c r="A1211" s="1">
        <v>9001</v>
      </c>
      <c r="C1211" s="4" t="s">
        <v>6447</v>
      </c>
      <c r="D1211" s="4" t="s">
        <v>6448</v>
      </c>
      <c r="I1211" s="4" t="s">
        <v>6449</v>
      </c>
    </row>
    <row r="1212" spans="1:11" x14ac:dyDescent="0.3">
      <c r="A1212" s="1">
        <v>9006</v>
      </c>
    </row>
    <row r="1213" spans="1:11" ht="72" x14ac:dyDescent="0.3">
      <c r="A1213" s="1">
        <v>9011</v>
      </c>
      <c r="C1213" s="4" t="s">
        <v>6450</v>
      </c>
      <c r="D1213" s="4" t="s">
        <v>6451</v>
      </c>
      <c r="E1213" s="4" t="s">
        <v>6452</v>
      </c>
    </row>
    <row r="1214" spans="1:11" ht="57.6" x14ac:dyDescent="0.3">
      <c r="A1214" s="1">
        <v>9021</v>
      </c>
      <c r="C1214" s="4" t="s">
        <v>6453</v>
      </c>
      <c r="D1214" s="4" t="s">
        <v>6454</v>
      </c>
      <c r="K1214" s="4" t="s">
        <v>6455</v>
      </c>
    </row>
    <row r="1215" spans="1:11" ht="57.6" x14ac:dyDescent="0.3">
      <c r="A1215" s="1">
        <v>9031</v>
      </c>
      <c r="D1215" s="4" t="s">
        <v>6456</v>
      </c>
      <c r="E1215" s="4" t="s">
        <v>6457</v>
      </c>
      <c r="H1215" s="4" t="s">
        <v>6458</v>
      </c>
    </row>
    <row r="1216" spans="1:11" ht="86.4" x14ac:dyDescent="0.3">
      <c r="A1216" s="1">
        <v>9036</v>
      </c>
      <c r="C1216" s="4" t="s">
        <v>6459</v>
      </c>
      <c r="D1216" s="4" t="s">
        <v>6460</v>
      </c>
      <c r="E1216" s="4" t="s">
        <v>6461</v>
      </c>
      <c r="F1216" s="4" t="s">
        <v>6462</v>
      </c>
      <c r="G1216" s="4" t="s">
        <v>6463</v>
      </c>
      <c r="H1216" s="4" t="s">
        <v>6464</v>
      </c>
      <c r="I1216" s="4" t="s">
        <v>6465</v>
      </c>
      <c r="J1216" s="4" t="s">
        <v>6466</v>
      </c>
      <c r="K1216" s="4" t="s">
        <v>6467</v>
      </c>
    </row>
    <row r="1217" spans="1:11" x14ac:dyDescent="0.3">
      <c r="A1217" s="1">
        <v>9041</v>
      </c>
      <c r="D1217" s="4" t="s">
        <v>6468</v>
      </c>
    </row>
    <row r="1218" spans="1:11" ht="43.2" x14ac:dyDescent="0.3">
      <c r="A1218" s="1">
        <v>9051</v>
      </c>
      <c r="D1218" s="4" t="s">
        <v>6469</v>
      </c>
      <c r="E1218" s="4" t="s">
        <v>6470</v>
      </c>
      <c r="I1218" s="4" t="s">
        <v>6471</v>
      </c>
    </row>
    <row r="1219" spans="1:11" ht="57.6" x14ac:dyDescent="0.3">
      <c r="A1219" s="1">
        <v>9061</v>
      </c>
      <c r="C1219" s="4" t="s">
        <v>6472</v>
      </c>
      <c r="H1219" s="4" t="s">
        <v>6473</v>
      </c>
      <c r="K1219" s="4" t="s">
        <v>6474</v>
      </c>
    </row>
    <row r="1220" spans="1:11" ht="72" x14ac:dyDescent="0.3">
      <c r="A1220" s="1">
        <v>9071</v>
      </c>
      <c r="C1220" s="4" t="s">
        <v>6475</v>
      </c>
      <c r="D1220" s="4" t="s">
        <v>6476</v>
      </c>
      <c r="E1220" s="4" t="s">
        <v>6477</v>
      </c>
      <c r="F1220" s="4" t="s">
        <v>6478</v>
      </c>
      <c r="G1220" s="4" t="s">
        <v>6479</v>
      </c>
      <c r="H1220" s="4" t="s">
        <v>3366</v>
      </c>
      <c r="I1220" s="4" t="s">
        <v>6480</v>
      </c>
      <c r="J1220" s="4" t="s">
        <v>6481</v>
      </c>
    </row>
    <row r="1221" spans="1:11" ht="86.4" x14ac:dyDescent="0.3">
      <c r="A1221" s="1">
        <v>9091</v>
      </c>
      <c r="C1221" s="4" t="s">
        <v>6482</v>
      </c>
      <c r="D1221" s="4" t="s">
        <v>6483</v>
      </c>
      <c r="E1221" s="4" t="s">
        <v>6484</v>
      </c>
      <c r="G1221" s="4" t="s">
        <v>6485</v>
      </c>
      <c r="H1221" s="4" t="s">
        <v>6486</v>
      </c>
      <c r="I1221" s="4" t="s">
        <v>6487</v>
      </c>
      <c r="J1221" s="4" t="s">
        <v>6488</v>
      </c>
      <c r="K1221" s="4" t="s">
        <v>6387</v>
      </c>
    </row>
    <row r="1222" spans="1:11" ht="43.2" x14ac:dyDescent="0.3">
      <c r="A1222" s="1">
        <v>9101</v>
      </c>
      <c r="C1222" s="4" t="s">
        <v>6489</v>
      </c>
      <c r="D1222" s="4" t="s">
        <v>6490</v>
      </c>
      <c r="E1222" s="4" t="s">
        <v>6491</v>
      </c>
      <c r="G1222" s="4" t="s">
        <v>6492</v>
      </c>
      <c r="H1222" s="4" t="s">
        <v>6493</v>
      </c>
      <c r="I1222" s="4" t="s">
        <v>6494</v>
      </c>
      <c r="J1222" s="4" t="s">
        <v>6495</v>
      </c>
      <c r="K1222" s="4" t="s">
        <v>6496</v>
      </c>
    </row>
    <row r="1223" spans="1:11" ht="86.4" x14ac:dyDescent="0.3">
      <c r="A1223" s="1">
        <v>9111</v>
      </c>
      <c r="C1223" s="4" t="s">
        <v>6497</v>
      </c>
      <c r="D1223" s="4" t="s">
        <v>6498</v>
      </c>
      <c r="G1223" s="4" t="s">
        <v>6499</v>
      </c>
      <c r="H1223" s="4" t="s">
        <v>6500</v>
      </c>
      <c r="I1223" s="4" t="s">
        <v>6501</v>
      </c>
      <c r="K1223" s="4" t="s">
        <v>6502</v>
      </c>
    </row>
    <row r="1224" spans="1:11" ht="43.2" x14ac:dyDescent="0.3">
      <c r="A1224" s="1">
        <v>9116</v>
      </c>
      <c r="C1224" s="4" t="s">
        <v>6503</v>
      </c>
      <c r="D1224" s="4" t="s">
        <v>6504</v>
      </c>
      <c r="E1224" s="4" t="s">
        <v>6505</v>
      </c>
      <c r="F1224" s="4" t="s">
        <v>6506</v>
      </c>
      <c r="G1224" s="4" t="s">
        <v>6507</v>
      </c>
      <c r="H1224" s="4" t="s">
        <v>6508</v>
      </c>
      <c r="I1224" s="4" t="s">
        <v>6509</v>
      </c>
      <c r="K1224" s="4" t="s">
        <v>6510</v>
      </c>
    </row>
    <row r="1225" spans="1:11" ht="72" x14ac:dyDescent="0.3">
      <c r="A1225" s="1">
        <v>9121</v>
      </c>
      <c r="D1225" s="4" t="s">
        <v>6511</v>
      </c>
      <c r="F1225" s="4" t="s">
        <v>6512</v>
      </c>
    </row>
    <row r="1226" spans="1:11" ht="72" x14ac:dyDescent="0.3">
      <c r="A1226" s="1">
        <v>9131</v>
      </c>
      <c r="C1226" s="4" t="s">
        <v>6513</v>
      </c>
      <c r="D1226" s="4" t="s">
        <v>6514</v>
      </c>
      <c r="F1226" s="4" t="s">
        <v>6515</v>
      </c>
      <c r="G1226" s="4" t="s">
        <v>6516</v>
      </c>
      <c r="H1226" s="4" t="s">
        <v>6517</v>
      </c>
      <c r="K1226" s="4" t="s">
        <v>6514</v>
      </c>
    </row>
    <row r="1227" spans="1:11" ht="72" x14ac:dyDescent="0.3">
      <c r="A1227" s="1">
        <v>9136</v>
      </c>
      <c r="D1227" s="4" t="s">
        <v>6518</v>
      </c>
      <c r="G1227" s="4" t="s">
        <v>6519</v>
      </c>
      <c r="H1227" s="4" t="s">
        <v>6520</v>
      </c>
      <c r="I1227" s="4" t="s">
        <v>6521</v>
      </c>
      <c r="K1227" s="4" t="s">
        <v>6522</v>
      </c>
    </row>
    <row r="1228" spans="1:11" ht="28.8" x14ac:dyDescent="0.3">
      <c r="A1228" s="1">
        <v>9141</v>
      </c>
      <c r="D1228" s="4" t="s">
        <v>6523</v>
      </c>
      <c r="G1228" s="4" t="s">
        <v>6524</v>
      </c>
      <c r="H1228" s="4" t="s">
        <v>6525</v>
      </c>
      <c r="K1228" s="4" t="s">
        <v>6526</v>
      </c>
    </row>
    <row r="1229" spans="1:11" x14ac:dyDescent="0.3">
      <c r="A1229" s="1">
        <v>9151</v>
      </c>
    </row>
    <row r="1230" spans="1:11" ht="86.4" x14ac:dyDescent="0.3">
      <c r="A1230" s="1">
        <v>9161</v>
      </c>
      <c r="C1230" s="4" t="s">
        <v>6527</v>
      </c>
      <c r="D1230" s="4" t="s">
        <v>6528</v>
      </c>
      <c r="E1230" s="4" t="s">
        <v>6529</v>
      </c>
      <c r="F1230" s="4" t="s">
        <v>6530</v>
      </c>
      <c r="G1230" s="4" t="s">
        <v>6531</v>
      </c>
      <c r="H1230" s="4" t="s">
        <v>6532</v>
      </c>
      <c r="I1230" s="4" t="s">
        <v>2100</v>
      </c>
      <c r="K1230" s="4" t="s">
        <v>6533</v>
      </c>
    </row>
    <row r="1231" spans="1:11" x14ac:dyDescent="0.3">
      <c r="A1231" s="1">
        <v>9176</v>
      </c>
    </row>
    <row r="1232" spans="1:11" ht="28.8" x14ac:dyDescent="0.3">
      <c r="A1232" s="1">
        <v>9186</v>
      </c>
      <c r="B1232" s="1" t="s">
        <v>1143</v>
      </c>
      <c r="C1232" s="4" t="s">
        <v>6534</v>
      </c>
    </row>
    <row r="1233" spans="1:11" ht="28.8" x14ac:dyDescent="0.3">
      <c r="A1233" s="1">
        <v>9191</v>
      </c>
      <c r="C1233" s="4" t="s">
        <v>6535</v>
      </c>
      <c r="D1233" s="4" t="s">
        <v>6536</v>
      </c>
      <c r="G1233" s="4" t="s">
        <v>6537</v>
      </c>
      <c r="H1233" s="4" t="s">
        <v>6538</v>
      </c>
    </row>
    <row r="1234" spans="1:11" ht="43.2" x14ac:dyDescent="0.3">
      <c r="A1234" s="1">
        <v>9196</v>
      </c>
      <c r="C1234" s="4" t="s">
        <v>6539</v>
      </c>
      <c r="D1234" s="4" t="s">
        <v>6540</v>
      </c>
      <c r="E1234" s="4" t="s">
        <v>6541</v>
      </c>
      <c r="F1234" s="4" t="s">
        <v>6542</v>
      </c>
      <c r="H1234" s="4" t="s">
        <v>6543</v>
      </c>
    </row>
    <row r="1235" spans="1:11" ht="28.8" x14ac:dyDescent="0.3">
      <c r="A1235" s="1">
        <v>9201</v>
      </c>
      <c r="C1235" s="4" t="s">
        <v>6544</v>
      </c>
      <c r="D1235" s="4" t="s">
        <v>6545</v>
      </c>
      <c r="E1235" s="4" t="s">
        <v>6546</v>
      </c>
      <c r="F1235" s="4" t="s">
        <v>6547</v>
      </c>
      <c r="G1235" s="4" t="s">
        <v>6548</v>
      </c>
      <c r="H1235" s="4" t="s">
        <v>6549</v>
      </c>
      <c r="I1235" s="4" t="s">
        <v>6550</v>
      </c>
      <c r="K1235" s="4" t="s">
        <v>6551</v>
      </c>
    </row>
    <row r="1236" spans="1:11" ht="57.6" x14ac:dyDescent="0.3">
      <c r="A1236" s="1">
        <v>9206</v>
      </c>
      <c r="C1236" s="4" t="s">
        <v>6552</v>
      </c>
      <c r="D1236" s="4" t="s">
        <v>6553</v>
      </c>
      <c r="E1236" s="4" t="s">
        <v>6554</v>
      </c>
      <c r="I1236" s="4" t="s">
        <v>6555</v>
      </c>
      <c r="K1236" s="4" t="s">
        <v>6556</v>
      </c>
    </row>
    <row r="1237" spans="1:11" ht="86.4" x14ac:dyDescent="0.3">
      <c r="A1237" s="1">
        <v>9211</v>
      </c>
      <c r="C1237" s="4" t="s">
        <v>6557</v>
      </c>
      <c r="D1237" s="4" t="s">
        <v>6558</v>
      </c>
      <c r="E1237" s="4" t="s">
        <v>6559</v>
      </c>
      <c r="F1237" s="4" t="s">
        <v>6560</v>
      </c>
      <c r="G1237" s="4" t="s">
        <v>6561</v>
      </c>
      <c r="H1237" s="4" t="s">
        <v>6562</v>
      </c>
      <c r="I1237" s="4" t="s">
        <v>6563</v>
      </c>
      <c r="K1237" s="4" t="s">
        <v>6564</v>
      </c>
    </row>
    <row r="1238" spans="1:11" ht="100.8" x14ac:dyDescent="0.3">
      <c r="A1238" s="1">
        <v>9216</v>
      </c>
      <c r="C1238" s="4" t="s">
        <v>6565</v>
      </c>
      <c r="E1238" s="4" t="s">
        <v>6566</v>
      </c>
      <c r="F1238" s="4" t="s">
        <v>6567</v>
      </c>
      <c r="G1238" s="4" t="s">
        <v>6568</v>
      </c>
      <c r="H1238" s="4" t="s">
        <v>6569</v>
      </c>
      <c r="I1238" s="4" t="s">
        <v>6570</v>
      </c>
      <c r="K1238" s="4" t="s">
        <v>6571</v>
      </c>
    </row>
    <row r="1239" spans="1:11" ht="28.8" x14ac:dyDescent="0.3">
      <c r="A1239" s="1">
        <v>9221</v>
      </c>
      <c r="C1239" s="4" t="s">
        <v>6572</v>
      </c>
      <c r="D1239" s="4" t="s">
        <v>6573</v>
      </c>
      <c r="F1239" s="4" t="s">
        <v>6574</v>
      </c>
      <c r="G1239" s="4" t="s">
        <v>6575</v>
      </c>
      <c r="H1239" s="4" t="s">
        <v>6576</v>
      </c>
      <c r="K1239" s="4" t="s">
        <v>6577</v>
      </c>
    </row>
    <row r="1240" spans="1:11" x14ac:dyDescent="0.3">
      <c r="A1240" s="1">
        <v>9231</v>
      </c>
    </row>
    <row r="1241" spans="1:11" ht="86.4" x14ac:dyDescent="0.3">
      <c r="A1241" s="1">
        <v>9236</v>
      </c>
      <c r="C1241" s="4" t="s">
        <v>6578</v>
      </c>
      <c r="D1241" s="4" t="s">
        <v>6579</v>
      </c>
      <c r="E1241" s="4" t="s">
        <v>6580</v>
      </c>
      <c r="F1241" s="4" t="s">
        <v>6581</v>
      </c>
      <c r="G1241" s="4" t="s">
        <v>6582</v>
      </c>
      <c r="H1241" s="4" t="s">
        <v>6583</v>
      </c>
      <c r="I1241" s="4" t="s">
        <v>6584</v>
      </c>
      <c r="K1241" s="4" t="s">
        <v>6585</v>
      </c>
    </row>
    <row r="1242" spans="1:11" ht="43.2" x14ac:dyDescent="0.3">
      <c r="A1242" s="1">
        <v>9241</v>
      </c>
      <c r="D1242" s="4" t="s">
        <v>6586</v>
      </c>
      <c r="E1242" s="4" t="s">
        <v>6587</v>
      </c>
      <c r="F1242" s="4" t="s">
        <v>6588</v>
      </c>
      <c r="G1242" s="4" t="s">
        <v>6589</v>
      </c>
      <c r="H1242" s="4" t="s">
        <v>6590</v>
      </c>
    </row>
    <row r="1243" spans="1:11" ht="57.6" x14ac:dyDescent="0.3">
      <c r="A1243" s="1">
        <v>9251</v>
      </c>
      <c r="C1243" s="4" t="s">
        <v>6591</v>
      </c>
      <c r="D1243" s="4" t="s">
        <v>6592</v>
      </c>
      <c r="E1243" s="4" t="s">
        <v>6593</v>
      </c>
      <c r="F1243" s="4" t="s">
        <v>6594</v>
      </c>
      <c r="G1243" s="4" t="s">
        <v>6595</v>
      </c>
    </row>
    <row r="1244" spans="1:11" ht="72" x14ac:dyDescent="0.3">
      <c r="A1244" s="1">
        <v>9261</v>
      </c>
      <c r="C1244" s="4" t="s">
        <v>6596</v>
      </c>
      <c r="D1244" s="4" t="s">
        <v>6597</v>
      </c>
      <c r="G1244" s="4" t="s">
        <v>6598</v>
      </c>
    </row>
    <row r="1245" spans="1:11" ht="57.6" x14ac:dyDescent="0.3">
      <c r="A1245" s="1">
        <v>9266</v>
      </c>
      <c r="D1245" s="4" t="s">
        <v>6599</v>
      </c>
      <c r="H1245" s="4" t="s">
        <v>6600</v>
      </c>
      <c r="K1245" s="4" t="s">
        <v>6601</v>
      </c>
    </row>
    <row r="1246" spans="1:11" ht="86.4" x14ac:dyDescent="0.3">
      <c r="A1246" s="1">
        <v>9271</v>
      </c>
      <c r="C1246" s="4" t="s">
        <v>6602</v>
      </c>
      <c r="D1246" s="4" t="s">
        <v>6603</v>
      </c>
      <c r="E1246" s="4" t="s">
        <v>6604</v>
      </c>
      <c r="F1246" s="4" t="s">
        <v>6605</v>
      </c>
      <c r="G1246" s="4" t="s">
        <v>6606</v>
      </c>
      <c r="H1246" s="4" t="s">
        <v>6607</v>
      </c>
      <c r="I1246" s="4" t="s">
        <v>6608</v>
      </c>
      <c r="K1246" s="4" t="s">
        <v>6609</v>
      </c>
    </row>
    <row r="1247" spans="1:11" ht="57.6" x14ac:dyDescent="0.3">
      <c r="A1247" s="1">
        <v>9276</v>
      </c>
      <c r="C1247" s="4" t="s">
        <v>6610</v>
      </c>
      <c r="G1247" s="4" t="s">
        <v>6611</v>
      </c>
      <c r="H1247" s="4" t="s">
        <v>6612</v>
      </c>
      <c r="I1247" s="4" t="s">
        <v>4873</v>
      </c>
      <c r="K1247" s="4" t="s">
        <v>6613</v>
      </c>
    </row>
    <row r="1248" spans="1:11" ht="43.2" x14ac:dyDescent="0.3">
      <c r="A1248" s="1">
        <v>9281</v>
      </c>
      <c r="C1248" s="4" t="s">
        <v>6614</v>
      </c>
      <c r="G1248" s="4" t="s">
        <v>6615</v>
      </c>
      <c r="I1248" s="4" t="s">
        <v>6616</v>
      </c>
    </row>
    <row r="1249" spans="1:11" ht="86.4" x14ac:dyDescent="0.3">
      <c r="A1249" s="1">
        <v>9286</v>
      </c>
      <c r="C1249" s="4" t="s">
        <v>6617</v>
      </c>
      <c r="D1249" s="4" t="s">
        <v>6618</v>
      </c>
      <c r="E1249" s="4" t="s">
        <v>6619</v>
      </c>
      <c r="F1249" s="4" t="s">
        <v>6618</v>
      </c>
      <c r="G1249" s="4" t="s">
        <v>6620</v>
      </c>
      <c r="H1249" s="4" t="s">
        <v>6621</v>
      </c>
      <c r="I1249" s="4" t="s">
        <v>6622</v>
      </c>
      <c r="K1249" s="4" t="s">
        <v>6623</v>
      </c>
    </row>
    <row r="1250" spans="1:11" x14ac:dyDescent="0.3">
      <c r="A1250" s="1">
        <v>9291</v>
      </c>
    </row>
    <row r="1251" spans="1:11" ht="28.8" x14ac:dyDescent="0.3">
      <c r="A1251" s="1">
        <v>9301</v>
      </c>
      <c r="C1251" s="4" t="s">
        <v>6624</v>
      </c>
      <c r="D1251" s="4" t="s">
        <v>6625</v>
      </c>
      <c r="E1251" s="4" t="s">
        <v>6626</v>
      </c>
    </row>
    <row r="1252" spans="1:11" ht="43.2" x14ac:dyDescent="0.3">
      <c r="A1252" s="1">
        <v>9311</v>
      </c>
      <c r="C1252" s="4" t="s">
        <v>6627</v>
      </c>
      <c r="D1252" s="4" t="s">
        <v>6628</v>
      </c>
      <c r="E1252" s="4" t="s">
        <v>6629</v>
      </c>
      <c r="G1252" s="4" t="s">
        <v>6630</v>
      </c>
      <c r="H1252" s="4" t="s">
        <v>6631</v>
      </c>
    </row>
    <row r="1253" spans="1:11" ht="28.8" x14ac:dyDescent="0.3">
      <c r="A1253" s="1">
        <v>9316</v>
      </c>
      <c r="C1253" s="4" t="s">
        <v>6632</v>
      </c>
      <c r="D1253" s="4" t="s">
        <v>6633</v>
      </c>
      <c r="E1253" s="4" t="s">
        <v>3867</v>
      </c>
      <c r="F1253" s="4" t="s">
        <v>3867</v>
      </c>
      <c r="G1253" s="4" t="s">
        <v>6634</v>
      </c>
      <c r="H1253" s="4" t="s">
        <v>6635</v>
      </c>
      <c r="I1253" s="4" t="s">
        <v>6636</v>
      </c>
    </row>
    <row r="1254" spans="1:11" ht="72" x14ac:dyDescent="0.3">
      <c r="A1254" s="1">
        <v>9331</v>
      </c>
      <c r="C1254" s="4" t="s">
        <v>6637</v>
      </c>
      <c r="D1254" s="4" t="s">
        <v>6638</v>
      </c>
      <c r="E1254" s="4" t="s">
        <v>6639</v>
      </c>
      <c r="F1254" s="4" t="s">
        <v>6640</v>
      </c>
      <c r="G1254" s="4" t="s">
        <v>6641</v>
      </c>
      <c r="H1254" s="4" t="s">
        <v>6640</v>
      </c>
      <c r="I1254" s="4" t="s">
        <v>6642</v>
      </c>
      <c r="K1254" s="4" t="s">
        <v>6643</v>
      </c>
    </row>
    <row r="1255" spans="1:11" ht="86.4" x14ac:dyDescent="0.3">
      <c r="A1255" s="1">
        <v>9336</v>
      </c>
      <c r="C1255" s="4" t="s">
        <v>6644</v>
      </c>
      <c r="D1255" s="4" t="s">
        <v>6645</v>
      </c>
      <c r="H1255" s="4" t="s">
        <v>6646</v>
      </c>
      <c r="K1255" s="4" t="s">
        <v>6647</v>
      </c>
    </row>
    <row r="1256" spans="1:11" ht="43.2" x14ac:dyDescent="0.3">
      <c r="A1256" s="1">
        <v>9341</v>
      </c>
      <c r="D1256" s="4" t="s">
        <v>6648</v>
      </c>
      <c r="G1256" s="4" t="s">
        <v>6649</v>
      </c>
      <c r="H1256" s="4" t="s">
        <v>6650</v>
      </c>
      <c r="I1256" s="4" t="s">
        <v>6651</v>
      </c>
    </row>
    <row r="1257" spans="1:11" ht="86.4" x14ac:dyDescent="0.3">
      <c r="A1257" s="1">
        <v>9346</v>
      </c>
      <c r="D1257" s="4" t="s">
        <v>6652</v>
      </c>
      <c r="E1257" s="4" t="s">
        <v>6653</v>
      </c>
      <c r="F1257" s="4" t="s">
        <v>6654</v>
      </c>
      <c r="G1257" s="4" t="s">
        <v>6655</v>
      </c>
      <c r="H1257" s="4" t="s">
        <v>6655</v>
      </c>
      <c r="I1257" s="4" t="s">
        <v>6656</v>
      </c>
      <c r="K1257" s="4" t="s">
        <v>6657</v>
      </c>
    </row>
    <row r="1258" spans="1:11" x14ac:dyDescent="0.3">
      <c r="A1258" s="1">
        <v>9351</v>
      </c>
    </row>
    <row r="1259" spans="1:11" ht="72" x14ac:dyDescent="0.3">
      <c r="A1259" s="1">
        <v>9366</v>
      </c>
      <c r="D1259" s="4" t="s">
        <v>6658</v>
      </c>
      <c r="E1259" s="4" t="s">
        <v>6659</v>
      </c>
      <c r="F1259" s="4" t="s">
        <v>6660</v>
      </c>
      <c r="G1259" s="4" t="s">
        <v>6661</v>
      </c>
      <c r="H1259" s="4" t="s">
        <v>6662</v>
      </c>
      <c r="I1259" s="4" t="s">
        <v>6663</v>
      </c>
    </row>
    <row r="1260" spans="1:11" ht="57.6" x14ac:dyDescent="0.3">
      <c r="A1260" s="1">
        <v>9376</v>
      </c>
      <c r="C1260" s="4" t="s">
        <v>6664</v>
      </c>
      <c r="D1260" s="4" t="s">
        <v>6665</v>
      </c>
      <c r="E1260" s="4" t="s">
        <v>6666</v>
      </c>
      <c r="F1260" s="4" t="s">
        <v>6667</v>
      </c>
      <c r="G1260" s="4" t="s">
        <v>6668</v>
      </c>
      <c r="H1260" s="4" t="s">
        <v>6669</v>
      </c>
      <c r="I1260" s="4" t="s">
        <v>6670</v>
      </c>
    </row>
    <row r="1261" spans="1:11" ht="86.4" x14ac:dyDescent="0.3">
      <c r="A1261" s="1">
        <v>9381</v>
      </c>
      <c r="C1261" s="4" t="s">
        <v>6671</v>
      </c>
      <c r="D1261" s="4" t="s">
        <v>6672</v>
      </c>
      <c r="F1261" s="4" t="s">
        <v>6673</v>
      </c>
      <c r="G1261" s="4" t="s">
        <v>6674</v>
      </c>
      <c r="H1261" s="4" t="s">
        <v>6675</v>
      </c>
      <c r="I1261" s="4" t="s">
        <v>6676</v>
      </c>
      <c r="J1261" s="4" t="s">
        <v>6677</v>
      </c>
      <c r="K1261" s="4" t="s">
        <v>6678</v>
      </c>
    </row>
    <row r="1262" spans="1:11" ht="43.2" x14ac:dyDescent="0.3">
      <c r="A1262" s="1">
        <v>9386</v>
      </c>
      <c r="C1262" s="4" t="s">
        <v>6679</v>
      </c>
      <c r="D1262" s="4" t="s">
        <v>6680</v>
      </c>
      <c r="E1262" s="4" t="s">
        <v>6681</v>
      </c>
      <c r="G1262" s="4" t="s">
        <v>6682</v>
      </c>
      <c r="H1262" s="4" t="s">
        <v>6683</v>
      </c>
      <c r="I1262" s="4" t="s">
        <v>6684</v>
      </c>
      <c r="J1262" s="4" t="s">
        <v>6685</v>
      </c>
      <c r="K1262" s="4" t="s">
        <v>6686</v>
      </c>
    </row>
    <row r="1263" spans="1:11" ht="28.8" x14ac:dyDescent="0.3">
      <c r="A1263" s="1">
        <v>9391</v>
      </c>
      <c r="C1263" s="4" t="s">
        <v>6687</v>
      </c>
      <c r="D1263" s="4" t="s">
        <v>23189</v>
      </c>
      <c r="E1263" s="4" t="s">
        <v>6688</v>
      </c>
      <c r="F1263" s="4" t="s">
        <v>6689</v>
      </c>
      <c r="G1263" s="4" t="s">
        <v>6690</v>
      </c>
      <c r="H1263" s="4" t="s">
        <v>6691</v>
      </c>
      <c r="K1263" s="4" t="s">
        <v>6692</v>
      </c>
    </row>
    <row r="1264" spans="1:11" ht="28.8" x14ac:dyDescent="0.3">
      <c r="A1264" s="1">
        <v>9401</v>
      </c>
      <c r="C1264" s="4" t="s">
        <v>6693</v>
      </c>
      <c r="G1264" s="4" t="s">
        <v>6694</v>
      </c>
      <c r="K1264" s="4" t="s">
        <v>6695</v>
      </c>
    </row>
    <row r="1265" spans="1:11" ht="43.2" x14ac:dyDescent="0.3">
      <c r="A1265" s="1">
        <v>9406</v>
      </c>
      <c r="C1265" s="4" t="s">
        <v>6696</v>
      </c>
      <c r="D1265" s="4" t="s">
        <v>6697</v>
      </c>
      <c r="G1265" s="4" t="s">
        <v>6698</v>
      </c>
    </row>
    <row r="1266" spans="1:11" x14ac:dyDescent="0.3">
      <c r="A1266" s="1">
        <v>9426</v>
      </c>
    </row>
    <row r="1267" spans="1:11" ht="86.4" x14ac:dyDescent="0.3">
      <c r="A1267" s="1">
        <v>9436</v>
      </c>
      <c r="C1267" s="4" t="s">
        <v>6699</v>
      </c>
      <c r="D1267" s="4" t="s">
        <v>6700</v>
      </c>
      <c r="G1267" s="4" t="s">
        <v>6701</v>
      </c>
      <c r="H1267" s="4" t="s">
        <v>6702</v>
      </c>
      <c r="I1267" s="4" t="s">
        <v>6703</v>
      </c>
      <c r="K1267" s="4" t="s">
        <v>6704</v>
      </c>
    </row>
    <row r="1268" spans="1:11" ht="86.4" x14ac:dyDescent="0.3">
      <c r="A1268" s="1">
        <v>9441</v>
      </c>
      <c r="C1268" s="4" t="s">
        <v>6705</v>
      </c>
      <c r="D1268" s="4" t="s">
        <v>6706</v>
      </c>
      <c r="E1268" s="4" t="s">
        <v>6707</v>
      </c>
      <c r="F1268" s="4" t="s">
        <v>6708</v>
      </c>
      <c r="G1268" s="4" t="s">
        <v>6709</v>
      </c>
      <c r="H1268" s="4" t="s">
        <v>6710</v>
      </c>
      <c r="I1268" s="4" t="s">
        <v>6711</v>
      </c>
      <c r="K1268" s="4" t="s">
        <v>6712</v>
      </c>
    </row>
    <row r="1269" spans="1:11" x14ac:dyDescent="0.3">
      <c r="A1269" s="1">
        <v>9446</v>
      </c>
    </row>
    <row r="1270" spans="1:11" ht="43.2" x14ac:dyDescent="0.3">
      <c r="A1270" s="1">
        <v>9451</v>
      </c>
      <c r="C1270" s="4" t="s">
        <v>6713</v>
      </c>
      <c r="D1270" s="4" t="s">
        <v>6714</v>
      </c>
      <c r="E1270" s="4" t="s">
        <v>6715</v>
      </c>
      <c r="G1270" s="4" t="s">
        <v>6716</v>
      </c>
      <c r="H1270" s="4" t="s">
        <v>6717</v>
      </c>
      <c r="K1270" s="4" t="s">
        <v>6718</v>
      </c>
    </row>
    <row r="1271" spans="1:11" ht="86.4" x14ac:dyDescent="0.3">
      <c r="A1271" s="1">
        <v>9461</v>
      </c>
      <c r="C1271" s="4" t="s">
        <v>6719</v>
      </c>
      <c r="D1271" s="4" t="s">
        <v>6720</v>
      </c>
      <c r="E1271" s="4" t="s">
        <v>6721</v>
      </c>
      <c r="F1271" s="4" t="s">
        <v>6722</v>
      </c>
      <c r="G1271" s="4" t="s">
        <v>6723</v>
      </c>
      <c r="H1271" s="4" t="s">
        <v>6724</v>
      </c>
      <c r="I1271" s="4" t="s">
        <v>6725</v>
      </c>
      <c r="K1271" s="4" t="s">
        <v>6726</v>
      </c>
    </row>
    <row r="1272" spans="1:11" ht="86.4" x14ac:dyDescent="0.3">
      <c r="A1272" s="1">
        <v>9481</v>
      </c>
      <c r="C1272" s="4" t="s">
        <v>6727</v>
      </c>
      <c r="D1272" s="4" t="s">
        <v>6728</v>
      </c>
      <c r="E1272" s="4" t="s">
        <v>6729</v>
      </c>
      <c r="F1272" s="4" t="s">
        <v>6730</v>
      </c>
      <c r="G1272" s="4" t="s">
        <v>6731</v>
      </c>
      <c r="H1272" s="4" t="s">
        <v>6732</v>
      </c>
      <c r="I1272" s="4" t="s">
        <v>6733</v>
      </c>
      <c r="J1272" s="4" t="s">
        <v>6734</v>
      </c>
      <c r="K1272" s="4" t="s">
        <v>6735</v>
      </c>
    </row>
    <row r="1273" spans="1:11" ht="43.2" x14ac:dyDescent="0.3">
      <c r="A1273" s="1">
        <v>9491</v>
      </c>
      <c r="C1273" s="4" t="s">
        <v>6736</v>
      </c>
      <c r="D1273" s="4" t="s">
        <v>6737</v>
      </c>
      <c r="E1273" s="4" t="s">
        <v>6738</v>
      </c>
      <c r="F1273" s="4" t="s">
        <v>6739</v>
      </c>
      <c r="G1273" s="4" t="s">
        <v>6740</v>
      </c>
      <c r="H1273" s="4" t="s">
        <v>6741</v>
      </c>
      <c r="K1273" s="4" t="s">
        <v>6742</v>
      </c>
    </row>
    <row r="1274" spans="1:11" ht="86.4" x14ac:dyDescent="0.3">
      <c r="A1274" s="1">
        <v>9501</v>
      </c>
      <c r="C1274" s="4" t="s">
        <v>6743</v>
      </c>
      <c r="D1274" s="4" t="s">
        <v>6744</v>
      </c>
      <c r="F1274" s="4" t="s">
        <v>6745</v>
      </c>
      <c r="G1274" s="4" t="s">
        <v>6746</v>
      </c>
      <c r="H1274" s="4" t="s">
        <v>6747</v>
      </c>
      <c r="I1274" s="4" t="s">
        <v>6748</v>
      </c>
      <c r="J1274" s="4" t="s">
        <v>6749</v>
      </c>
      <c r="K1274" s="4" t="s">
        <v>6750</v>
      </c>
    </row>
    <row r="1275" spans="1:11" ht="72" x14ac:dyDescent="0.3">
      <c r="A1275" s="1">
        <v>9516</v>
      </c>
      <c r="C1275" s="4" t="s">
        <v>6751</v>
      </c>
      <c r="D1275" s="4" t="s">
        <v>6752</v>
      </c>
      <c r="E1275" s="4" t="s">
        <v>6753</v>
      </c>
      <c r="G1275" s="4" t="s">
        <v>6754</v>
      </c>
      <c r="I1275" s="4" t="s">
        <v>6755</v>
      </c>
    </row>
    <row r="1276" spans="1:11" ht="28.8" x14ac:dyDescent="0.3">
      <c r="A1276" s="1">
        <v>9521</v>
      </c>
      <c r="C1276" s="4" t="s">
        <v>6756</v>
      </c>
      <c r="D1276" s="4" t="s">
        <v>6757</v>
      </c>
      <c r="G1276" s="4" t="s">
        <v>6758</v>
      </c>
      <c r="H1276" s="4" t="s">
        <v>6759</v>
      </c>
    </row>
    <row r="1277" spans="1:11" ht="86.4" x14ac:dyDescent="0.3">
      <c r="A1277" s="1">
        <v>9541</v>
      </c>
      <c r="C1277" s="4" t="s">
        <v>6760</v>
      </c>
      <c r="D1277" s="4" t="s">
        <v>6761</v>
      </c>
      <c r="E1277" s="4" t="s">
        <v>6762</v>
      </c>
      <c r="F1277" s="4" t="s">
        <v>6763</v>
      </c>
      <c r="G1277" s="4" t="s">
        <v>6764</v>
      </c>
      <c r="H1277" s="4" t="s">
        <v>6765</v>
      </c>
      <c r="I1277" s="4" t="s">
        <v>6766</v>
      </c>
    </row>
    <row r="1278" spans="1:11" ht="28.8" x14ac:dyDescent="0.3">
      <c r="A1278" s="1">
        <v>9546</v>
      </c>
      <c r="C1278" s="4" t="s">
        <v>6767</v>
      </c>
      <c r="E1278" s="4" t="s">
        <v>6768</v>
      </c>
      <c r="F1278" s="4" t="s">
        <v>6769</v>
      </c>
      <c r="G1278" s="4" t="s">
        <v>6770</v>
      </c>
      <c r="H1278" s="4" t="s">
        <v>6771</v>
      </c>
      <c r="I1278" s="4" t="s">
        <v>3121</v>
      </c>
      <c r="K1278" s="4" t="s">
        <v>6772</v>
      </c>
    </row>
    <row r="1279" spans="1:11" x14ac:dyDescent="0.3">
      <c r="A1279" s="1">
        <v>9551</v>
      </c>
    </row>
    <row r="1280" spans="1:11" ht="72" x14ac:dyDescent="0.3">
      <c r="A1280" s="1">
        <v>9561</v>
      </c>
      <c r="C1280" s="4" t="s">
        <v>6773</v>
      </c>
      <c r="D1280" s="4" t="s">
        <v>6774</v>
      </c>
      <c r="E1280" s="4" t="s">
        <v>6775</v>
      </c>
      <c r="F1280" s="4" t="s">
        <v>6776</v>
      </c>
      <c r="G1280" s="4" t="s">
        <v>6777</v>
      </c>
      <c r="H1280" s="4" t="s">
        <v>6778</v>
      </c>
      <c r="I1280" s="4" t="s">
        <v>6779</v>
      </c>
      <c r="K1280" s="4" t="s">
        <v>6780</v>
      </c>
    </row>
    <row r="1281" spans="1:11" ht="86.4" x14ac:dyDescent="0.3">
      <c r="A1281" s="1">
        <v>9566</v>
      </c>
      <c r="C1281" s="4" t="s">
        <v>6781</v>
      </c>
      <c r="D1281" s="4" t="s">
        <v>6782</v>
      </c>
      <c r="E1281" s="4" t="s">
        <v>6783</v>
      </c>
      <c r="F1281" s="4" t="s">
        <v>6784</v>
      </c>
      <c r="G1281" s="4" t="s">
        <v>6785</v>
      </c>
      <c r="H1281" s="4" t="s">
        <v>6786</v>
      </c>
      <c r="I1281" s="4" t="s">
        <v>6787</v>
      </c>
      <c r="K1281" s="4" t="s">
        <v>6788</v>
      </c>
    </row>
    <row r="1282" spans="1:11" ht="86.4" x14ac:dyDescent="0.3">
      <c r="A1282" s="1">
        <v>9576</v>
      </c>
      <c r="C1282" s="4" t="s">
        <v>6789</v>
      </c>
      <c r="D1282" s="4" t="s">
        <v>6790</v>
      </c>
      <c r="E1282" s="4" t="s">
        <v>6791</v>
      </c>
      <c r="F1282" s="4" t="s">
        <v>6792</v>
      </c>
      <c r="G1282" s="4" t="s">
        <v>6793</v>
      </c>
      <c r="H1282" s="4" t="s">
        <v>6794</v>
      </c>
      <c r="I1282" s="4" t="s">
        <v>6795</v>
      </c>
      <c r="K1282" s="4" t="s">
        <v>6796</v>
      </c>
    </row>
    <row r="1283" spans="1:11" ht="86.4" x14ac:dyDescent="0.3">
      <c r="A1283" s="1">
        <v>9591</v>
      </c>
      <c r="C1283" s="4" t="s">
        <v>6797</v>
      </c>
      <c r="D1283" s="4" t="s">
        <v>6798</v>
      </c>
      <c r="E1283" s="4" t="s">
        <v>6799</v>
      </c>
      <c r="F1283" s="4" t="s">
        <v>6800</v>
      </c>
      <c r="G1283" s="4" t="s">
        <v>6801</v>
      </c>
      <c r="H1283" s="4" t="s">
        <v>6802</v>
      </c>
      <c r="I1283" s="4" t="s">
        <v>6803</v>
      </c>
      <c r="J1283" s="4" t="s">
        <v>6804</v>
      </c>
      <c r="K1283" s="4" t="s">
        <v>6805</v>
      </c>
    </row>
    <row r="1284" spans="1:11" x14ac:dyDescent="0.3">
      <c r="A1284" s="1">
        <v>9596</v>
      </c>
    </row>
    <row r="1285" spans="1:11" ht="57.6" x14ac:dyDescent="0.3">
      <c r="A1285" s="1">
        <v>9601</v>
      </c>
      <c r="C1285" s="4" t="s">
        <v>6806</v>
      </c>
      <c r="D1285" s="4" t="s">
        <v>6807</v>
      </c>
      <c r="F1285" s="4" t="s">
        <v>6808</v>
      </c>
      <c r="G1285" s="4" t="s">
        <v>6809</v>
      </c>
      <c r="H1285" s="4" t="s">
        <v>6810</v>
      </c>
      <c r="I1285" s="4" t="s">
        <v>6811</v>
      </c>
      <c r="K1285" s="4" t="s">
        <v>6812</v>
      </c>
    </row>
    <row r="1286" spans="1:11" x14ac:dyDescent="0.3">
      <c r="A1286" s="1">
        <v>9606</v>
      </c>
    </row>
    <row r="1287" spans="1:11" ht="86.4" x14ac:dyDescent="0.3">
      <c r="A1287" s="1">
        <v>9611</v>
      </c>
      <c r="C1287" s="4" t="s">
        <v>6813</v>
      </c>
      <c r="K1287" s="4" t="s">
        <v>6814</v>
      </c>
    </row>
    <row r="1288" spans="1:11" ht="72" x14ac:dyDescent="0.3">
      <c r="A1288" s="1">
        <v>9616</v>
      </c>
      <c r="C1288" s="4" t="s">
        <v>6815</v>
      </c>
      <c r="D1288" s="4" t="s">
        <v>6816</v>
      </c>
      <c r="E1288" s="4" t="s">
        <v>6817</v>
      </c>
      <c r="F1288" s="4" t="s">
        <v>6818</v>
      </c>
      <c r="G1288" s="4" t="s">
        <v>6819</v>
      </c>
      <c r="H1288" s="4" t="s">
        <v>6820</v>
      </c>
      <c r="I1288" s="4" t="s">
        <v>6821</v>
      </c>
      <c r="J1288" s="4" t="s">
        <v>6822</v>
      </c>
      <c r="K1288" s="4" t="s">
        <v>6823</v>
      </c>
    </row>
    <row r="1289" spans="1:11" ht="72" x14ac:dyDescent="0.3">
      <c r="A1289" s="1">
        <v>9621</v>
      </c>
      <c r="C1289" s="4" t="s">
        <v>6824</v>
      </c>
      <c r="D1289" s="4" t="s">
        <v>6825</v>
      </c>
      <c r="E1289" s="4" t="s">
        <v>2100</v>
      </c>
      <c r="F1289" s="4" t="s">
        <v>2100</v>
      </c>
      <c r="K1289" s="4" t="s">
        <v>6826</v>
      </c>
    </row>
    <row r="1290" spans="1:11" ht="100.8" x14ac:dyDescent="0.3">
      <c r="A1290" s="1">
        <v>9626</v>
      </c>
      <c r="C1290" s="4" t="s">
        <v>6827</v>
      </c>
      <c r="D1290" s="4" t="s">
        <v>6828</v>
      </c>
      <c r="E1290" s="4" t="s">
        <v>6829</v>
      </c>
      <c r="F1290" s="4" t="s">
        <v>6830</v>
      </c>
      <c r="G1290" s="4" t="s">
        <v>6831</v>
      </c>
      <c r="H1290" s="4" t="s">
        <v>6832</v>
      </c>
      <c r="I1290" s="4" t="s">
        <v>6833</v>
      </c>
      <c r="K1290" s="4" t="s">
        <v>6834</v>
      </c>
    </row>
    <row r="1291" spans="1:11" ht="43.2" x14ac:dyDescent="0.3">
      <c r="A1291" s="1">
        <v>9631</v>
      </c>
      <c r="D1291" s="4" t="s">
        <v>6835</v>
      </c>
      <c r="I1291" s="4" t="s">
        <v>6836</v>
      </c>
    </row>
    <row r="1292" spans="1:11" ht="72" x14ac:dyDescent="0.3">
      <c r="A1292" s="1">
        <v>9641</v>
      </c>
      <c r="C1292" s="4" t="s">
        <v>6837</v>
      </c>
      <c r="D1292" s="4" t="s">
        <v>6838</v>
      </c>
      <c r="E1292" s="4" t="s">
        <v>6839</v>
      </c>
      <c r="F1292" s="4" t="s">
        <v>6840</v>
      </c>
      <c r="G1292" s="4" t="s">
        <v>6841</v>
      </c>
      <c r="H1292" s="4" t="s">
        <v>6842</v>
      </c>
      <c r="K1292" s="4" t="s">
        <v>6843</v>
      </c>
    </row>
    <row r="1293" spans="1:11" x14ac:dyDescent="0.3">
      <c r="A1293" s="1">
        <v>9646</v>
      </c>
    </row>
    <row r="1294" spans="1:11" ht="43.2" x14ac:dyDescent="0.3">
      <c r="A1294" s="1">
        <v>9651</v>
      </c>
      <c r="C1294" s="4" t="s">
        <v>6844</v>
      </c>
      <c r="H1294" s="4" t="s">
        <v>6845</v>
      </c>
      <c r="I1294" s="4" t="s">
        <v>6846</v>
      </c>
      <c r="K1294" s="4" t="s">
        <v>6847</v>
      </c>
    </row>
    <row r="1295" spans="1:11" ht="72" x14ac:dyDescent="0.3">
      <c r="A1295" s="1">
        <v>9656</v>
      </c>
      <c r="C1295" s="4" t="s">
        <v>6848</v>
      </c>
      <c r="D1295" s="4" t="s">
        <v>6849</v>
      </c>
      <c r="E1295" s="4" t="s">
        <v>2100</v>
      </c>
      <c r="G1295" s="4" t="s">
        <v>6850</v>
      </c>
      <c r="H1295" s="4" t="s">
        <v>6851</v>
      </c>
      <c r="I1295" s="4" t="s">
        <v>6852</v>
      </c>
      <c r="K1295" s="4" t="s">
        <v>6853</v>
      </c>
    </row>
    <row r="1296" spans="1:11" ht="86.4" x14ac:dyDescent="0.3">
      <c r="A1296" s="1">
        <v>9661</v>
      </c>
      <c r="C1296" s="4" t="s">
        <v>6854</v>
      </c>
      <c r="D1296" s="4" t="s">
        <v>6855</v>
      </c>
      <c r="E1296" s="4" t="s">
        <v>6856</v>
      </c>
      <c r="F1296" s="4" t="s">
        <v>6857</v>
      </c>
      <c r="G1296" s="4" t="s">
        <v>6858</v>
      </c>
      <c r="H1296" s="4" t="s">
        <v>6859</v>
      </c>
      <c r="I1296" s="4" t="s">
        <v>6860</v>
      </c>
      <c r="J1296" s="4" t="s">
        <v>6861</v>
      </c>
      <c r="K1296" s="4" t="s">
        <v>6862</v>
      </c>
    </row>
    <row r="1297" spans="1:11" ht="86.4" x14ac:dyDescent="0.3">
      <c r="A1297" s="1">
        <v>9666</v>
      </c>
      <c r="C1297" s="4" t="s">
        <v>6863</v>
      </c>
      <c r="D1297" s="4" t="s">
        <v>6864</v>
      </c>
      <c r="E1297" s="4" t="s">
        <v>6865</v>
      </c>
      <c r="F1297" s="4" t="s">
        <v>8</v>
      </c>
      <c r="G1297" s="4" t="s">
        <v>6866</v>
      </c>
      <c r="H1297" s="4" t="s">
        <v>6867</v>
      </c>
      <c r="I1297" s="4" t="s">
        <v>6868</v>
      </c>
      <c r="K1297" s="4" t="s">
        <v>6869</v>
      </c>
    </row>
    <row r="1298" spans="1:11" ht="100.8" x14ac:dyDescent="0.3">
      <c r="A1298" s="1">
        <v>9671</v>
      </c>
      <c r="C1298" s="4" t="s">
        <v>6870</v>
      </c>
      <c r="D1298" s="4" t="s">
        <v>6871</v>
      </c>
      <c r="E1298" s="4" t="s">
        <v>6872</v>
      </c>
      <c r="F1298" s="4" t="s">
        <v>6873</v>
      </c>
      <c r="G1298" s="4" t="s">
        <v>6874</v>
      </c>
      <c r="H1298" s="4" t="s">
        <v>6875</v>
      </c>
      <c r="I1298" s="4" t="s">
        <v>6876</v>
      </c>
      <c r="J1298" s="4" t="s">
        <v>6877</v>
      </c>
      <c r="K1298" s="4" t="s">
        <v>6878</v>
      </c>
    </row>
    <row r="1299" spans="1:11" ht="86.4" x14ac:dyDescent="0.3">
      <c r="A1299" s="1">
        <v>9681</v>
      </c>
      <c r="C1299" s="4" t="s">
        <v>6879</v>
      </c>
      <c r="E1299" s="4" t="s">
        <v>6880</v>
      </c>
      <c r="G1299" s="4" t="s">
        <v>6881</v>
      </c>
      <c r="K1299" s="4" t="s">
        <v>6882</v>
      </c>
    </row>
    <row r="1300" spans="1:11" ht="72" x14ac:dyDescent="0.3">
      <c r="A1300" s="1">
        <v>9686</v>
      </c>
      <c r="C1300" s="4" t="s">
        <v>6883</v>
      </c>
      <c r="D1300" s="4" t="s">
        <v>6884</v>
      </c>
      <c r="G1300" s="4" t="s">
        <v>6885</v>
      </c>
      <c r="I1300" s="4" t="s">
        <v>6886</v>
      </c>
      <c r="K1300" s="4" t="s">
        <v>6887</v>
      </c>
    </row>
    <row r="1301" spans="1:11" ht="72" x14ac:dyDescent="0.3">
      <c r="A1301" s="1">
        <v>9691</v>
      </c>
      <c r="C1301" s="4" t="s">
        <v>6888</v>
      </c>
      <c r="D1301" s="4" t="s">
        <v>6889</v>
      </c>
      <c r="E1301" s="4" t="s">
        <v>6890</v>
      </c>
      <c r="F1301" s="4" t="s">
        <v>6891</v>
      </c>
      <c r="G1301" s="4" t="s">
        <v>6892</v>
      </c>
      <c r="H1301" s="4" t="s">
        <v>6893</v>
      </c>
      <c r="I1301" s="4" t="s">
        <v>6894</v>
      </c>
      <c r="K1301" s="4" t="s">
        <v>6895</v>
      </c>
    </row>
    <row r="1302" spans="1:11" ht="72" x14ac:dyDescent="0.3">
      <c r="A1302" s="1">
        <v>9696</v>
      </c>
      <c r="C1302" s="4" t="s">
        <v>6896</v>
      </c>
      <c r="D1302" s="4" t="s">
        <v>6897</v>
      </c>
      <c r="E1302" s="4" t="s">
        <v>6898</v>
      </c>
    </row>
    <row r="1303" spans="1:11" ht="86.4" x14ac:dyDescent="0.3">
      <c r="A1303" s="1">
        <v>9716</v>
      </c>
      <c r="C1303" s="4" t="s">
        <v>6899</v>
      </c>
      <c r="D1303" s="4" t="s">
        <v>6900</v>
      </c>
      <c r="E1303" s="4" t="s">
        <v>6901</v>
      </c>
      <c r="F1303" s="4" t="s">
        <v>6902</v>
      </c>
      <c r="G1303" s="4" t="s">
        <v>6903</v>
      </c>
      <c r="H1303" s="4" t="s">
        <v>6904</v>
      </c>
      <c r="I1303" s="4" t="s">
        <v>6905</v>
      </c>
      <c r="J1303" s="4" t="s">
        <v>6906</v>
      </c>
      <c r="K1303" s="4" t="s">
        <v>6907</v>
      </c>
    </row>
    <row r="1304" spans="1:11" ht="86.4" x14ac:dyDescent="0.3">
      <c r="A1304" s="1">
        <v>9721</v>
      </c>
      <c r="C1304" s="4" t="s">
        <v>6908</v>
      </c>
      <c r="E1304" s="4" t="s">
        <v>6909</v>
      </c>
      <c r="G1304" s="4" t="s">
        <v>6910</v>
      </c>
    </row>
    <row r="1305" spans="1:11" ht="72" x14ac:dyDescent="0.3">
      <c r="A1305" s="1">
        <v>9726</v>
      </c>
      <c r="C1305" s="4" t="s">
        <v>6911</v>
      </c>
      <c r="D1305" s="4" t="s">
        <v>6912</v>
      </c>
      <c r="E1305" s="4" t="s">
        <v>6913</v>
      </c>
      <c r="F1305" s="4" t="s">
        <v>6914</v>
      </c>
      <c r="H1305" s="4" t="s">
        <v>6915</v>
      </c>
      <c r="I1305" s="4" t="s">
        <v>6916</v>
      </c>
      <c r="J1305" s="4" t="s">
        <v>6917</v>
      </c>
    </row>
    <row r="1306" spans="1:11" ht="57.6" x14ac:dyDescent="0.3">
      <c r="A1306" s="1">
        <v>9731</v>
      </c>
      <c r="C1306" s="4" t="s">
        <v>6918</v>
      </c>
      <c r="D1306" s="4" t="s">
        <v>6919</v>
      </c>
      <c r="H1306" s="4" t="s">
        <v>6920</v>
      </c>
      <c r="K1306" s="4" t="s">
        <v>6921</v>
      </c>
    </row>
    <row r="1307" spans="1:11" ht="86.4" x14ac:dyDescent="0.3">
      <c r="A1307" s="1">
        <v>9741</v>
      </c>
      <c r="C1307" s="4" t="s">
        <v>6922</v>
      </c>
      <c r="D1307" s="4" t="s">
        <v>6923</v>
      </c>
      <c r="E1307" s="4" t="s">
        <v>6924</v>
      </c>
      <c r="F1307" s="4" t="s">
        <v>6925</v>
      </c>
      <c r="G1307" s="4" t="s">
        <v>6926</v>
      </c>
      <c r="H1307" s="4" t="s">
        <v>6927</v>
      </c>
      <c r="K1307" s="4" t="s">
        <v>6928</v>
      </c>
    </row>
    <row r="1308" spans="1:11" ht="72" x14ac:dyDescent="0.3">
      <c r="A1308" s="1">
        <v>9746</v>
      </c>
      <c r="C1308" s="4" t="s">
        <v>6929</v>
      </c>
      <c r="G1308" s="4" t="s">
        <v>6930</v>
      </c>
      <c r="H1308" s="4" t="s">
        <v>6931</v>
      </c>
      <c r="I1308" s="4" t="s">
        <v>6932</v>
      </c>
      <c r="J1308" s="4" t="s">
        <v>6933</v>
      </c>
    </row>
    <row r="1309" spans="1:11" ht="86.4" x14ac:dyDescent="0.3">
      <c r="A1309" s="1">
        <v>9756</v>
      </c>
      <c r="C1309" s="4" t="s">
        <v>6934</v>
      </c>
      <c r="D1309" s="4" t="s">
        <v>6935</v>
      </c>
      <c r="G1309" s="4" t="s">
        <v>6936</v>
      </c>
      <c r="H1309" s="4" t="s">
        <v>6937</v>
      </c>
    </row>
    <row r="1310" spans="1:11" ht="72" x14ac:dyDescent="0.3">
      <c r="A1310" s="1">
        <v>9761</v>
      </c>
      <c r="C1310" s="4" t="s">
        <v>6938</v>
      </c>
      <c r="D1310" s="4" t="s">
        <v>6939</v>
      </c>
      <c r="E1310" s="4" t="s">
        <v>6940</v>
      </c>
      <c r="F1310" s="4" t="s">
        <v>6941</v>
      </c>
      <c r="G1310" s="4" t="s">
        <v>6942</v>
      </c>
      <c r="H1310" s="4" t="s">
        <v>6943</v>
      </c>
      <c r="I1310" s="4" t="s">
        <v>6944</v>
      </c>
    </row>
    <row r="1311" spans="1:11" ht="86.4" x14ac:dyDescent="0.3">
      <c r="A1311" s="1">
        <v>9766</v>
      </c>
      <c r="C1311" s="4" t="s">
        <v>6945</v>
      </c>
      <c r="E1311" s="4" t="s">
        <v>6946</v>
      </c>
      <c r="F1311" s="4" t="s">
        <v>6947</v>
      </c>
      <c r="G1311" s="4" t="s">
        <v>6948</v>
      </c>
      <c r="H1311" s="4" t="s">
        <v>6949</v>
      </c>
      <c r="I1311" s="4" t="s">
        <v>6950</v>
      </c>
      <c r="K1311" s="4" t="s">
        <v>6951</v>
      </c>
    </row>
    <row r="1312" spans="1:11" ht="72" x14ac:dyDescent="0.3">
      <c r="A1312" s="1">
        <v>9781</v>
      </c>
      <c r="D1312" s="4" t="s">
        <v>6952</v>
      </c>
      <c r="G1312" s="4" t="s">
        <v>6953</v>
      </c>
      <c r="H1312" s="4" t="s">
        <v>6954</v>
      </c>
    </row>
    <row r="1313" spans="1:11" ht="72" x14ac:dyDescent="0.3">
      <c r="A1313" s="1">
        <v>9796</v>
      </c>
      <c r="C1313" s="4" t="s">
        <v>6955</v>
      </c>
      <c r="D1313" s="4" t="s">
        <v>6956</v>
      </c>
      <c r="E1313" s="4" t="s">
        <v>6957</v>
      </c>
      <c r="F1313" s="4" t="s">
        <v>6958</v>
      </c>
      <c r="G1313" s="4" t="s">
        <v>6959</v>
      </c>
      <c r="H1313" s="4" t="s">
        <v>6960</v>
      </c>
      <c r="I1313" s="4" t="s">
        <v>6961</v>
      </c>
      <c r="K1313" s="4" t="s">
        <v>6962</v>
      </c>
    </row>
    <row r="1314" spans="1:11" ht="86.4" x14ac:dyDescent="0.3">
      <c r="A1314" s="1">
        <v>9801</v>
      </c>
      <c r="E1314" s="4" t="s">
        <v>6963</v>
      </c>
      <c r="F1314" s="4" t="s">
        <v>6964</v>
      </c>
      <c r="G1314" s="4" t="s">
        <v>6965</v>
      </c>
      <c r="H1314" s="4" t="s">
        <v>6966</v>
      </c>
      <c r="I1314" s="4" t="s">
        <v>6967</v>
      </c>
      <c r="J1314" s="4" t="s">
        <v>6968</v>
      </c>
      <c r="K1314" s="4" t="s">
        <v>6969</v>
      </c>
    </row>
    <row r="1315" spans="1:11" ht="86.4" x14ac:dyDescent="0.3">
      <c r="A1315" s="1">
        <v>9806</v>
      </c>
      <c r="C1315" s="4" t="s">
        <v>6970</v>
      </c>
      <c r="D1315" s="4" t="s">
        <v>6971</v>
      </c>
      <c r="E1315" s="4" t="s">
        <v>6972</v>
      </c>
      <c r="F1315" s="4" t="s">
        <v>6973</v>
      </c>
      <c r="G1315" s="4" t="s">
        <v>23192</v>
      </c>
      <c r="H1315" s="4" t="s">
        <v>6974</v>
      </c>
      <c r="I1315" s="4" t="s">
        <v>6975</v>
      </c>
      <c r="J1315" s="4" t="s">
        <v>6976</v>
      </c>
      <c r="K1315" s="4" t="s">
        <v>6977</v>
      </c>
    </row>
    <row r="1316" spans="1:11" ht="100.8" x14ac:dyDescent="0.3">
      <c r="A1316" s="1">
        <v>9811</v>
      </c>
      <c r="C1316" s="4" t="s">
        <v>6978</v>
      </c>
      <c r="D1316" s="4" t="s">
        <v>6979</v>
      </c>
      <c r="E1316" s="4" t="s">
        <v>6980</v>
      </c>
      <c r="F1316" s="4" t="s">
        <v>6981</v>
      </c>
      <c r="G1316" s="4" t="s">
        <v>6982</v>
      </c>
      <c r="H1316" s="4" t="s">
        <v>6983</v>
      </c>
      <c r="I1316" s="4" t="s">
        <v>6984</v>
      </c>
      <c r="J1316" s="4" t="s">
        <v>6985</v>
      </c>
      <c r="K1316" s="4" t="s">
        <v>6986</v>
      </c>
    </row>
    <row r="1317" spans="1:11" ht="72" x14ac:dyDescent="0.3">
      <c r="A1317" s="1">
        <v>9831</v>
      </c>
      <c r="C1317" s="4" t="s">
        <v>6987</v>
      </c>
      <c r="D1317" s="4" t="s">
        <v>6988</v>
      </c>
      <c r="E1317" s="4" t="s">
        <v>6989</v>
      </c>
      <c r="F1317" s="4" t="s">
        <v>6990</v>
      </c>
      <c r="G1317" s="4" t="e">
        <v>#NAME?</v>
      </c>
      <c r="H1317" s="4" t="s">
        <v>6991</v>
      </c>
      <c r="I1317" s="4" t="s">
        <v>6992</v>
      </c>
      <c r="J1317" s="4" t="s">
        <v>6993</v>
      </c>
      <c r="K1317" s="4" t="s">
        <v>6994</v>
      </c>
    </row>
    <row r="1318" spans="1:11" ht="86.4" x14ac:dyDescent="0.3">
      <c r="A1318" s="1">
        <v>9836</v>
      </c>
      <c r="C1318" s="4" t="s">
        <v>6995</v>
      </c>
      <c r="D1318" s="4" t="s">
        <v>6996</v>
      </c>
      <c r="E1318" s="4" t="s">
        <v>6997</v>
      </c>
      <c r="F1318" s="4" t="s">
        <v>6998</v>
      </c>
      <c r="G1318" s="4" t="s">
        <v>6999</v>
      </c>
      <c r="H1318" s="4" t="s">
        <v>7000</v>
      </c>
      <c r="I1318" s="4" t="s">
        <v>7001</v>
      </c>
      <c r="K1318" s="4" t="s">
        <v>7002</v>
      </c>
    </row>
    <row r="1319" spans="1:11" ht="86.4" x14ac:dyDescent="0.3">
      <c r="A1319" s="1">
        <v>9846</v>
      </c>
      <c r="C1319" s="4" t="s">
        <v>7003</v>
      </c>
      <c r="D1319" s="4" t="s">
        <v>7004</v>
      </c>
      <c r="G1319" s="4" t="s">
        <v>7005</v>
      </c>
      <c r="H1319" s="4" t="s">
        <v>7006</v>
      </c>
      <c r="K1319" s="4" t="s">
        <v>7007</v>
      </c>
    </row>
    <row r="1320" spans="1:11" ht="72" x14ac:dyDescent="0.3">
      <c r="A1320" s="1">
        <v>9851</v>
      </c>
      <c r="C1320" s="4" t="s">
        <v>7008</v>
      </c>
      <c r="D1320" s="4" t="s">
        <v>7009</v>
      </c>
      <c r="E1320" s="4" t="s">
        <v>7010</v>
      </c>
      <c r="F1320" s="4" t="s">
        <v>7011</v>
      </c>
      <c r="G1320" s="4" t="s">
        <v>7012</v>
      </c>
      <c r="H1320" s="4" t="s">
        <v>7012</v>
      </c>
      <c r="J1320" s="4" t="s">
        <v>7013</v>
      </c>
      <c r="K1320" s="4" t="s">
        <v>7014</v>
      </c>
    </row>
    <row r="1321" spans="1:11" ht="43.2" x14ac:dyDescent="0.3">
      <c r="A1321" s="1">
        <v>9856</v>
      </c>
      <c r="C1321" s="4" t="s">
        <v>7015</v>
      </c>
      <c r="D1321" s="4" t="s">
        <v>7016</v>
      </c>
      <c r="E1321" s="4" t="s">
        <v>7017</v>
      </c>
      <c r="F1321" s="4" t="s">
        <v>7018</v>
      </c>
      <c r="G1321" s="4" t="s">
        <v>7019</v>
      </c>
      <c r="H1321" s="4" t="s">
        <v>7020</v>
      </c>
      <c r="K1321" s="4" t="s">
        <v>7021</v>
      </c>
    </row>
    <row r="1322" spans="1:11" ht="72" x14ac:dyDescent="0.3">
      <c r="A1322" s="1">
        <v>9866</v>
      </c>
      <c r="C1322" s="4" t="s">
        <v>7022</v>
      </c>
      <c r="D1322" s="4" t="s">
        <v>7023</v>
      </c>
      <c r="E1322" s="4" t="s">
        <v>7024</v>
      </c>
      <c r="F1322" s="4" t="s">
        <v>7025</v>
      </c>
      <c r="K1322" s="4" t="s">
        <v>7026</v>
      </c>
    </row>
    <row r="1323" spans="1:11" ht="86.4" x14ac:dyDescent="0.3">
      <c r="A1323" s="1">
        <v>9871</v>
      </c>
      <c r="C1323" s="4" t="s">
        <v>7027</v>
      </c>
      <c r="D1323" s="4" t="s">
        <v>7028</v>
      </c>
      <c r="E1323" s="4" t="s">
        <v>7029</v>
      </c>
      <c r="F1323" s="4" t="s">
        <v>7030</v>
      </c>
      <c r="G1323" s="4" t="s">
        <v>7031</v>
      </c>
      <c r="I1323" s="4" t="s">
        <v>7032</v>
      </c>
      <c r="K1323" s="4" t="s">
        <v>7033</v>
      </c>
    </row>
    <row r="1324" spans="1:11" ht="43.2" x14ac:dyDescent="0.3">
      <c r="A1324" s="1">
        <v>9881</v>
      </c>
      <c r="C1324" s="4" t="s">
        <v>7034</v>
      </c>
      <c r="D1324" s="4" t="s">
        <v>7035</v>
      </c>
      <c r="E1324" s="4" t="s">
        <v>1724</v>
      </c>
      <c r="F1324" s="4" t="s">
        <v>7036</v>
      </c>
      <c r="G1324" s="4" t="s">
        <v>7037</v>
      </c>
      <c r="H1324" s="4" t="s">
        <v>7038</v>
      </c>
      <c r="I1324" s="4" t="s">
        <v>7039</v>
      </c>
      <c r="J1324" s="4" t="s">
        <v>7040</v>
      </c>
    </row>
    <row r="1325" spans="1:11" x14ac:dyDescent="0.3">
      <c r="A1325" s="1">
        <v>9891</v>
      </c>
    </row>
    <row r="1326" spans="1:11" ht="72" x14ac:dyDescent="0.3">
      <c r="A1326" s="1">
        <v>9906</v>
      </c>
      <c r="D1326" s="4" t="s">
        <v>7041</v>
      </c>
      <c r="E1326" s="4" t="s">
        <v>7042</v>
      </c>
    </row>
    <row r="1327" spans="1:11" ht="57.6" x14ac:dyDescent="0.3">
      <c r="A1327" s="1">
        <v>9916</v>
      </c>
      <c r="C1327" s="4" t="s">
        <v>7043</v>
      </c>
      <c r="D1327" s="4" t="s">
        <v>7044</v>
      </c>
      <c r="E1327" s="4" t="s">
        <v>7045</v>
      </c>
      <c r="I1327" s="4" t="s">
        <v>7046</v>
      </c>
      <c r="K1327" s="4" t="s">
        <v>7047</v>
      </c>
    </row>
    <row r="1328" spans="1:11" x14ac:dyDescent="0.3">
      <c r="A1328" s="1">
        <v>9926</v>
      </c>
    </row>
    <row r="1329" spans="1:11" ht="72" x14ac:dyDescent="0.3">
      <c r="A1329" s="1">
        <v>9936</v>
      </c>
      <c r="C1329" s="4" t="s">
        <v>7048</v>
      </c>
      <c r="G1329" s="4" t="s">
        <v>7049</v>
      </c>
      <c r="K1329" s="4" t="s">
        <v>7050</v>
      </c>
    </row>
    <row r="1330" spans="1:11" ht="43.2" x14ac:dyDescent="0.3">
      <c r="A1330" s="1">
        <v>9951</v>
      </c>
      <c r="C1330" s="4" t="s">
        <v>7051</v>
      </c>
      <c r="E1330" s="4" t="s">
        <v>7052</v>
      </c>
      <c r="F1330" s="4" t="s">
        <v>7053</v>
      </c>
    </row>
    <row r="1331" spans="1:11" ht="43.2" x14ac:dyDescent="0.3">
      <c r="A1331" s="1">
        <v>9956</v>
      </c>
      <c r="D1331" s="4" t="s">
        <v>7054</v>
      </c>
      <c r="F1331" s="4" t="s">
        <v>7055</v>
      </c>
    </row>
    <row r="1332" spans="1:11" ht="72" x14ac:dyDescent="0.3">
      <c r="A1332" s="1">
        <v>9971</v>
      </c>
      <c r="C1332" s="4" t="s">
        <v>7056</v>
      </c>
      <c r="D1332" s="4" t="s">
        <v>7057</v>
      </c>
      <c r="E1332" s="4" t="s">
        <v>7058</v>
      </c>
      <c r="F1332" s="4" t="s">
        <v>7059</v>
      </c>
      <c r="G1332" s="4" t="s">
        <v>7060</v>
      </c>
      <c r="H1332" s="4" t="s">
        <v>7061</v>
      </c>
      <c r="I1332" s="4" t="s">
        <v>7062</v>
      </c>
      <c r="K1332" s="4" t="s">
        <v>7063</v>
      </c>
    </row>
    <row r="1333" spans="1:11" ht="86.4" x14ac:dyDescent="0.3">
      <c r="A1333" s="1">
        <v>9976</v>
      </c>
      <c r="C1333" s="4" t="s">
        <v>7064</v>
      </c>
      <c r="D1333" s="4" t="s">
        <v>7065</v>
      </c>
      <c r="E1333" s="4" t="s">
        <v>7066</v>
      </c>
      <c r="F1333" s="4" t="s">
        <v>7067</v>
      </c>
      <c r="G1333" s="4" t="s">
        <v>7068</v>
      </c>
      <c r="H1333" s="4" t="s">
        <v>7069</v>
      </c>
      <c r="I1333" s="4" t="s">
        <v>7070</v>
      </c>
      <c r="K1333" s="4" t="s">
        <v>7071</v>
      </c>
    </row>
    <row r="1334" spans="1:11" x14ac:dyDescent="0.3">
      <c r="A1334" s="1">
        <v>9981</v>
      </c>
    </row>
    <row r="1335" spans="1:11" ht="43.2" x14ac:dyDescent="0.3">
      <c r="A1335" s="1">
        <v>9996</v>
      </c>
      <c r="C1335" s="4" t="s">
        <v>7072</v>
      </c>
      <c r="D1335" s="4" t="s">
        <v>7073</v>
      </c>
      <c r="E1335" s="4" t="s">
        <v>7074</v>
      </c>
      <c r="F1335" s="4" t="s">
        <v>7075</v>
      </c>
      <c r="G1335" s="4" t="s">
        <v>7076</v>
      </c>
      <c r="H1335" s="4" t="s">
        <v>7077</v>
      </c>
      <c r="I1335" s="4" t="s">
        <v>7078</v>
      </c>
      <c r="K1335" s="4" t="s">
        <v>7079</v>
      </c>
    </row>
    <row r="1336" spans="1:11" ht="100.8" x14ac:dyDescent="0.3">
      <c r="A1336" s="1">
        <v>10001</v>
      </c>
      <c r="C1336" s="4" t="s">
        <v>7080</v>
      </c>
      <c r="D1336" s="4" t="s">
        <v>7081</v>
      </c>
      <c r="E1336" s="4" t="s">
        <v>7082</v>
      </c>
      <c r="F1336" s="4" t="s">
        <v>7083</v>
      </c>
      <c r="G1336" s="4" t="s">
        <v>7084</v>
      </c>
      <c r="H1336" s="4" t="s">
        <v>7085</v>
      </c>
      <c r="I1336" s="4" t="s">
        <v>7086</v>
      </c>
      <c r="J1336" s="4" t="s">
        <v>7087</v>
      </c>
      <c r="K1336" s="4" t="s">
        <v>7088</v>
      </c>
    </row>
    <row r="1337" spans="1:11" ht="28.8" x14ac:dyDescent="0.3">
      <c r="A1337" s="1">
        <v>10011</v>
      </c>
      <c r="F1337" s="4" t="s">
        <v>7089</v>
      </c>
      <c r="G1337" s="4" t="s">
        <v>7089</v>
      </c>
      <c r="H1337" s="4" t="s">
        <v>7089</v>
      </c>
      <c r="I1337" s="4" t="s">
        <v>7089</v>
      </c>
      <c r="K1337" s="4" t="s">
        <v>7089</v>
      </c>
    </row>
    <row r="1338" spans="1:11" ht="57.6" x14ac:dyDescent="0.3">
      <c r="A1338" s="1">
        <v>10031</v>
      </c>
      <c r="D1338" s="4" t="s">
        <v>7090</v>
      </c>
      <c r="E1338" s="4" t="s">
        <v>7091</v>
      </c>
      <c r="F1338" s="4" t="s">
        <v>7092</v>
      </c>
      <c r="H1338" s="4" t="s">
        <v>7093</v>
      </c>
      <c r="I1338" s="4" t="s">
        <v>7094</v>
      </c>
      <c r="K1338" s="4" t="s">
        <v>7095</v>
      </c>
    </row>
    <row r="1339" spans="1:11" ht="57.6" x14ac:dyDescent="0.3">
      <c r="A1339" s="1">
        <v>10036</v>
      </c>
      <c r="C1339" s="4" t="s">
        <v>7096</v>
      </c>
      <c r="D1339" s="4" t="s">
        <v>7097</v>
      </c>
      <c r="E1339" s="4" t="s">
        <v>7098</v>
      </c>
      <c r="F1339" s="4" t="s">
        <v>7099</v>
      </c>
      <c r="G1339" s="4" t="s">
        <v>7100</v>
      </c>
      <c r="H1339" s="4" t="s">
        <v>7101</v>
      </c>
      <c r="I1339" s="4" t="s">
        <v>7102</v>
      </c>
      <c r="K1339" s="4" t="s">
        <v>7103</v>
      </c>
    </row>
    <row r="1340" spans="1:11" ht="72" x14ac:dyDescent="0.3">
      <c r="A1340" s="1">
        <v>10041</v>
      </c>
      <c r="C1340" s="4" t="s">
        <v>7104</v>
      </c>
      <c r="D1340" s="4" t="s">
        <v>7105</v>
      </c>
      <c r="E1340" s="4" t="s">
        <v>7106</v>
      </c>
      <c r="F1340" s="4" t="s">
        <v>7107</v>
      </c>
      <c r="G1340" s="4" t="s">
        <v>7108</v>
      </c>
      <c r="H1340" s="4" t="s">
        <v>7109</v>
      </c>
      <c r="K1340" s="4" t="s">
        <v>7110</v>
      </c>
    </row>
    <row r="1341" spans="1:11" ht="57.6" x14ac:dyDescent="0.3">
      <c r="A1341" s="1">
        <v>10046</v>
      </c>
      <c r="G1341" s="4" t="s">
        <v>7111</v>
      </c>
      <c r="H1341" s="4" t="s">
        <v>7112</v>
      </c>
    </row>
    <row r="1342" spans="1:11" ht="57.6" x14ac:dyDescent="0.3">
      <c r="A1342" s="1">
        <v>10051</v>
      </c>
      <c r="C1342" s="4" t="s">
        <v>7113</v>
      </c>
      <c r="D1342" s="4" t="s">
        <v>7114</v>
      </c>
      <c r="E1342" s="4" t="s">
        <v>7115</v>
      </c>
      <c r="F1342" s="4" t="s">
        <v>7116</v>
      </c>
      <c r="G1342" s="4" t="s">
        <v>7117</v>
      </c>
      <c r="H1342" s="4" t="s">
        <v>7118</v>
      </c>
    </row>
    <row r="1343" spans="1:11" ht="86.4" x14ac:dyDescent="0.3">
      <c r="A1343" s="1">
        <v>10056</v>
      </c>
      <c r="C1343" s="4" t="s">
        <v>7119</v>
      </c>
      <c r="D1343" s="4" t="s">
        <v>7120</v>
      </c>
      <c r="E1343" s="4" t="s">
        <v>7121</v>
      </c>
      <c r="F1343" s="4" t="s">
        <v>7122</v>
      </c>
      <c r="G1343" s="4" t="s">
        <v>7123</v>
      </c>
      <c r="H1343" s="4" t="s">
        <v>7124</v>
      </c>
      <c r="I1343" s="4" t="s">
        <v>7125</v>
      </c>
    </row>
    <row r="1344" spans="1:11" ht="72" x14ac:dyDescent="0.3">
      <c r="A1344" s="1">
        <v>10061</v>
      </c>
      <c r="B1344" s="1" t="s">
        <v>7126</v>
      </c>
      <c r="C1344" s="4" t="s">
        <v>7127</v>
      </c>
      <c r="D1344" s="4" t="s">
        <v>7128</v>
      </c>
      <c r="E1344" s="4" t="s">
        <v>7129</v>
      </c>
      <c r="G1344" s="4" t="s">
        <v>7130</v>
      </c>
      <c r="H1344" s="4" t="s">
        <v>7130</v>
      </c>
      <c r="K1344" s="4" t="s">
        <v>7131</v>
      </c>
    </row>
    <row r="1345" spans="1:11" ht="72" x14ac:dyDescent="0.3">
      <c r="A1345" s="1">
        <v>10066</v>
      </c>
      <c r="C1345" s="4" t="s">
        <v>7132</v>
      </c>
      <c r="D1345" s="4" t="s">
        <v>7133</v>
      </c>
      <c r="E1345" s="4" t="s">
        <v>7134</v>
      </c>
      <c r="F1345" s="4" t="s">
        <v>7135</v>
      </c>
      <c r="G1345" s="4" t="s">
        <v>7136</v>
      </c>
      <c r="H1345" s="4" t="s">
        <v>7137</v>
      </c>
    </row>
    <row r="1346" spans="1:11" ht="86.4" x14ac:dyDescent="0.3">
      <c r="A1346" s="1">
        <v>10076</v>
      </c>
      <c r="D1346" s="4" t="s">
        <v>7138</v>
      </c>
      <c r="E1346" s="4" t="s">
        <v>7139</v>
      </c>
      <c r="G1346" s="4" t="s">
        <v>7140</v>
      </c>
      <c r="H1346" s="4" t="s">
        <v>7141</v>
      </c>
      <c r="K1346" s="4" t="s">
        <v>7138</v>
      </c>
    </row>
    <row r="1347" spans="1:11" ht="86.4" x14ac:dyDescent="0.3">
      <c r="A1347" s="1">
        <v>10081</v>
      </c>
      <c r="C1347" s="4" t="s">
        <v>7142</v>
      </c>
      <c r="D1347" s="4" t="s">
        <v>7143</v>
      </c>
      <c r="E1347" s="4" t="s">
        <v>7144</v>
      </c>
      <c r="F1347" s="4" t="s">
        <v>7145</v>
      </c>
      <c r="G1347" s="4" t="s">
        <v>7146</v>
      </c>
      <c r="H1347" s="4" t="s">
        <v>7147</v>
      </c>
      <c r="I1347" s="4" t="s">
        <v>7148</v>
      </c>
      <c r="J1347" s="4" t="s">
        <v>7149</v>
      </c>
      <c r="K1347" s="4" t="s">
        <v>7150</v>
      </c>
    </row>
    <row r="1348" spans="1:11" ht="86.4" x14ac:dyDescent="0.3">
      <c r="A1348" s="1">
        <v>10091</v>
      </c>
      <c r="C1348" s="4" t="s">
        <v>7151</v>
      </c>
      <c r="D1348" s="4" t="s">
        <v>7151</v>
      </c>
      <c r="E1348" s="4" t="s">
        <v>7151</v>
      </c>
      <c r="F1348" s="4" t="s">
        <v>7151</v>
      </c>
      <c r="G1348" s="4" t="s">
        <v>7151</v>
      </c>
      <c r="H1348" s="4" t="s">
        <v>7151</v>
      </c>
      <c r="I1348" s="4" t="s">
        <v>7151</v>
      </c>
      <c r="K1348" s="4" t="s">
        <v>7152</v>
      </c>
    </row>
    <row r="1349" spans="1:11" ht="86.4" x14ac:dyDescent="0.3">
      <c r="A1349" s="1">
        <v>10096</v>
      </c>
      <c r="C1349" s="4" t="s">
        <v>7153</v>
      </c>
      <c r="D1349" s="4" t="s">
        <v>7154</v>
      </c>
      <c r="E1349" s="4" t="s">
        <v>7155</v>
      </c>
      <c r="F1349" s="4" t="s">
        <v>7156</v>
      </c>
      <c r="G1349" s="4" t="s">
        <v>7157</v>
      </c>
      <c r="H1349" s="4" t="s">
        <v>7158</v>
      </c>
      <c r="I1349" s="4" t="s">
        <v>7159</v>
      </c>
      <c r="K1349" s="4" t="s">
        <v>7160</v>
      </c>
    </row>
    <row r="1350" spans="1:11" ht="86.4" x14ac:dyDescent="0.3">
      <c r="A1350" s="1">
        <v>10106</v>
      </c>
      <c r="C1350" s="4" t="s">
        <v>7161</v>
      </c>
      <c r="D1350" s="4" t="s">
        <v>7162</v>
      </c>
      <c r="E1350" s="4" t="s">
        <v>7162</v>
      </c>
      <c r="F1350" s="4" t="s">
        <v>7163</v>
      </c>
      <c r="G1350" s="4" t="s">
        <v>7164</v>
      </c>
      <c r="H1350" s="4" t="s">
        <v>7165</v>
      </c>
      <c r="I1350" s="4" t="s">
        <v>7166</v>
      </c>
      <c r="K1350" s="4" t="s">
        <v>7167</v>
      </c>
    </row>
    <row r="1351" spans="1:11" ht="43.2" x14ac:dyDescent="0.3">
      <c r="A1351" s="1">
        <v>10111</v>
      </c>
      <c r="C1351" s="4" t="s">
        <v>7168</v>
      </c>
      <c r="E1351" s="4" t="s">
        <v>7169</v>
      </c>
      <c r="F1351" s="4" t="s">
        <v>7170</v>
      </c>
      <c r="K1351" s="4" t="s">
        <v>7171</v>
      </c>
    </row>
    <row r="1352" spans="1:11" x14ac:dyDescent="0.3">
      <c r="A1352" s="1">
        <v>10116</v>
      </c>
    </row>
    <row r="1353" spans="1:11" ht="86.4" x14ac:dyDescent="0.3">
      <c r="A1353" s="1">
        <v>10121</v>
      </c>
      <c r="C1353" s="4" t="s">
        <v>7172</v>
      </c>
      <c r="D1353" s="4" t="s">
        <v>7173</v>
      </c>
      <c r="E1353" s="4" t="s">
        <v>7174</v>
      </c>
      <c r="I1353" s="4" t="s">
        <v>7175</v>
      </c>
      <c r="K1353" s="4" t="s">
        <v>7176</v>
      </c>
    </row>
    <row r="1354" spans="1:11" x14ac:dyDescent="0.3">
      <c r="A1354" s="1">
        <v>10126</v>
      </c>
    </row>
    <row r="1355" spans="1:11" ht="72" x14ac:dyDescent="0.3">
      <c r="A1355" s="1">
        <v>10131</v>
      </c>
      <c r="C1355" s="4" t="s">
        <v>7177</v>
      </c>
      <c r="D1355" s="4" t="s">
        <v>7178</v>
      </c>
      <c r="E1355" s="4" t="s">
        <v>7179</v>
      </c>
      <c r="F1355" s="4" t="s">
        <v>7180</v>
      </c>
      <c r="G1355" s="4" t="s">
        <v>7181</v>
      </c>
      <c r="H1355" s="4" t="s">
        <v>7182</v>
      </c>
      <c r="I1355" s="4" t="s">
        <v>7183</v>
      </c>
      <c r="K1355" s="4" t="s">
        <v>7184</v>
      </c>
    </row>
    <row r="1356" spans="1:11" ht="57.6" x14ac:dyDescent="0.3">
      <c r="A1356" s="1">
        <v>10141</v>
      </c>
      <c r="C1356" s="4" t="s">
        <v>7185</v>
      </c>
    </row>
    <row r="1357" spans="1:11" ht="86.4" x14ac:dyDescent="0.3">
      <c r="A1357" s="1">
        <v>10146</v>
      </c>
      <c r="D1357" s="4" t="s">
        <v>7186</v>
      </c>
      <c r="E1357" s="4" t="s">
        <v>7187</v>
      </c>
      <c r="F1357" s="4" t="s">
        <v>7188</v>
      </c>
      <c r="G1357" s="4" t="s">
        <v>7189</v>
      </c>
      <c r="H1357" s="4" t="s">
        <v>7190</v>
      </c>
      <c r="I1357" s="4" t="s">
        <v>7191</v>
      </c>
      <c r="J1357" s="4" t="s">
        <v>7192</v>
      </c>
      <c r="K1357" s="4" t="s">
        <v>7193</v>
      </c>
    </row>
    <row r="1358" spans="1:11" ht="86.4" x14ac:dyDescent="0.3">
      <c r="A1358" s="1">
        <v>10151</v>
      </c>
      <c r="C1358" s="4" t="s">
        <v>7194</v>
      </c>
      <c r="D1358" s="4" t="s">
        <v>7195</v>
      </c>
      <c r="G1358" s="4" t="s">
        <v>7196</v>
      </c>
      <c r="H1358" s="4" t="s">
        <v>7197</v>
      </c>
      <c r="I1358" s="4" t="s">
        <v>7198</v>
      </c>
      <c r="K1358" s="4" t="s">
        <v>7199</v>
      </c>
    </row>
    <row r="1359" spans="1:11" ht="86.4" x14ac:dyDescent="0.3">
      <c r="A1359" s="1">
        <v>10161</v>
      </c>
      <c r="C1359" s="4" t="s">
        <v>7200</v>
      </c>
      <c r="D1359" s="4" t="s">
        <v>7201</v>
      </c>
      <c r="F1359" s="4" t="s">
        <v>7202</v>
      </c>
      <c r="H1359" s="4" t="s">
        <v>7203</v>
      </c>
      <c r="K1359" s="4" t="s">
        <v>7204</v>
      </c>
    </row>
    <row r="1360" spans="1:11" x14ac:dyDescent="0.3">
      <c r="A1360" s="1">
        <v>10166</v>
      </c>
      <c r="C1360" s="4" t="s">
        <v>7205</v>
      </c>
      <c r="E1360" s="4" t="s">
        <v>7206</v>
      </c>
    </row>
    <row r="1361" spans="1:11" ht="43.2" x14ac:dyDescent="0.3">
      <c r="A1361" s="1">
        <v>10176</v>
      </c>
      <c r="G1361" s="4" t="s">
        <v>7207</v>
      </c>
      <c r="H1361" s="4" t="s">
        <v>7208</v>
      </c>
      <c r="J1361" s="4" t="s">
        <v>7209</v>
      </c>
    </row>
    <row r="1362" spans="1:11" ht="86.4" x14ac:dyDescent="0.3">
      <c r="A1362" s="1">
        <v>10181</v>
      </c>
      <c r="C1362" s="4" t="s">
        <v>7210</v>
      </c>
      <c r="D1362" s="4" t="s">
        <v>7211</v>
      </c>
      <c r="E1362" s="4" t="s">
        <v>7212</v>
      </c>
      <c r="F1362" s="4" t="s">
        <v>7213</v>
      </c>
      <c r="G1362" s="4" t="s">
        <v>7214</v>
      </c>
      <c r="H1362" s="4" t="s">
        <v>7215</v>
      </c>
      <c r="I1362" s="4" t="s">
        <v>7216</v>
      </c>
      <c r="K1362" s="4" t="s">
        <v>7217</v>
      </c>
    </row>
    <row r="1363" spans="1:11" ht="57.6" x14ac:dyDescent="0.3">
      <c r="A1363" s="1">
        <v>10186</v>
      </c>
      <c r="K1363" s="4" t="s">
        <v>7218</v>
      </c>
    </row>
    <row r="1364" spans="1:11" ht="72" x14ac:dyDescent="0.3">
      <c r="A1364" s="1">
        <v>10191</v>
      </c>
      <c r="C1364" s="4" t="s">
        <v>7219</v>
      </c>
      <c r="E1364" s="4" t="s">
        <v>7220</v>
      </c>
      <c r="F1364" s="4" t="s">
        <v>7221</v>
      </c>
      <c r="G1364" s="4" t="s">
        <v>7222</v>
      </c>
      <c r="H1364" s="4" t="s">
        <v>7223</v>
      </c>
      <c r="I1364" s="4" t="s">
        <v>7224</v>
      </c>
    </row>
    <row r="1365" spans="1:11" ht="72" x14ac:dyDescent="0.3">
      <c r="A1365" s="1">
        <v>10196</v>
      </c>
      <c r="C1365" s="4" t="s">
        <v>7225</v>
      </c>
      <c r="D1365" s="4" t="s">
        <v>7226</v>
      </c>
      <c r="E1365" s="4" t="s">
        <v>7227</v>
      </c>
      <c r="G1365" s="4" t="s">
        <v>7228</v>
      </c>
      <c r="H1365" s="4" t="s">
        <v>7229</v>
      </c>
      <c r="I1365" s="4" t="s">
        <v>7230</v>
      </c>
    </row>
    <row r="1366" spans="1:11" ht="43.2" x14ac:dyDescent="0.3">
      <c r="A1366" s="1">
        <v>10216</v>
      </c>
      <c r="D1366" s="4" t="s">
        <v>7231</v>
      </c>
      <c r="E1366" s="4" t="s">
        <v>7232</v>
      </c>
    </row>
    <row r="1367" spans="1:11" ht="86.4" x14ac:dyDescent="0.3">
      <c r="A1367" s="1">
        <v>10226</v>
      </c>
      <c r="C1367" s="4" t="s">
        <v>7233</v>
      </c>
      <c r="D1367" s="4" t="s">
        <v>7234</v>
      </c>
      <c r="E1367" s="4" t="s">
        <v>7235</v>
      </c>
      <c r="F1367" s="4" t="s">
        <v>7236</v>
      </c>
      <c r="G1367" s="4" t="s">
        <v>7237</v>
      </c>
      <c r="H1367" s="4" t="s">
        <v>7238</v>
      </c>
      <c r="I1367" s="4" t="s">
        <v>7239</v>
      </c>
      <c r="J1367" s="4" t="s">
        <v>7240</v>
      </c>
      <c r="K1367" s="4" t="s">
        <v>7241</v>
      </c>
    </row>
    <row r="1368" spans="1:11" x14ac:dyDescent="0.3">
      <c r="A1368" s="1">
        <v>10231</v>
      </c>
    </row>
    <row r="1369" spans="1:11" ht="72" x14ac:dyDescent="0.3">
      <c r="A1369" s="1">
        <v>10236</v>
      </c>
      <c r="C1369" s="4" t="s">
        <v>7242</v>
      </c>
      <c r="D1369" s="4" t="s">
        <v>7243</v>
      </c>
      <c r="G1369" s="4" t="s">
        <v>7244</v>
      </c>
      <c r="H1369" s="4" t="s">
        <v>7245</v>
      </c>
      <c r="I1369" s="4" t="s">
        <v>4873</v>
      </c>
      <c r="K1369" s="4" t="s">
        <v>7246</v>
      </c>
    </row>
    <row r="1370" spans="1:11" ht="72" x14ac:dyDescent="0.3">
      <c r="A1370" s="1">
        <v>10246</v>
      </c>
      <c r="C1370" s="4" t="s">
        <v>7247</v>
      </c>
      <c r="D1370" s="4" t="s">
        <v>7248</v>
      </c>
      <c r="G1370" s="4" t="s">
        <v>7249</v>
      </c>
      <c r="H1370" s="4" t="s">
        <v>7250</v>
      </c>
    </row>
    <row r="1371" spans="1:11" ht="57.6" x14ac:dyDescent="0.3">
      <c r="A1371" s="1">
        <v>10251</v>
      </c>
      <c r="B1371" s="1" t="s">
        <v>7251</v>
      </c>
      <c r="C1371" s="4" t="s">
        <v>7252</v>
      </c>
      <c r="D1371" s="4" t="s">
        <v>7253</v>
      </c>
      <c r="E1371" s="4" t="s">
        <v>7254</v>
      </c>
      <c r="F1371" s="4" t="s">
        <v>7255</v>
      </c>
      <c r="G1371" s="4" t="s">
        <v>7256</v>
      </c>
      <c r="I1371" s="4" t="s">
        <v>7257</v>
      </c>
      <c r="K1371" s="4" t="s">
        <v>7258</v>
      </c>
    </row>
    <row r="1372" spans="1:11" ht="72" x14ac:dyDescent="0.3">
      <c r="A1372" s="1">
        <v>10266</v>
      </c>
      <c r="C1372" s="4" t="s">
        <v>7259</v>
      </c>
      <c r="D1372" s="4" t="s">
        <v>7260</v>
      </c>
      <c r="H1372" s="4" t="s">
        <v>7261</v>
      </c>
    </row>
    <row r="1373" spans="1:11" ht="86.4" x14ac:dyDescent="0.3">
      <c r="A1373" s="1">
        <v>10271</v>
      </c>
      <c r="C1373" s="4" t="s">
        <v>7262</v>
      </c>
      <c r="D1373" s="4" t="s">
        <v>7263</v>
      </c>
      <c r="E1373" s="4" t="s">
        <v>7264</v>
      </c>
      <c r="F1373" s="4" t="s">
        <v>7265</v>
      </c>
      <c r="G1373" s="4" t="s">
        <v>7266</v>
      </c>
      <c r="H1373" s="4" t="s">
        <v>7266</v>
      </c>
      <c r="I1373" s="4" t="s">
        <v>7267</v>
      </c>
      <c r="J1373" s="4" t="s">
        <v>7268</v>
      </c>
      <c r="K1373" s="4" t="s">
        <v>7269</v>
      </c>
    </row>
    <row r="1374" spans="1:11" ht="129.6" x14ac:dyDescent="0.3">
      <c r="A1374" s="1">
        <v>10281</v>
      </c>
      <c r="C1374" s="4" t="s">
        <v>7270</v>
      </c>
      <c r="D1374" s="4" t="s">
        <v>7271</v>
      </c>
      <c r="E1374" s="4" t="s">
        <v>7272</v>
      </c>
      <c r="F1374" s="4" t="s">
        <v>7273</v>
      </c>
      <c r="G1374" s="4" t="s">
        <v>7274</v>
      </c>
      <c r="H1374" s="4" t="s">
        <v>7275</v>
      </c>
      <c r="I1374" s="4" t="s">
        <v>7276</v>
      </c>
      <c r="K1374" s="4" t="s">
        <v>7277</v>
      </c>
    </row>
    <row r="1375" spans="1:11" ht="28.8" x14ac:dyDescent="0.3">
      <c r="A1375" s="1">
        <v>10286</v>
      </c>
      <c r="C1375" s="4" t="s">
        <v>7278</v>
      </c>
      <c r="D1375" s="4" t="s">
        <v>7279</v>
      </c>
      <c r="G1375" s="4" t="s">
        <v>7280</v>
      </c>
    </row>
    <row r="1376" spans="1:11" ht="86.4" x14ac:dyDescent="0.3">
      <c r="A1376" s="1">
        <v>10296</v>
      </c>
      <c r="C1376" s="4" t="s">
        <v>7281</v>
      </c>
      <c r="D1376" s="4" t="s">
        <v>7282</v>
      </c>
      <c r="E1376" s="4" t="s">
        <v>7283</v>
      </c>
      <c r="F1376" s="4" t="s">
        <v>7284</v>
      </c>
      <c r="G1376" s="4" t="s">
        <v>7285</v>
      </c>
      <c r="I1376" s="4" t="s">
        <v>7286</v>
      </c>
      <c r="K1376" s="4" t="s">
        <v>7287</v>
      </c>
    </row>
    <row r="1377" spans="1:11" ht="86.4" x14ac:dyDescent="0.3">
      <c r="A1377" s="1">
        <v>10301</v>
      </c>
      <c r="C1377" s="4" t="s">
        <v>7288</v>
      </c>
      <c r="D1377" s="4" t="s">
        <v>7289</v>
      </c>
      <c r="E1377" s="4" t="s">
        <v>7290</v>
      </c>
      <c r="F1377" s="4" t="s">
        <v>7291</v>
      </c>
      <c r="G1377" s="4" t="s">
        <v>7292</v>
      </c>
      <c r="H1377" s="4" t="s">
        <v>7293</v>
      </c>
      <c r="I1377" s="4" t="s">
        <v>7294</v>
      </c>
      <c r="K1377" s="4" t="s">
        <v>7295</v>
      </c>
    </row>
    <row r="1378" spans="1:11" ht="28.8" x14ac:dyDescent="0.3">
      <c r="A1378" s="1">
        <v>10316</v>
      </c>
      <c r="K1378" s="4" t="s">
        <v>7296</v>
      </c>
    </row>
    <row r="1379" spans="1:11" ht="86.4" x14ac:dyDescent="0.3">
      <c r="A1379" s="1">
        <v>10321</v>
      </c>
      <c r="C1379" s="4" t="s">
        <v>7297</v>
      </c>
      <c r="D1379" s="4" t="s">
        <v>7298</v>
      </c>
      <c r="E1379" s="4" t="s">
        <v>7299</v>
      </c>
      <c r="H1379" s="4" t="s">
        <v>7300</v>
      </c>
      <c r="I1379" s="4" t="s">
        <v>7301</v>
      </c>
    </row>
    <row r="1380" spans="1:11" ht="28.8" x14ac:dyDescent="0.3">
      <c r="A1380" s="1">
        <v>10336</v>
      </c>
      <c r="D1380" s="4" t="s">
        <v>7302</v>
      </c>
      <c r="E1380" s="4" t="s">
        <v>7303</v>
      </c>
      <c r="F1380" s="4" t="s">
        <v>7304</v>
      </c>
    </row>
    <row r="1381" spans="1:11" ht="86.4" x14ac:dyDescent="0.3">
      <c r="A1381" s="1">
        <v>10341</v>
      </c>
      <c r="D1381" s="4" t="s">
        <v>7305</v>
      </c>
      <c r="E1381" s="4" t="s">
        <v>7306</v>
      </c>
      <c r="F1381" s="4" t="s">
        <v>7307</v>
      </c>
      <c r="G1381" s="4" t="s">
        <v>7308</v>
      </c>
      <c r="H1381" s="4" t="s">
        <v>7309</v>
      </c>
      <c r="I1381" s="4" t="s">
        <v>7310</v>
      </c>
      <c r="J1381" s="4" t="s">
        <v>7311</v>
      </c>
    </row>
    <row r="1382" spans="1:11" ht="72" x14ac:dyDescent="0.3">
      <c r="A1382" s="1">
        <v>10346</v>
      </c>
      <c r="C1382" s="4" t="s">
        <v>7312</v>
      </c>
      <c r="D1382" s="4" t="s">
        <v>7313</v>
      </c>
      <c r="E1382" s="4" t="s">
        <v>7314</v>
      </c>
      <c r="F1382" s="4" t="s">
        <v>7315</v>
      </c>
      <c r="G1382" s="4" t="s">
        <v>7316</v>
      </c>
      <c r="H1382" s="4" t="s">
        <v>7317</v>
      </c>
      <c r="J1382" s="4" t="s">
        <v>7318</v>
      </c>
    </row>
    <row r="1383" spans="1:11" ht="28.8" x14ac:dyDescent="0.3">
      <c r="A1383" s="1">
        <v>10351</v>
      </c>
      <c r="C1383" s="4" t="s">
        <v>7319</v>
      </c>
      <c r="D1383" s="4" t="s">
        <v>7320</v>
      </c>
      <c r="E1383" s="4" t="s">
        <v>7321</v>
      </c>
      <c r="F1383" s="4" t="s">
        <v>7322</v>
      </c>
      <c r="G1383" s="4" t="s">
        <v>7323</v>
      </c>
      <c r="H1383" s="4" t="s">
        <v>7324</v>
      </c>
      <c r="I1383" s="4" t="s">
        <v>7325</v>
      </c>
      <c r="J1383" s="4" t="s">
        <v>7326</v>
      </c>
    </row>
    <row r="1384" spans="1:11" ht="86.4" x14ac:dyDescent="0.3">
      <c r="A1384" s="1">
        <v>10361</v>
      </c>
      <c r="C1384" s="4" t="s">
        <v>7327</v>
      </c>
      <c r="D1384" s="4" t="s">
        <v>7328</v>
      </c>
      <c r="G1384" s="4" t="s">
        <v>7329</v>
      </c>
      <c r="H1384" s="4" t="s">
        <v>7330</v>
      </c>
      <c r="I1384" s="4" t="s">
        <v>7331</v>
      </c>
      <c r="K1384" s="4" t="s">
        <v>7332</v>
      </c>
    </row>
    <row r="1385" spans="1:11" ht="86.4" x14ac:dyDescent="0.3">
      <c r="A1385" s="1">
        <v>10366</v>
      </c>
      <c r="C1385" s="4" t="s">
        <v>7333</v>
      </c>
      <c r="D1385" s="4" t="s">
        <v>7334</v>
      </c>
      <c r="E1385" s="4" t="s">
        <v>7335</v>
      </c>
    </row>
    <row r="1386" spans="1:11" x14ac:dyDescent="0.3">
      <c r="A1386" s="1">
        <v>10376</v>
      </c>
      <c r="C1386" s="4" t="s">
        <v>7336</v>
      </c>
      <c r="D1386" s="4" t="s">
        <v>7337</v>
      </c>
      <c r="E1386" s="4" t="s">
        <v>7338</v>
      </c>
      <c r="F1386" s="4" t="s">
        <v>2100</v>
      </c>
      <c r="G1386" s="4" t="s">
        <v>7339</v>
      </c>
    </row>
    <row r="1387" spans="1:11" ht="28.8" x14ac:dyDescent="0.3">
      <c r="A1387" s="1">
        <v>10381</v>
      </c>
      <c r="C1387" s="4" t="s">
        <v>7340</v>
      </c>
      <c r="D1387" s="4" t="s">
        <v>7341</v>
      </c>
      <c r="G1387" s="4" t="s">
        <v>7342</v>
      </c>
    </row>
    <row r="1388" spans="1:11" ht="72" x14ac:dyDescent="0.3">
      <c r="A1388" s="1">
        <v>10396</v>
      </c>
      <c r="C1388" s="4" t="s">
        <v>7343</v>
      </c>
      <c r="D1388" s="4" t="s">
        <v>7344</v>
      </c>
      <c r="E1388" s="4" t="s">
        <v>7345</v>
      </c>
      <c r="H1388" s="4" t="s">
        <v>7346</v>
      </c>
    </row>
    <row r="1389" spans="1:11" ht="43.2" x14ac:dyDescent="0.3">
      <c r="A1389" s="1">
        <v>10411</v>
      </c>
      <c r="C1389" s="4" t="s">
        <v>7347</v>
      </c>
      <c r="D1389" s="4" t="s">
        <v>7348</v>
      </c>
      <c r="F1389" s="4" t="s">
        <v>7349</v>
      </c>
    </row>
    <row r="1390" spans="1:11" ht="72" x14ac:dyDescent="0.3">
      <c r="A1390" s="1">
        <v>10421</v>
      </c>
      <c r="C1390" s="4" t="s">
        <v>7350</v>
      </c>
      <c r="D1390" s="4" t="s">
        <v>7351</v>
      </c>
      <c r="E1390" s="4" t="s">
        <v>7352</v>
      </c>
      <c r="F1390" s="4" t="s">
        <v>7353</v>
      </c>
      <c r="G1390" s="4" t="s">
        <v>7354</v>
      </c>
      <c r="H1390" s="4" t="s">
        <v>7355</v>
      </c>
      <c r="I1390" s="4" t="s">
        <v>7356</v>
      </c>
      <c r="K1390" s="4" t="s">
        <v>7357</v>
      </c>
    </row>
    <row r="1391" spans="1:11" ht="72" x14ac:dyDescent="0.3">
      <c r="A1391" s="1">
        <v>10426</v>
      </c>
      <c r="D1391" s="4" t="s">
        <v>7358</v>
      </c>
      <c r="E1391" s="4" t="s">
        <v>7359</v>
      </c>
      <c r="F1391" s="4" t="s">
        <v>7360</v>
      </c>
      <c r="G1391" s="4" t="s">
        <v>7361</v>
      </c>
      <c r="H1391" s="4" t="s">
        <v>7362</v>
      </c>
      <c r="I1391" s="4" t="s">
        <v>7363</v>
      </c>
      <c r="J1391" s="4" t="s">
        <v>7364</v>
      </c>
    </row>
    <row r="1392" spans="1:11" ht="57.6" x14ac:dyDescent="0.3">
      <c r="A1392" s="1">
        <v>10431</v>
      </c>
      <c r="D1392" s="4" t="s">
        <v>7365</v>
      </c>
      <c r="H1392" s="4" t="s">
        <v>7366</v>
      </c>
      <c r="I1392" s="4" t="s">
        <v>7367</v>
      </c>
    </row>
    <row r="1393" spans="1:11" x14ac:dyDescent="0.3">
      <c r="A1393" s="1">
        <v>10436</v>
      </c>
    </row>
    <row r="1394" spans="1:11" ht="72" x14ac:dyDescent="0.3">
      <c r="A1394" s="1">
        <v>10451</v>
      </c>
      <c r="C1394" s="4" t="s">
        <v>7368</v>
      </c>
      <c r="D1394" s="4" t="s">
        <v>7369</v>
      </c>
      <c r="G1394" s="4" t="s">
        <v>7370</v>
      </c>
      <c r="H1394" s="4" t="s">
        <v>7371</v>
      </c>
      <c r="K1394" s="4" t="s">
        <v>7372</v>
      </c>
    </row>
    <row r="1395" spans="1:11" ht="28.8" x14ac:dyDescent="0.3">
      <c r="A1395" s="1">
        <v>10456</v>
      </c>
      <c r="C1395" s="4" t="s">
        <v>7373</v>
      </c>
      <c r="D1395" s="4" t="s">
        <v>7374</v>
      </c>
      <c r="E1395" s="4" t="s">
        <v>7375</v>
      </c>
      <c r="G1395" s="4" t="s">
        <v>7376</v>
      </c>
      <c r="H1395" s="4" t="s">
        <v>7377</v>
      </c>
      <c r="I1395" s="4" t="s">
        <v>7378</v>
      </c>
    </row>
    <row r="1396" spans="1:11" ht="72" x14ac:dyDescent="0.3">
      <c r="A1396" s="1">
        <v>10461</v>
      </c>
      <c r="C1396" s="4" t="s">
        <v>7379</v>
      </c>
    </row>
    <row r="1397" spans="1:11" x14ac:dyDescent="0.3">
      <c r="A1397" s="1">
        <v>10466</v>
      </c>
      <c r="J1397" s="4" t="s">
        <v>7380</v>
      </c>
    </row>
    <row r="1398" spans="1:11" ht="28.8" x14ac:dyDescent="0.3">
      <c r="A1398" s="1">
        <v>10471</v>
      </c>
      <c r="C1398" s="4" t="s">
        <v>7381</v>
      </c>
      <c r="D1398" s="4" t="s">
        <v>7382</v>
      </c>
      <c r="G1398" s="4" t="s">
        <v>7383</v>
      </c>
      <c r="H1398" s="4" t="s">
        <v>7384</v>
      </c>
      <c r="J1398" s="4" t="s">
        <v>7385</v>
      </c>
    </row>
    <row r="1399" spans="1:11" ht="86.4" x14ac:dyDescent="0.3">
      <c r="A1399" s="1">
        <v>10476</v>
      </c>
      <c r="C1399" s="4" t="s">
        <v>7386</v>
      </c>
      <c r="D1399" s="4" t="s">
        <v>7387</v>
      </c>
      <c r="E1399" s="4" t="s">
        <v>7388</v>
      </c>
      <c r="F1399" s="4" t="s">
        <v>7389</v>
      </c>
      <c r="G1399" s="4" t="s">
        <v>7390</v>
      </c>
      <c r="H1399" s="4" t="s">
        <v>7391</v>
      </c>
      <c r="I1399" s="4" t="s">
        <v>7392</v>
      </c>
      <c r="K1399" s="4" t="s">
        <v>7393</v>
      </c>
    </row>
    <row r="1400" spans="1:11" x14ac:dyDescent="0.3">
      <c r="A1400" s="1">
        <v>10486</v>
      </c>
      <c r="D1400" s="4" t="s">
        <v>7394</v>
      </c>
      <c r="J1400" s="4" t="s">
        <v>7395</v>
      </c>
    </row>
    <row r="1401" spans="1:11" ht="57.6" x14ac:dyDescent="0.3">
      <c r="A1401" s="1">
        <v>10491</v>
      </c>
      <c r="C1401" s="4" t="s">
        <v>7396</v>
      </c>
      <c r="D1401" s="4" t="s">
        <v>7397</v>
      </c>
    </row>
    <row r="1402" spans="1:11" x14ac:dyDescent="0.3">
      <c r="A1402" s="1">
        <v>10496</v>
      </c>
    </row>
    <row r="1403" spans="1:11" ht="43.2" x14ac:dyDescent="0.3">
      <c r="A1403" s="1">
        <v>10521</v>
      </c>
      <c r="C1403" s="4" t="s">
        <v>7398</v>
      </c>
      <c r="D1403" s="4" t="s">
        <v>7399</v>
      </c>
      <c r="J1403" s="4" t="s">
        <v>7400</v>
      </c>
      <c r="K1403" s="4" t="s">
        <v>7401</v>
      </c>
    </row>
    <row r="1404" spans="1:11" ht="28.8" x14ac:dyDescent="0.3">
      <c r="A1404" s="1">
        <v>10531</v>
      </c>
      <c r="C1404" s="4" t="s">
        <v>7402</v>
      </c>
    </row>
    <row r="1405" spans="1:11" ht="86.4" x14ac:dyDescent="0.3">
      <c r="A1405" s="1">
        <v>10536</v>
      </c>
      <c r="C1405" s="4" t="s">
        <v>7403</v>
      </c>
      <c r="D1405" s="4" t="s">
        <v>7404</v>
      </c>
      <c r="G1405" s="4" t="s">
        <v>7405</v>
      </c>
      <c r="H1405" s="4" t="s">
        <v>7406</v>
      </c>
      <c r="K1405" s="4" t="s">
        <v>7407</v>
      </c>
    </row>
    <row r="1406" spans="1:11" ht="43.2" x14ac:dyDescent="0.3">
      <c r="A1406" s="1">
        <v>10541</v>
      </c>
      <c r="C1406" s="4" t="s">
        <v>7408</v>
      </c>
      <c r="I1406" s="4" t="s">
        <v>7409</v>
      </c>
    </row>
    <row r="1407" spans="1:11" ht="57.6" x14ac:dyDescent="0.3">
      <c r="A1407" s="1">
        <v>10546</v>
      </c>
      <c r="C1407" s="4" t="s">
        <v>7410</v>
      </c>
      <c r="D1407" s="4" t="s">
        <v>7411</v>
      </c>
      <c r="K1407" s="4" t="s">
        <v>7412</v>
      </c>
    </row>
    <row r="1408" spans="1:11" ht="86.4" x14ac:dyDescent="0.3">
      <c r="A1408" s="1">
        <v>10556</v>
      </c>
      <c r="D1408" s="4" t="s">
        <v>7413</v>
      </c>
      <c r="G1408" s="4" t="s">
        <v>7414</v>
      </c>
      <c r="H1408" s="4" t="s">
        <v>7415</v>
      </c>
      <c r="K1408" s="4" t="s">
        <v>7416</v>
      </c>
    </row>
    <row r="1409" spans="1:11" ht="86.4" x14ac:dyDescent="0.3">
      <c r="A1409" s="1">
        <v>10561</v>
      </c>
      <c r="C1409" s="4" t="s">
        <v>7417</v>
      </c>
      <c r="D1409" s="4" t="s">
        <v>7418</v>
      </c>
      <c r="E1409" s="4" t="s">
        <v>7419</v>
      </c>
      <c r="F1409" s="4" t="s">
        <v>7420</v>
      </c>
      <c r="G1409" s="4" t="s">
        <v>7421</v>
      </c>
      <c r="H1409" s="4" t="s">
        <v>7422</v>
      </c>
      <c r="I1409" s="4" t="s">
        <v>7423</v>
      </c>
      <c r="K1409" s="4" t="s">
        <v>7419</v>
      </c>
    </row>
    <row r="1410" spans="1:11" ht="72" x14ac:dyDescent="0.3">
      <c r="A1410" s="1">
        <v>10566</v>
      </c>
      <c r="C1410" s="4" t="s">
        <v>7424</v>
      </c>
      <c r="D1410" s="4" t="s">
        <v>7425</v>
      </c>
      <c r="G1410" s="4" t="s">
        <v>7426</v>
      </c>
      <c r="H1410" s="4" t="s">
        <v>7427</v>
      </c>
    </row>
    <row r="1411" spans="1:11" ht="72" x14ac:dyDescent="0.3">
      <c r="A1411" s="1">
        <v>10571</v>
      </c>
      <c r="E1411" s="4" t="s">
        <v>7428</v>
      </c>
      <c r="F1411" s="4" t="s">
        <v>7429</v>
      </c>
      <c r="G1411" s="4" t="s">
        <v>7430</v>
      </c>
      <c r="H1411" s="4" t="s">
        <v>7431</v>
      </c>
      <c r="I1411" s="4" t="s">
        <v>7432</v>
      </c>
      <c r="K1411" s="4" t="s">
        <v>7433</v>
      </c>
    </row>
    <row r="1412" spans="1:11" ht="72" x14ac:dyDescent="0.3">
      <c r="A1412" s="1">
        <v>10576</v>
      </c>
      <c r="D1412" s="4" t="s">
        <v>7434</v>
      </c>
      <c r="E1412" s="4" t="s">
        <v>7435</v>
      </c>
      <c r="F1412" s="4" t="s">
        <v>7436</v>
      </c>
      <c r="G1412" s="4" t="s">
        <v>7437</v>
      </c>
      <c r="H1412" s="4" t="s">
        <v>7438</v>
      </c>
      <c r="I1412" s="4" t="s">
        <v>7439</v>
      </c>
      <c r="J1412" s="4" t="s">
        <v>7440</v>
      </c>
      <c r="K1412" s="4" t="s">
        <v>7439</v>
      </c>
    </row>
    <row r="1413" spans="1:11" ht="43.2" x14ac:dyDescent="0.3">
      <c r="A1413" s="1">
        <v>10586</v>
      </c>
      <c r="H1413" s="4" t="s">
        <v>7441</v>
      </c>
    </row>
    <row r="1414" spans="1:11" ht="57.6" x14ac:dyDescent="0.3">
      <c r="A1414" s="1">
        <v>10596</v>
      </c>
      <c r="C1414" s="4" t="s">
        <v>7442</v>
      </c>
      <c r="D1414" s="4" t="s">
        <v>7443</v>
      </c>
      <c r="E1414" s="4" t="s">
        <v>7444</v>
      </c>
      <c r="F1414" s="4" t="s">
        <v>7445</v>
      </c>
      <c r="G1414" s="4" t="s">
        <v>7446</v>
      </c>
      <c r="H1414" s="4" t="s">
        <v>7447</v>
      </c>
      <c r="I1414" s="4" t="s">
        <v>7448</v>
      </c>
      <c r="K1414" s="4" t="s">
        <v>7449</v>
      </c>
    </row>
    <row r="1415" spans="1:11" x14ac:dyDescent="0.3">
      <c r="A1415" s="1">
        <v>10601</v>
      </c>
    </row>
    <row r="1416" spans="1:11" ht="28.8" x14ac:dyDescent="0.3">
      <c r="A1416" s="1">
        <v>10606</v>
      </c>
      <c r="C1416" s="4" t="s">
        <v>7450</v>
      </c>
      <c r="H1416" s="4" t="s">
        <v>7451</v>
      </c>
    </row>
    <row r="1417" spans="1:11" ht="57.6" x14ac:dyDescent="0.3">
      <c r="A1417" s="1">
        <v>10611</v>
      </c>
      <c r="D1417" s="4" t="s">
        <v>7452</v>
      </c>
      <c r="G1417" s="4" t="s">
        <v>7453</v>
      </c>
      <c r="I1417" s="4" t="s">
        <v>7454</v>
      </c>
      <c r="K1417" s="4" t="s">
        <v>7455</v>
      </c>
    </row>
    <row r="1418" spans="1:11" x14ac:dyDescent="0.3">
      <c r="A1418" s="1">
        <v>10621</v>
      </c>
      <c r="H1418" s="4" t="s">
        <v>7456</v>
      </c>
    </row>
    <row r="1419" spans="1:11" ht="28.8" x14ac:dyDescent="0.3">
      <c r="A1419" s="1">
        <v>10626</v>
      </c>
      <c r="D1419" s="4" t="s">
        <v>7457</v>
      </c>
      <c r="K1419" s="4" t="s">
        <v>7458</v>
      </c>
    </row>
    <row r="1420" spans="1:11" ht="72" x14ac:dyDescent="0.3">
      <c r="A1420" s="1">
        <v>10641</v>
      </c>
      <c r="C1420" s="4" t="s">
        <v>7459</v>
      </c>
      <c r="D1420" s="4" t="s">
        <v>7460</v>
      </c>
      <c r="E1420" s="4" t="s">
        <v>7461</v>
      </c>
      <c r="F1420" s="4" t="s">
        <v>7462</v>
      </c>
      <c r="G1420" s="4" t="s">
        <v>7463</v>
      </c>
      <c r="H1420" s="4" t="s">
        <v>7464</v>
      </c>
    </row>
    <row r="1421" spans="1:11" ht="28.8" x14ac:dyDescent="0.3">
      <c r="A1421" s="1">
        <v>10646</v>
      </c>
      <c r="C1421" s="4" t="s">
        <v>7465</v>
      </c>
      <c r="D1421" s="4" t="s">
        <v>7466</v>
      </c>
      <c r="E1421" s="4" t="s">
        <v>7467</v>
      </c>
      <c r="G1421" s="4" t="s">
        <v>7468</v>
      </c>
      <c r="H1421" s="4" t="s">
        <v>7469</v>
      </c>
    </row>
    <row r="1422" spans="1:11" ht="57.6" x14ac:dyDescent="0.3">
      <c r="A1422" s="1">
        <v>10651</v>
      </c>
      <c r="C1422" s="4" t="s">
        <v>7470</v>
      </c>
      <c r="E1422" s="4" t="s">
        <v>7471</v>
      </c>
      <c r="F1422" s="4" t="s">
        <v>7472</v>
      </c>
      <c r="H1422" s="4" t="s">
        <v>7473</v>
      </c>
      <c r="I1422" s="4" t="s">
        <v>7474</v>
      </c>
      <c r="K1422" s="4" t="s">
        <v>7475</v>
      </c>
    </row>
    <row r="1423" spans="1:11" ht="72" x14ac:dyDescent="0.3">
      <c r="A1423" s="1">
        <v>10656</v>
      </c>
      <c r="C1423" s="4" t="s">
        <v>7476</v>
      </c>
      <c r="D1423" s="4" t="s">
        <v>7477</v>
      </c>
      <c r="E1423" s="4" t="s">
        <v>7478</v>
      </c>
      <c r="F1423" s="4" t="s">
        <v>7479</v>
      </c>
      <c r="H1423" s="4" t="s">
        <v>7480</v>
      </c>
      <c r="I1423" s="4" t="s">
        <v>7481</v>
      </c>
      <c r="J1423" s="4" t="s">
        <v>7482</v>
      </c>
      <c r="K1423" s="4" t="s">
        <v>7483</v>
      </c>
    </row>
    <row r="1424" spans="1:11" ht="28.8" x14ac:dyDescent="0.3">
      <c r="A1424" s="1">
        <v>10666</v>
      </c>
      <c r="E1424" s="4" t="s">
        <v>7484</v>
      </c>
    </row>
    <row r="1425" spans="1:11" ht="86.4" x14ac:dyDescent="0.3">
      <c r="A1425" s="1">
        <v>10671</v>
      </c>
      <c r="C1425" s="4" t="s">
        <v>7485</v>
      </c>
      <c r="D1425" s="4" t="s">
        <v>7486</v>
      </c>
      <c r="G1425" s="4" t="s">
        <v>7487</v>
      </c>
      <c r="H1425" s="4" t="s">
        <v>7488</v>
      </c>
      <c r="K1425" s="4" t="s">
        <v>7489</v>
      </c>
    </row>
    <row r="1426" spans="1:11" x14ac:dyDescent="0.3">
      <c r="A1426" s="1">
        <v>10676</v>
      </c>
    </row>
    <row r="1427" spans="1:11" ht="57.6" x14ac:dyDescent="0.3">
      <c r="A1427" s="1">
        <v>10681</v>
      </c>
      <c r="C1427" s="4" t="s">
        <v>7490</v>
      </c>
      <c r="E1427" s="4" t="s">
        <v>7491</v>
      </c>
      <c r="J1427" s="4" t="s">
        <v>7492</v>
      </c>
      <c r="K1427" s="4" t="s">
        <v>7493</v>
      </c>
    </row>
    <row r="1428" spans="1:11" ht="57.6" x14ac:dyDescent="0.3">
      <c r="A1428" s="1">
        <v>10686</v>
      </c>
      <c r="C1428" s="4" t="s">
        <v>7494</v>
      </c>
      <c r="G1428" s="4" t="s">
        <v>7495</v>
      </c>
      <c r="H1428" s="4" t="s">
        <v>7496</v>
      </c>
      <c r="I1428" s="4" t="s">
        <v>7497</v>
      </c>
      <c r="J1428" s="4" t="s">
        <v>7498</v>
      </c>
      <c r="K1428" s="4" t="s">
        <v>7499</v>
      </c>
    </row>
    <row r="1429" spans="1:11" ht="57.6" x14ac:dyDescent="0.3">
      <c r="A1429" s="1">
        <v>10691</v>
      </c>
      <c r="C1429" s="4" t="s">
        <v>7500</v>
      </c>
      <c r="D1429" s="4" t="s">
        <v>7501</v>
      </c>
      <c r="J1429" s="4" t="s">
        <v>7502</v>
      </c>
    </row>
    <row r="1430" spans="1:11" x14ac:dyDescent="0.3">
      <c r="A1430" s="1">
        <v>10696</v>
      </c>
    </row>
    <row r="1431" spans="1:11" ht="86.4" x14ac:dyDescent="0.3">
      <c r="A1431" s="1">
        <v>10701</v>
      </c>
      <c r="C1431" s="4" t="s">
        <v>7503</v>
      </c>
      <c r="D1431" s="4" t="s">
        <v>7504</v>
      </c>
      <c r="E1431" s="4" t="s">
        <v>7505</v>
      </c>
      <c r="F1431" s="4" t="s">
        <v>7506</v>
      </c>
      <c r="G1431" s="4" t="s">
        <v>7507</v>
      </c>
      <c r="H1431" s="4" t="s">
        <v>7508</v>
      </c>
      <c r="I1431" s="4" t="s">
        <v>7509</v>
      </c>
      <c r="K1431" s="4" t="s">
        <v>7510</v>
      </c>
    </row>
    <row r="1432" spans="1:11" ht="72" x14ac:dyDescent="0.3">
      <c r="A1432" s="1">
        <v>10716</v>
      </c>
      <c r="G1432" s="4" t="s">
        <v>7511</v>
      </c>
      <c r="H1432" s="4" t="s">
        <v>7512</v>
      </c>
      <c r="I1432" s="4" t="s">
        <v>7513</v>
      </c>
      <c r="J1432" s="4" t="s">
        <v>7514</v>
      </c>
      <c r="K1432" s="4" t="s">
        <v>7515</v>
      </c>
    </row>
    <row r="1433" spans="1:11" x14ac:dyDescent="0.3">
      <c r="A1433" s="1">
        <v>10721</v>
      </c>
      <c r="E1433" s="4" t="s">
        <v>7516</v>
      </c>
    </row>
    <row r="1434" spans="1:11" x14ac:dyDescent="0.3">
      <c r="A1434" s="1">
        <v>10726</v>
      </c>
    </row>
    <row r="1435" spans="1:11" ht="72" x14ac:dyDescent="0.3">
      <c r="A1435" s="1">
        <v>10731</v>
      </c>
      <c r="C1435" s="4" t="s">
        <v>7517</v>
      </c>
      <c r="D1435" s="4" t="s">
        <v>7518</v>
      </c>
      <c r="E1435" s="4" t="s">
        <v>7519</v>
      </c>
      <c r="F1435" s="4" t="s">
        <v>7520</v>
      </c>
      <c r="G1435" s="4" t="s">
        <v>7521</v>
      </c>
      <c r="H1435" s="4" t="s">
        <v>7522</v>
      </c>
      <c r="I1435" s="4" t="s">
        <v>7523</v>
      </c>
      <c r="K1435" s="4" t="s">
        <v>7524</v>
      </c>
    </row>
    <row r="1436" spans="1:11" ht="43.2" x14ac:dyDescent="0.3">
      <c r="A1436" s="1">
        <v>10736</v>
      </c>
      <c r="C1436" s="4" t="s">
        <v>7525</v>
      </c>
      <c r="D1436" s="4" t="s">
        <v>7526</v>
      </c>
      <c r="E1436" s="4" t="s">
        <v>7527</v>
      </c>
      <c r="F1436" s="4" t="s">
        <v>7528</v>
      </c>
      <c r="G1436" s="4" t="s">
        <v>7529</v>
      </c>
      <c r="H1436" s="4" t="s">
        <v>7530</v>
      </c>
      <c r="I1436" s="4" t="s">
        <v>7531</v>
      </c>
    </row>
    <row r="1437" spans="1:11" ht="72" x14ac:dyDescent="0.3">
      <c r="A1437" s="1">
        <v>10746</v>
      </c>
      <c r="C1437" s="4" t="s">
        <v>7532</v>
      </c>
      <c r="D1437" s="4" t="s">
        <v>7533</v>
      </c>
      <c r="E1437" s="4" t="s">
        <v>7534</v>
      </c>
      <c r="F1437" s="4" t="s">
        <v>7535</v>
      </c>
      <c r="G1437" s="4" t="s">
        <v>7536</v>
      </c>
      <c r="H1437" s="4" t="s">
        <v>7537</v>
      </c>
      <c r="I1437" s="4" t="s">
        <v>7538</v>
      </c>
      <c r="K1437" s="4" t="s">
        <v>7539</v>
      </c>
    </row>
    <row r="1438" spans="1:11" ht="86.4" x14ac:dyDescent="0.3">
      <c r="A1438" s="1">
        <v>10751</v>
      </c>
      <c r="C1438" s="4" t="s">
        <v>7540</v>
      </c>
      <c r="D1438" s="4" t="s">
        <v>7541</v>
      </c>
      <c r="E1438" s="4" t="s">
        <v>7542</v>
      </c>
      <c r="F1438" s="4" t="s">
        <v>7543</v>
      </c>
      <c r="G1438" s="4" t="s">
        <v>7544</v>
      </c>
      <c r="I1438" s="4" t="s">
        <v>7545</v>
      </c>
    </row>
    <row r="1439" spans="1:11" ht="86.4" x14ac:dyDescent="0.3">
      <c r="A1439" s="1">
        <v>10766</v>
      </c>
      <c r="C1439" s="4" t="s">
        <v>7546</v>
      </c>
      <c r="D1439" s="4" t="s">
        <v>7547</v>
      </c>
      <c r="E1439" s="4" t="s">
        <v>7548</v>
      </c>
      <c r="F1439" s="4" t="s">
        <v>7549</v>
      </c>
      <c r="G1439" s="4" t="s">
        <v>7550</v>
      </c>
      <c r="H1439" s="4" t="s">
        <v>7551</v>
      </c>
      <c r="I1439" s="4" t="s">
        <v>7552</v>
      </c>
      <c r="K1439" s="4" t="s">
        <v>7553</v>
      </c>
    </row>
    <row r="1440" spans="1:11" ht="72" x14ac:dyDescent="0.3">
      <c r="A1440" s="1">
        <v>10771</v>
      </c>
      <c r="C1440" s="4" t="s">
        <v>7554</v>
      </c>
      <c r="F1440" s="4" t="s">
        <v>7555</v>
      </c>
      <c r="J1440" s="4" t="s">
        <v>7556</v>
      </c>
    </row>
    <row r="1441" spans="1:11" ht="72" x14ac:dyDescent="0.3">
      <c r="A1441" s="1">
        <v>10776</v>
      </c>
      <c r="C1441" s="4" t="s">
        <v>7557</v>
      </c>
      <c r="D1441" s="4" t="s">
        <v>7558</v>
      </c>
      <c r="E1441" s="4" t="s">
        <v>7559</v>
      </c>
      <c r="I1441" s="4" t="s">
        <v>7560</v>
      </c>
      <c r="J1441" s="4" t="s">
        <v>7561</v>
      </c>
      <c r="K1441" s="4" t="s">
        <v>7562</v>
      </c>
    </row>
    <row r="1442" spans="1:11" ht="86.4" x14ac:dyDescent="0.3">
      <c r="A1442" s="1">
        <v>10781</v>
      </c>
      <c r="C1442" s="4" t="s">
        <v>7563</v>
      </c>
      <c r="D1442" s="4" t="s">
        <v>7564</v>
      </c>
      <c r="E1442" s="4" t="s">
        <v>7565</v>
      </c>
      <c r="H1442" s="4" t="s">
        <v>7566</v>
      </c>
    </row>
    <row r="1443" spans="1:11" x14ac:dyDescent="0.3">
      <c r="A1443" s="1">
        <v>10786</v>
      </c>
    </row>
    <row r="1444" spans="1:11" ht="57.6" x14ac:dyDescent="0.3">
      <c r="A1444" s="1">
        <v>10791</v>
      </c>
      <c r="C1444" s="4" t="s">
        <v>7567</v>
      </c>
      <c r="D1444" s="4" t="s">
        <v>7568</v>
      </c>
      <c r="E1444" s="4" t="s">
        <v>7569</v>
      </c>
      <c r="F1444" s="4" t="s">
        <v>7570</v>
      </c>
      <c r="G1444" s="4" t="s">
        <v>7571</v>
      </c>
      <c r="H1444" s="4" t="s">
        <v>7572</v>
      </c>
      <c r="J1444" s="4" t="s">
        <v>7573</v>
      </c>
    </row>
    <row r="1445" spans="1:11" ht="57.6" x14ac:dyDescent="0.3">
      <c r="A1445" s="1">
        <v>10796</v>
      </c>
      <c r="C1445" s="4" t="s">
        <v>7574</v>
      </c>
      <c r="D1445" s="4" t="s">
        <v>7575</v>
      </c>
      <c r="G1445" s="4" t="s">
        <v>7576</v>
      </c>
      <c r="H1445" s="4" t="s">
        <v>7577</v>
      </c>
    </row>
    <row r="1446" spans="1:11" ht="86.4" x14ac:dyDescent="0.3">
      <c r="A1446" s="1">
        <v>10801</v>
      </c>
      <c r="C1446" s="4" t="s">
        <v>7578</v>
      </c>
      <c r="D1446" s="4" t="s">
        <v>7579</v>
      </c>
      <c r="E1446" s="4" t="s">
        <v>7580</v>
      </c>
      <c r="F1446" s="4" t="s">
        <v>7581</v>
      </c>
      <c r="G1446" s="4" t="s">
        <v>7582</v>
      </c>
      <c r="H1446" s="4" t="s">
        <v>7583</v>
      </c>
      <c r="J1446" s="4" t="s">
        <v>7584</v>
      </c>
      <c r="K1446" s="4" t="s">
        <v>7585</v>
      </c>
    </row>
    <row r="1447" spans="1:11" ht="72" x14ac:dyDescent="0.3">
      <c r="A1447" s="1">
        <v>10806</v>
      </c>
      <c r="C1447" s="4" t="s">
        <v>7586</v>
      </c>
      <c r="D1447" s="4" t="s">
        <v>7587</v>
      </c>
      <c r="E1447" s="4" t="s">
        <v>7588</v>
      </c>
      <c r="F1447" s="4" t="s">
        <v>7588</v>
      </c>
      <c r="G1447" s="4" t="s">
        <v>7589</v>
      </c>
      <c r="H1447" s="4" t="s">
        <v>7590</v>
      </c>
      <c r="I1447" s="4" t="s">
        <v>7591</v>
      </c>
      <c r="K1447" s="4" t="s">
        <v>7592</v>
      </c>
    </row>
    <row r="1448" spans="1:11" ht="86.4" x14ac:dyDescent="0.3">
      <c r="A1448" s="1">
        <v>10811</v>
      </c>
      <c r="C1448" s="4" t="s">
        <v>7593</v>
      </c>
      <c r="D1448" s="4" t="s">
        <v>7594</v>
      </c>
      <c r="E1448" s="4" t="s">
        <v>7595</v>
      </c>
      <c r="F1448" s="4" t="s">
        <v>7596</v>
      </c>
      <c r="G1448" s="4" t="s">
        <v>7597</v>
      </c>
      <c r="H1448" s="4" t="s">
        <v>7598</v>
      </c>
      <c r="I1448" s="4" t="s">
        <v>7599</v>
      </c>
      <c r="K1448" s="4" t="s">
        <v>7600</v>
      </c>
    </row>
    <row r="1449" spans="1:11" ht="43.2" x14ac:dyDescent="0.3">
      <c r="A1449" s="1">
        <v>10821</v>
      </c>
      <c r="C1449" s="4" t="s">
        <v>7601</v>
      </c>
      <c r="D1449" s="4" t="s">
        <v>7602</v>
      </c>
      <c r="E1449" s="4" t="s">
        <v>7603</v>
      </c>
      <c r="F1449" s="4" t="s">
        <v>7603</v>
      </c>
      <c r="G1449" s="4" t="s">
        <v>7604</v>
      </c>
      <c r="H1449" s="4" t="s">
        <v>7605</v>
      </c>
      <c r="I1449" s="4" t="s">
        <v>7606</v>
      </c>
      <c r="J1449" s="4" t="s">
        <v>7607</v>
      </c>
      <c r="K1449" s="4" t="s">
        <v>7607</v>
      </c>
    </row>
    <row r="1450" spans="1:11" ht="72" x14ac:dyDescent="0.3">
      <c r="A1450" s="1">
        <v>10826</v>
      </c>
      <c r="C1450" s="4" t="s">
        <v>7608</v>
      </c>
      <c r="D1450" s="4" t="s">
        <v>7609</v>
      </c>
      <c r="E1450" s="4" t="s">
        <v>7610</v>
      </c>
      <c r="F1450" s="4" t="s">
        <v>7611</v>
      </c>
      <c r="G1450" s="4" t="s">
        <v>7612</v>
      </c>
      <c r="H1450" s="4" t="s">
        <v>7613</v>
      </c>
      <c r="I1450" s="4" t="s">
        <v>7614</v>
      </c>
      <c r="J1450" s="4" t="s">
        <v>7615</v>
      </c>
      <c r="K1450" s="4" t="s">
        <v>7615</v>
      </c>
    </row>
    <row r="1451" spans="1:11" ht="72" x14ac:dyDescent="0.3">
      <c r="A1451" s="1">
        <v>10831</v>
      </c>
      <c r="D1451" s="4" t="s">
        <v>7616</v>
      </c>
    </row>
    <row r="1452" spans="1:11" ht="100.8" x14ac:dyDescent="0.3">
      <c r="A1452" s="1">
        <v>10846</v>
      </c>
      <c r="C1452" s="4" t="s">
        <v>7617</v>
      </c>
      <c r="D1452" s="4" t="s">
        <v>7618</v>
      </c>
      <c r="G1452" s="4" t="s">
        <v>7619</v>
      </c>
      <c r="H1452" s="4" t="s">
        <v>7619</v>
      </c>
      <c r="I1452" s="4" t="s">
        <v>7619</v>
      </c>
      <c r="K1452" s="4" t="s">
        <v>7620</v>
      </c>
    </row>
    <row r="1453" spans="1:11" ht="72" x14ac:dyDescent="0.3">
      <c r="A1453" s="1">
        <v>10851</v>
      </c>
      <c r="C1453" s="4" t="s">
        <v>7621</v>
      </c>
      <c r="D1453" s="4" t="s">
        <v>7622</v>
      </c>
      <c r="G1453" s="4" t="s">
        <v>7623</v>
      </c>
      <c r="H1453" s="4" t="s">
        <v>7624</v>
      </c>
      <c r="I1453" s="4" t="s">
        <v>7625</v>
      </c>
      <c r="K1453" s="4" t="s">
        <v>7626</v>
      </c>
    </row>
    <row r="1454" spans="1:11" ht="43.2" x14ac:dyDescent="0.3">
      <c r="A1454" s="1">
        <v>10856</v>
      </c>
      <c r="C1454" s="4" t="s">
        <v>7627</v>
      </c>
      <c r="D1454" s="4" t="s">
        <v>7628</v>
      </c>
      <c r="G1454" s="4" t="s">
        <v>7629</v>
      </c>
    </row>
    <row r="1455" spans="1:11" ht="86.4" x14ac:dyDescent="0.3">
      <c r="A1455" s="1">
        <v>10861</v>
      </c>
      <c r="C1455" s="4" t="s">
        <v>7630</v>
      </c>
      <c r="D1455" s="4" t="s">
        <v>7631</v>
      </c>
      <c r="E1455" s="4" t="s">
        <v>7632</v>
      </c>
      <c r="F1455" s="4" t="s">
        <v>7633</v>
      </c>
      <c r="G1455" s="4" t="s">
        <v>7634</v>
      </c>
      <c r="H1455" s="4" t="s">
        <v>7635</v>
      </c>
      <c r="I1455" s="4" t="s">
        <v>7636</v>
      </c>
      <c r="K1455" s="4" t="s">
        <v>7637</v>
      </c>
    </row>
    <row r="1456" spans="1:11" ht="28.8" x14ac:dyDescent="0.3">
      <c r="A1456" s="1">
        <v>10876</v>
      </c>
      <c r="C1456" s="4" t="s">
        <v>7638</v>
      </c>
      <c r="D1456" s="4" t="s">
        <v>7639</v>
      </c>
    </row>
    <row r="1457" spans="1:11" ht="86.4" x14ac:dyDescent="0.3">
      <c r="A1457" s="1">
        <v>10881</v>
      </c>
      <c r="C1457" s="4" t="s">
        <v>7640</v>
      </c>
      <c r="D1457" s="4" t="s">
        <v>7641</v>
      </c>
      <c r="K1457" s="4" t="s">
        <v>7642</v>
      </c>
    </row>
    <row r="1458" spans="1:11" ht="72" x14ac:dyDescent="0.3">
      <c r="A1458" s="1">
        <v>10886</v>
      </c>
      <c r="C1458" s="4" t="s">
        <v>7643</v>
      </c>
      <c r="K1458" s="4" t="s">
        <v>7644</v>
      </c>
    </row>
    <row r="1459" spans="1:11" x14ac:dyDescent="0.3">
      <c r="A1459" s="1">
        <v>10891</v>
      </c>
      <c r="E1459" s="4" t="s">
        <v>7645</v>
      </c>
    </row>
    <row r="1460" spans="1:11" ht="86.4" x14ac:dyDescent="0.3">
      <c r="A1460" s="1">
        <v>10896</v>
      </c>
      <c r="D1460" s="4" t="s">
        <v>7646</v>
      </c>
      <c r="E1460" s="4" t="s">
        <v>7647</v>
      </c>
      <c r="F1460" s="4" t="s">
        <v>7648</v>
      </c>
      <c r="G1460" s="4" t="s">
        <v>7649</v>
      </c>
      <c r="H1460" s="4" t="s">
        <v>7650</v>
      </c>
      <c r="I1460" s="4" t="s">
        <v>7651</v>
      </c>
      <c r="K1460" s="4" t="s">
        <v>7652</v>
      </c>
    </row>
    <row r="1461" spans="1:11" ht="86.4" x14ac:dyDescent="0.3">
      <c r="A1461" s="1">
        <v>10906</v>
      </c>
      <c r="C1461" s="4" t="s">
        <v>7653</v>
      </c>
      <c r="D1461" s="4" t="s">
        <v>7654</v>
      </c>
      <c r="E1461" s="4" t="s">
        <v>7655</v>
      </c>
      <c r="F1461" s="4" t="s">
        <v>7655</v>
      </c>
      <c r="G1461" s="4" t="s">
        <v>7656</v>
      </c>
      <c r="H1461" s="4" t="s">
        <v>7657</v>
      </c>
      <c r="I1461" s="4" t="s">
        <v>7658</v>
      </c>
      <c r="J1461" s="4" t="s">
        <v>7659</v>
      </c>
      <c r="K1461" s="4" t="s">
        <v>7660</v>
      </c>
    </row>
    <row r="1462" spans="1:11" x14ac:dyDescent="0.3">
      <c r="A1462" s="1">
        <v>10911</v>
      </c>
    </row>
    <row r="1463" spans="1:11" ht="43.2" x14ac:dyDescent="0.3">
      <c r="A1463" s="1">
        <v>10921</v>
      </c>
      <c r="C1463" s="4" t="s">
        <v>7661</v>
      </c>
      <c r="E1463" s="4" t="s">
        <v>7662</v>
      </c>
    </row>
    <row r="1464" spans="1:11" x14ac:dyDescent="0.3">
      <c r="A1464" s="1">
        <v>10926</v>
      </c>
      <c r="G1464" s="4" t="s">
        <v>7663</v>
      </c>
      <c r="H1464" s="4" t="s">
        <v>7663</v>
      </c>
    </row>
    <row r="1465" spans="1:11" ht="28.8" x14ac:dyDescent="0.3">
      <c r="A1465" s="1">
        <v>10936</v>
      </c>
      <c r="E1465" s="4" t="s">
        <v>7664</v>
      </c>
      <c r="F1465" s="4" t="s">
        <v>7665</v>
      </c>
    </row>
    <row r="1466" spans="1:11" ht="115.2" x14ac:dyDescent="0.3">
      <c r="A1466" s="1">
        <v>10946</v>
      </c>
      <c r="C1466" s="4" t="s">
        <v>7666</v>
      </c>
      <c r="D1466" s="4" t="s">
        <v>7667</v>
      </c>
      <c r="E1466" s="4" t="s">
        <v>7668</v>
      </c>
      <c r="F1466" s="4" t="s">
        <v>7669</v>
      </c>
      <c r="G1466" s="4" t="s">
        <v>7670</v>
      </c>
      <c r="H1466" s="4" t="s">
        <v>7671</v>
      </c>
      <c r="I1466" s="4" t="s">
        <v>7672</v>
      </c>
      <c r="J1466" s="4" t="s">
        <v>7673</v>
      </c>
      <c r="K1466" s="4" t="s">
        <v>7674</v>
      </c>
    </row>
    <row r="1467" spans="1:11" ht="57.6" x14ac:dyDescent="0.3">
      <c r="A1467" s="1">
        <v>10956</v>
      </c>
      <c r="C1467" s="4" t="s">
        <v>7675</v>
      </c>
      <c r="D1467" s="4" t="s">
        <v>7676</v>
      </c>
      <c r="E1467" s="4" t="s">
        <v>7677</v>
      </c>
      <c r="F1467" s="4" t="s">
        <v>7678</v>
      </c>
      <c r="G1467" s="4" t="s">
        <v>7679</v>
      </c>
      <c r="H1467" s="4" t="s">
        <v>7680</v>
      </c>
      <c r="K1467" s="4" t="s">
        <v>7681</v>
      </c>
    </row>
    <row r="1468" spans="1:11" ht="86.4" x14ac:dyDescent="0.3">
      <c r="A1468" s="1">
        <v>10961</v>
      </c>
      <c r="C1468" s="4" t="s">
        <v>7682</v>
      </c>
      <c r="D1468" s="4" t="s">
        <v>7683</v>
      </c>
      <c r="G1468" s="4" t="s">
        <v>7684</v>
      </c>
      <c r="H1468" s="4" t="s">
        <v>7685</v>
      </c>
      <c r="I1468" s="4" t="s">
        <v>7686</v>
      </c>
      <c r="K1468" s="4" t="s">
        <v>7687</v>
      </c>
    </row>
    <row r="1469" spans="1:11" ht="43.2" x14ac:dyDescent="0.3">
      <c r="A1469" s="1">
        <v>10966</v>
      </c>
      <c r="C1469" s="4" t="s">
        <v>7688</v>
      </c>
      <c r="D1469" s="4" t="s">
        <v>7689</v>
      </c>
      <c r="E1469" s="4" t="s">
        <v>7690</v>
      </c>
      <c r="G1469" s="4" t="s">
        <v>7691</v>
      </c>
      <c r="H1469" s="4" t="s">
        <v>7692</v>
      </c>
      <c r="K1469" s="4" t="s">
        <v>7693</v>
      </c>
    </row>
    <row r="1470" spans="1:11" ht="57.6" x14ac:dyDescent="0.3">
      <c r="A1470" s="1">
        <v>10971</v>
      </c>
      <c r="D1470" s="4" t="s">
        <v>7694</v>
      </c>
      <c r="E1470" s="4" t="s">
        <v>7695</v>
      </c>
      <c r="F1470" s="4" t="s">
        <v>7696</v>
      </c>
      <c r="G1470" s="4" t="s">
        <v>7697</v>
      </c>
      <c r="H1470" s="4" t="s">
        <v>7698</v>
      </c>
      <c r="I1470" s="4" t="s">
        <v>7699</v>
      </c>
      <c r="K1470" s="4" t="s">
        <v>7700</v>
      </c>
    </row>
    <row r="1471" spans="1:11" ht="72" x14ac:dyDescent="0.3">
      <c r="A1471" s="1">
        <v>10981</v>
      </c>
      <c r="C1471" s="4" t="s">
        <v>7701</v>
      </c>
      <c r="G1471" s="4" t="s">
        <v>7702</v>
      </c>
      <c r="H1471" s="4" t="s">
        <v>7703</v>
      </c>
    </row>
    <row r="1472" spans="1:11" x14ac:dyDescent="0.3">
      <c r="A1472" s="1">
        <v>10986</v>
      </c>
      <c r="C1472" s="4" t="s">
        <v>7704</v>
      </c>
      <c r="D1472" s="4" t="s">
        <v>7705</v>
      </c>
      <c r="G1472" s="4" t="s">
        <v>7706</v>
      </c>
    </row>
    <row r="1473" spans="1:11" x14ac:dyDescent="0.3">
      <c r="A1473" s="1">
        <v>11006</v>
      </c>
    </row>
    <row r="1474" spans="1:11" ht="43.2" x14ac:dyDescent="0.3">
      <c r="A1474" s="1">
        <v>11016</v>
      </c>
      <c r="D1474" s="4" t="s">
        <v>7707</v>
      </c>
      <c r="E1474" s="4" t="s">
        <v>7708</v>
      </c>
      <c r="G1474" s="4" t="s">
        <v>7709</v>
      </c>
      <c r="J1474" s="4" t="s">
        <v>7710</v>
      </c>
      <c r="K1474" s="4" t="s">
        <v>7711</v>
      </c>
    </row>
    <row r="1475" spans="1:11" ht="72" x14ac:dyDescent="0.3">
      <c r="A1475" s="1">
        <v>11031</v>
      </c>
      <c r="C1475" s="4" t="s">
        <v>7712</v>
      </c>
      <c r="D1475" s="4" t="s">
        <v>7713</v>
      </c>
      <c r="E1475" s="4" t="s">
        <v>7714</v>
      </c>
      <c r="F1475" s="4" t="s">
        <v>7715</v>
      </c>
      <c r="G1475" s="4" t="s">
        <v>7716</v>
      </c>
      <c r="H1475" s="4" t="s">
        <v>7716</v>
      </c>
      <c r="I1475" s="4" t="s">
        <v>7717</v>
      </c>
      <c r="K1475" s="4" t="s">
        <v>7713</v>
      </c>
    </row>
    <row r="1476" spans="1:11" ht="86.4" x14ac:dyDescent="0.3">
      <c r="A1476" s="1">
        <v>11036</v>
      </c>
      <c r="C1476" s="4" t="s">
        <v>7718</v>
      </c>
      <c r="D1476" s="4" t="s">
        <v>7719</v>
      </c>
      <c r="F1476" s="4" t="s">
        <v>7720</v>
      </c>
      <c r="G1476" s="4" t="s">
        <v>7721</v>
      </c>
      <c r="H1476" s="4" t="s">
        <v>7722</v>
      </c>
      <c r="I1476" s="4" t="s">
        <v>7723</v>
      </c>
      <c r="K1476" s="4" t="s">
        <v>7724</v>
      </c>
    </row>
    <row r="1477" spans="1:11" ht="43.2" x14ac:dyDescent="0.3">
      <c r="A1477" s="1">
        <v>11046</v>
      </c>
      <c r="C1477" s="4" t="s">
        <v>7725</v>
      </c>
      <c r="D1477" s="4" t="s">
        <v>7726</v>
      </c>
      <c r="E1477" s="4" t="s">
        <v>7727</v>
      </c>
      <c r="F1477" s="4" t="s">
        <v>7728</v>
      </c>
      <c r="G1477" s="4" t="s">
        <v>7729</v>
      </c>
      <c r="H1477" s="4" t="s">
        <v>7730</v>
      </c>
      <c r="I1477" s="4" t="s">
        <v>7731</v>
      </c>
      <c r="J1477" s="4" t="s">
        <v>7732</v>
      </c>
      <c r="K1477" s="4" t="s">
        <v>7733</v>
      </c>
    </row>
    <row r="1478" spans="1:11" ht="86.4" x14ac:dyDescent="0.3">
      <c r="A1478" s="1">
        <v>11051</v>
      </c>
      <c r="C1478" s="4" t="s">
        <v>7734</v>
      </c>
      <c r="D1478" s="4" t="s">
        <v>7735</v>
      </c>
      <c r="E1478" s="4" t="s">
        <v>7736</v>
      </c>
      <c r="F1478" s="4" t="s">
        <v>7737</v>
      </c>
      <c r="G1478" s="4" t="s">
        <v>7738</v>
      </c>
      <c r="H1478" s="4" t="s">
        <v>7739</v>
      </c>
      <c r="I1478" s="4" t="s">
        <v>7740</v>
      </c>
      <c r="J1478" s="4" t="s">
        <v>7741</v>
      </c>
      <c r="K1478" s="4" t="s">
        <v>7742</v>
      </c>
    </row>
    <row r="1479" spans="1:11" x14ac:dyDescent="0.3">
      <c r="A1479" s="1">
        <v>11056</v>
      </c>
    </row>
    <row r="1480" spans="1:11" ht="72" x14ac:dyDescent="0.3">
      <c r="A1480" s="1">
        <v>11061</v>
      </c>
      <c r="C1480" s="4" t="s">
        <v>7743</v>
      </c>
      <c r="D1480" s="4" t="s">
        <v>7744</v>
      </c>
      <c r="E1480" s="4" t="s">
        <v>7745</v>
      </c>
      <c r="F1480" s="4" t="s">
        <v>7746</v>
      </c>
      <c r="G1480" s="4" t="s">
        <v>7747</v>
      </c>
      <c r="H1480" s="4" t="s">
        <v>7748</v>
      </c>
      <c r="I1480" s="4" t="s">
        <v>7749</v>
      </c>
      <c r="K1480" s="4" t="s">
        <v>7750</v>
      </c>
    </row>
    <row r="1481" spans="1:11" ht="100.8" x14ac:dyDescent="0.3">
      <c r="A1481" s="1">
        <v>11066</v>
      </c>
      <c r="C1481" s="4" t="s">
        <v>7751</v>
      </c>
      <c r="D1481" s="4" t="s">
        <v>7752</v>
      </c>
      <c r="F1481" s="4" t="s">
        <v>7753</v>
      </c>
      <c r="G1481" s="4" t="s">
        <v>7754</v>
      </c>
      <c r="H1481" s="4" t="s">
        <v>7755</v>
      </c>
      <c r="I1481" s="4" t="s">
        <v>7756</v>
      </c>
      <c r="J1481" s="4" t="s">
        <v>7757</v>
      </c>
    </row>
    <row r="1482" spans="1:11" ht="86.4" x14ac:dyDescent="0.3">
      <c r="A1482" s="1">
        <v>11071</v>
      </c>
      <c r="C1482" s="4" t="s">
        <v>7758</v>
      </c>
      <c r="D1482" s="4" t="s">
        <v>7759</v>
      </c>
      <c r="E1482" s="4" t="s">
        <v>7760</v>
      </c>
      <c r="F1482" s="4" t="s">
        <v>7761</v>
      </c>
      <c r="G1482" s="4" t="s">
        <v>7762</v>
      </c>
      <c r="H1482" s="4" t="s">
        <v>7763</v>
      </c>
      <c r="I1482" s="4" t="s">
        <v>7764</v>
      </c>
      <c r="J1482" s="4" t="s">
        <v>7765</v>
      </c>
      <c r="K1482" s="4" t="s">
        <v>7766</v>
      </c>
    </row>
    <row r="1483" spans="1:11" ht="57.6" x14ac:dyDescent="0.3">
      <c r="A1483" s="1">
        <v>11076</v>
      </c>
      <c r="C1483" s="4" t="s">
        <v>7767</v>
      </c>
      <c r="D1483" s="4" t="s">
        <v>7768</v>
      </c>
      <c r="E1483" s="4" t="s">
        <v>7769</v>
      </c>
      <c r="F1483" s="4" t="s">
        <v>7770</v>
      </c>
      <c r="G1483" s="4" t="s">
        <v>7771</v>
      </c>
      <c r="H1483" s="4" t="s">
        <v>7772</v>
      </c>
      <c r="I1483" s="4" t="s">
        <v>7773</v>
      </c>
      <c r="K1483" s="4" t="s">
        <v>7774</v>
      </c>
    </row>
    <row r="1484" spans="1:11" ht="43.2" x14ac:dyDescent="0.3">
      <c r="A1484" s="1">
        <v>11081</v>
      </c>
      <c r="C1484" s="4" t="s">
        <v>7775</v>
      </c>
      <c r="D1484" s="4" t="s">
        <v>7776</v>
      </c>
      <c r="G1484" s="4" t="s">
        <v>7777</v>
      </c>
      <c r="K1484" s="4" t="s">
        <v>7778</v>
      </c>
    </row>
    <row r="1485" spans="1:11" ht="72" x14ac:dyDescent="0.3">
      <c r="A1485" s="1">
        <v>11086</v>
      </c>
      <c r="C1485" s="4" t="s">
        <v>7779</v>
      </c>
      <c r="E1485" s="4" t="s">
        <v>7780</v>
      </c>
      <c r="K1485" s="4" t="s">
        <v>7781</v>
      </c>
    </row>
    <row r="1486" spans="1:11" ht="72" x14ac:dyDescent="0.3">
      <c r="A1486" s="1">
        <v>11091</v>
      </c>
      <c r="C1486" s="4" t="s">
        <v>7782</v>
      </c>
      <c r="D1486" s="4" t="s">
        <v>7783</v>
      </c>
      <c r="E1486" s="4" t="s">
        <v>7784</v>
      </c>
      <c r="G1486" s="4" t="s">
        <v>7785</v>
      </c>
      <c r="H1486" s="4" t="s">
        <v>7786</v>
      </c>
      <c r="I1486" s="4" t="s">
        <v>23152</v>
      </c>
      <c r="K1486" s="4" t="s">
        <v>7787</v>
      </c>
    </row>
    <row r="1487" spans="1:11" ht="28.8" x14ac:dyDescent="0.3">
      <c r="A1487" s="1">
        <v>11101</v>
      </c>
      <c r="C1487" s="4" t="s">
        <v>7788</v>
      </c>
      <c r="D1487" s="4" t="s">
        <v>7789</v>
      </c>
      <c r="G1487" s="4" t="s">
        <v>7790</v>
      </c>
    </row>
    <row r="1488" spans="1:11" ht="72" x14ac:dyDescent="0.3">
      <c r="A1488" s="1">
        <v>11111</v>
      </c>
      <c r="C1488" s="4" t="s">
        <v>7791</v>
      </c>
      <c r="D1488" s="4" t="s">
        <v>7792</v>
      </c>
      <c r="E1488" s="4" t="s">
        <v>7793</v>
      </c>
      <c r="F1488" s="4" t="s">
        <v>7794</v>
      </c>
      <c r="G1488" s="4" t="s">
        <v>7795</v>
      </c>
      <c r="H1488" s="4" t="s">
        <v>7796</v>
      </c>
      <c r="I1488" s="4" t="s">
        <v>7797</v>
      </c>
      <c r="K1488" s="4" t="s">
        <v>7798</v>
      </c>
    </row>
    <row r="1489" spans="1:11" ht="86.4" x14ac:dyDescent="0.3">
      <c r="A1489" s="1">
        <v>11116</v>
      </c>
      <c r="C1489" s="4" t="s">
        <v>7799</v>
      </c>
      <c r="D1489" s="4" t="s">
        <v>7800</v>
      </c>
      <c r="E1489" s="4" t="s">
        <v>7801</v>
      </c>
      <c r="F1489" s="4" t="s">
        <v>7802</v>
      </c>
      <c r="G1489" s="4" t="s">
        <v>7803</v>
      </c>
      <c r="H1489" s="4" t="s">
        <v>7804</v>
      </c>
      <c r="I1489" s="4" t="s">
        <v>7805</v>
      </c>
      <c r="J1489" s="4" t="s">
        <v>7806</v>
      </c>
      <c r="K1489" s="4" t="s">
        <v>7807</v>
      </c>
    </row>
    <row r="1490" spans="1:11" ht="43.2" x14ac:dyDescent="0.3">
      <c r="A1490" s="1">
        <v>11121</v>
      </c>
      <c r="C1490" s="4" t="s">
        <v>7808</v>
      </c>
      <c r="D1490" s="4" t="s">
        <v>7809</v>
      </c>
      <c r="G1490" s="4" t="s">
        <v>7810</v>
      </c>
    </row>
    <row r="1491" spans="1:11" ht="86.4" x14ac:dyDescent="0.3">
      <c r="A1491" s="1">
        <v>11126</v>
      </c>
      <c r="C1491" s="4" t="s">
        <v>7811</v>
      </c>
      <c r="D1491" s="4" t="s">
        <v>7812</v>
      </c>
      <c r="G1491" s="4" t="s">
        <v>7813</v>
      </c>
      <c r="H1491" s="4" t="s">
        <v>7814</v>
      </c>
      <c r="K1491" s="4" t="s">
        <v>7815</v>
      </c>
    </row>
    <row r="1492" spans="1:11" x14ac:dyDescent="0.3">
      <c r="A1492" s="1">
        <v>11136</v>
      </c>
      <c r="G1492" s="4" t="s">
        <v>7816</v>
      </c>
      <c r="H1492" s="4" t="s">
        <v>7816</v>
      </c>
      <c r="I1492" s="4" t="s">
        <v>7817</v>
      </c>
    </row>
    <row r="1493" spans="1:11" x14ac:dyDescent="0.3">
      <c r="A1493" s="1">
        <v>11146</v>
      </c>
      <c r="K1493" s="4" t="s">
        <v>7818</v>
      </c>
    </row>
    <row r="1494" spans="1:11" x14ac:dyDescent="0.3">
      <c r="A1494" s="1">
        <v>11166</v>
      </c>
    </row>
    <row r="1495" spans="1:11" ht="72" x14ac:dyDescent="0.3">
      <c r="A1495" s="1">
        <v>11176</v>
      </c>
      <c r="C1495" s="4" t="s">
        <v>7819</v>
      </c>
      <c r="D1495" s="4" t="s">
        <v>7820</v>
      </c>
      <c r="E1495" s="4" t="s">
        <v>7821</v>
      </c>
      <c r="F1495" s="4" t="s">
        <v>7822</v>
      </c>
      <c r="G1495" s="4" t="s">
        <v>7823</v>
      </c>
      <c r="H1495" s="4" t="s">
        <v>7823</v>
      </c>
      <c r="I1495" s="4" t="s">
        <v>7824</v>
      </c>
      <c r="K1495" s="4" t="s">
        <v>7825</v>
      </c>
    </row>
    <row r="1496" spans="1:11" ht="100.8" x14ac:dyDescent="0.3">
      <c r="A1496" s="1">
        <v>11181</v>
      </c>
      <c r="C1496" s="4" t="s">
        <v>7826</v>
      </c>
      <c r="D1496" s="4" t="s">
        <v>7827</v>
      </c>
      <c r="E1496" s="4" t="s">
        <v>7828</v>
      </c>
      <c r="F1496" s="4" t="s">
        <v>7829</v>
      </c>
      <c r="G1496" s="4" t="s">
        <v>7830</v>
      </c>
      <c r="H1496" s="4" t="s">
        <v>7831</v>
      </c>
      <c r="I1496" s="4" t="s">
        <v>7832</v>
      </c>
      <c r="K1496" s="4" t="s">
        <v>7833</v>
      </c>
    </row>
    <row r="1497" spans="1:11" ht="72" x14ac:dyDescent="0.3">
      <c r="A1497" s="1">
        <v>11191</v>
      </c>
      <c r="C1497" s="4" t="s">
        <v>7834</v>
      </c>
      <c r="D1497" s="4" t="s">
        <v>7835</v>
      </c>
      <c r="G1497" s="4" t="s">
        <v>7836</v>
      </c>
      <c r="H1497" s="4" t="s">
        <v>7837</v>
      </c>
    </row>
    <row r="1498" spans="1:11" ht="72" x14ac:dyDescent="0.3">
      <c r="A1498" s="1">
        <v>11196</v>
      </c>
      <c r="C1498" s="4" t="s">
        <v>7838</v>
      </c>
      <c r="E1498" s="4" t="s">
        <v>7839</v>
      </c>
      <c r="F1498" s="4" t="s">
        <v>7840</v>
      </c>
      <c r="G1498" s="4" t="s">
        <v>7841</v>
      </c>
      <c r="H1498" s="4" t="s">
        <v>7842</v>
      </c>
      <c r="I1498" s="4" t="s">
        <v>7843</v>
      </c>
      <c r="K1498" s="4" t="s">
        <v>7844</v>
      </c>
    </row>
    <row r="1499" spans="1:11" ht="43.2" x14ac:dyDescent="0.3">
      <c r="A1499" s="1">
        <v>11206</v>
      </c>
      <c r="C1499" s="4" t="s">
        <v>7845</v>
      </c>
      <c r="D1499" s="4" t="s">
        <v>7846</v>
      </c>
      <c r="E1499" s="4" t="s">
        <v>7847</v>
      </c>
      <c r="F1499" s="4" t="s">
        <v>7848</v>
      </c>
      <c r="G1499" s="4" t="s">
        <v>7849</v>
      </c>
      <c r="H1499" s="4" t="s">
        <v>7850</v>
      </c>
      <c r="I1499" s="4" t="s">
        <v>7851</v>
      </c>
      <c r="J1499" s="4" t="s">
        <v>7852</v>
      </c>
      <c r="K1499" s="4" t="s">
        <v>7853</v>
      </c>
    </row>
    <row r="1500" spans="1:11" ht="72" x14ac:dyDescent="0.3">
      <c r="A1500" s="1">
        <v>11231</v>
      </c>
      <c r="C1500" s="4" t="s">
        <v>7854</v>
      </c>
      <c r="D1500" s="4" t="s">
        <v>7855</v>
      </c>
      <c r="E1500" s="4" t="s">
        <v>7856</v>
      </c>
      <c r="F1500" s="4" t="s">
        <v>7857</v>
      </c>
      <c r="G1500" s="4" t="s">
        <v>7858</v>
      </c>
      <c r="H1500" s="4" t="s">
        <v>7859</v>
      </c>
      <c r="I1500" s="4" t="s">
        <v>7860</v>
      </c>
      <c r="K1500" s="4" t="s">
        <v>7861</v>
      </c>
    </row>
    <row r="1501" spans="1:11" ht="72" x14ac:dyDescent="0.3">
      <c r="A1501" s="1">
        <v>11246</v>
      </c>
      <c r="D1501" s="4" t="s">
        <v>7862</v>
      </c>
      <c r="G1501" s="4" t="s">
        <v>7863</v>
      </c>
      <c r="H1501" s="4" t="s">
        <v>7864</v>
      </c>
      <c r="I1501" s="4" t="s">
        <v>7865</v>
      </c>
    </row>
    <row r="1502" spans="1:11" ht="43.2" x14ac:dyDescent="0.3">
      <c r="A1502" s="1">
        <v>11251</v>
      </c>
      <c r="C1502" s="4" t="s">
        <v>7866</v>
      </c>
      <c r="D1502" s="4" t="s">
        <v>7867</v>
      </c>
      <c r="H1502" s="4" t="s">
        <v>7868</v>
      </c>
      <c r="K1502" s="4" t="s">
        <v>7869</v>
      </c>
    </row>
    <row r="1503" spans="1:11" ht="72" x14ac:dyDescent="0.3">
      <c r="A1503" s="1">
        <v>11266</v>
      </c>
      <c r="C1503" s="4" t="s">
        <v>7870</v>
      </c>
      <c r="J1503" s="4" t="s">
        <v>7871</v>
      </c>
    </row>
    <row r="1504" spans="1:11" x14ac:dyDescent="0.3">
      <c r="A1504" s="1">
        <v>11271</v>
      </c>
    </row>
    <row r="1505" spans="1:11" x14ac:dyDescent="0.3">
      <c r="A1505" s="1">
        <v>11281</v>
      </c>
    </row>
    <row r="1506" spans="1:11" ht="28.8" x14ac:dyDescent="0.3">
      <c r="A1506" s="1">
        <v>11286</v>
      </c>
      <c r="C1506" s="4" t="s">
        <v>7872</v>
      </c>
      <c r="D1506" s="4" t="s">
        <v>7873</v>
      </c>
      <c r="E1506" s="4" t="s">
        <v>7874</v>
      </c>
      <c r="F1506" s="4" t="s">
        <v>7875</v>
      </c>
      <c r="G1506" s="4" t="s">
        <v>7876</v>
      </c>
      <c r="H1506" s="4" t="s">
        <v>5528</v>
      </c>
      <c r="I1506" s="4" t="s">
        <v>7877</v>
      </c>
      <c r="J1506" s="4" t="s">
        <v>7878</v>
      </c>
      <c r="K1506" s="4" t="s">
        <v>7879</v>
      </c>
    </row>
    <row r="1507" spans="1:11" ht="57.6" x14ac:dyDescent="0.3">
      <c r="A1507" s="1">
        <v>11296</v>
      </c>
      <c r="C1507" s="4" t="s">
        <v>7880</v>
      </c>
      <c r="D1507" s="4" t="s">
        <v>7881</v>
      </c>
      <c r="G1507" s="4" t="s">
        <v>7882</v>
      </c>
      <c r="I1507" s="4" t="s">
        <v>7883</v>
      </c>
    </row>
    <row r="1508" spans="1:11" ht="86.4" x14ac:dyDescent="0.3">
      <c r="A1508" s="1">
        <v>11301</v>
      </c>
      <c r="C1508" s="4" t="s">
        <v>7884</v>
      </c>
      <c r="D1508" s="4" t="s">
        <v>7885</v>
      </c>
      <c r="E1508" s="4" t="s">
        <v>7886</v>
      </c>
      <c r="F1508" s="4" t="s">
        <v>7887</v>
      </c>
      <c r="G1508" s="4" t="s">
        <v>7888</v>
      </c>
      <c r="H1508" s="4" t="s">
        <v>7889</v>
      </c>
      <c r="I1508" s="4" t="s">
        <v>7890</v>
      </c>
      <c r="K1508" s="4" t="s">
        <v>7891</v>
      </c>
    </row>
    <row r="1509" spans="1:11" ht="72" x14ac:dyDescent="0.3">
      <c r="A1509" s="1">
        <v>11306</v>
      </c>
      <c r="D1509" s="4" t="s">
        <v>7892</v>
      </c>
      <c r="E1509" s="4" t="s">
        <v>7893</v>
      </c>
      <c r="H1509" s="4" t="s">
        <v>7894</v>
      </c>
    </row>
    <row r="1510" spans="1:11" ht="43.2" x14ac:dyDescent="0.3">
      <c r="A1510" s="1">
        <v>11311</v>
      </c>
      <c r="C1510" s="4" t="s">
        <v>7895</v>
      </c>
      <c r="D1510" s="4" t="s">
        <v>7896</v>
      </c>
      <c r="E1510" s="4" t="s">
        <v>7897</v>
      </c>
      <c r="F1510" s="4" t="s">
        <v>7898</v>
      </c>
      <c r="G1510" s="4" t="s">
        <v>7899</v>
      </c>
      <c r="H1510" s="4" t="s">
        <v>7900</v>
      </c>
    </row>
    <row r="1511" spans="1:11" ht="57.6" x14ac:dyDescent="0.3">
      <c r="A1511" s="1">
        <v>11316</v>
      </c>
      <c r="E1511" s="4" t="s">
        <v>7901</v>
      </c>
      <c r="F1511" s="4" t="s">
        <v>7902</v>
      </c>
      <c r="J1511" s="4" t="s">
        <v>7903</v>
      </c>
      <c r="K1511" s="4" t="s">
        <v>7904</v>
      </c>
    </row>
    <row r="1512" spans="1:11" ht="72" x14ac:dyDescent="0.3">
      <c r="A1512" s="1">
        <v>11326</v>
      </c>
      <c r="F1512" s="4" t="s">
        <v>7905</v>
      </c>
      <c r="G1512" s="4" t="s">
        <v>7906</v>
      </c>
      <c r="H1512" s="4" t="s">
        <v>7906</v>
      </c>
      <c r="I1512" s="4" t="s">
        <v>7907</v>
      </c>
      <c r="K1512" s="4" t="s">
        <v>7908</v>
      </c>
    </row>
    <row r="1513" spans="1:11" ht="57.6" x14ac:dyDescent="0.3">
      <c r="A1513" s="1">
        <v>11331</v>
      </c>
      <c r="C1513" s="4" t="s">
        <v>7909</v>
      </c>
      <c r="D1513" s="4" t="s">
        <v>7910</v>
      </c>
    </row>
    <row r="1514" spans="1:11" ht="86.4" x14ac:dyDescent="0.3">
      <c r="A1514" s="1">
        <v>11336</v>
      </c>
      <c r="C1514" s="4" t="s">
        <v>7911</v>
      </c>
      <c r="D1514" s="4" t="s">
        <v>7912</v>
      </c>
      <c r="E1514" s="4" t="s">
        <v>7913</v>
      </c>
      <c r="F1514" s="4" t="s">
        <v>7914</v>
      </c>
      <c r="G1514" s="4" t="s">
        <v>7915</v>
      </c>
      <c r="H1514" s="4" t="s">
        <v>7916</v>
      </c>
      <c r="I1514" s="4" t="s">
        <v>7917</v>
      </c>
      <c r="K1514" s="4" t="s">
        <v>7918</v>
      </c>
    </row>
    <row r="1515" spans="1:11" ht="28.8" x14ac:dyDescent="0.3">
      <c r="A1515" s="1">
        <v>11351</v>
      </c>
      <c r="D1515" s="4" t="s">
        <v>7919</v>
      </c>
      <c r="E1515" s="4" t="s">
        <v>7920</v>
      </c>
    </row>
    <row r="1516" spans="1:11" ht="28.8" x14ac:dyDescent="0.3">
      <c r="A1516" s="1">
        <v>11361</v>
      </c>
      <c r="C1516" s="4" t="s">
        <v>7921</v>
      </c>
      <c r="D1516" s="4" t="s">
        <v>7922</v>
      </c>
      <c r="E1516" s="4" t="s">
        <v>7923</v>
      </c>
      <c r="F1516" s="4" t="s">
        <v>7924</v>
      </c>
      <c r="H1516" s="4" t="s">
        <v>7925</v>
      </c>
    </row>
    <row r="1517" spans="1:11" x14ac:dyDescent="0.3">
      <c r="A1517" s="1">
        <v>11366</v>
      </c>
    </row>
    <row r="1518" spans="1:11" x14ac:dyDescent="0.3">
      <c r="A1518" s="1">
        <v>11371</v>
      </c>
      <c r="D1518" s="4" t="s">
        <v>7926</v>
      </c>
      <c r="F1518" s="4" t="s">
        <v>7927</v>
      </c>
    </row>
    <row r="1519" spans="1:11" ht="28.8" x14ac:dyDescent="0.3">
      <c r="A1519" s="1">
        <v>11376</v>
      </c>
      <c r="D1519" s="4" t="s">
        <v>7928</v>
      </c>
      <c r="E1519" s="4" t="s">
        <v>7929</v>
      </c>
    </row>
    <row r="1520" spans="1:11" ht="100.8" x14ac:dyDescent="0.3">
      <c r="A1520" s="1">
        <v>11386</v>
      </c>
      <c r="C1520" s="4" t="s">
        <v>7930</v>
      </c>
      <c r="D1520" s="4" t="s">
        <v>7931</v>
      </c>
      <c r="E1520" s="4" t="s">
        <v>7932</v>
      </c>
      <c r="F1520" s="4" t="s">
        <v>7933</v>
      </c>
      <c r="G1520" s="4" t="s">
        <v>7934</v>
      </c>
      <c r="H1520" s="4" t="s">
        <v>7935</v>
      </c>
      <c r="I1520" s="4" t="s">
        <v>7936</v>
      </c>
    </row>
    <row r="1521" spans="1:11" x14ac:dyDescent="0.3">
      <c r="A1521" s="1">
        <v>11391</v>
      </c>
      <c r="I1521" s="4" t="s">
        <v>7937</v>
      </c>
    </row>
    <row r="1522" spans="1:11" ht="72" x14ac:dyDescent="0.3">
      <c r="A1522" s="1">
        <v>11396</v>
      </c>
      <c r="C1522" s="4" t="s">
        <v>7938</v>
      </c>
      <c r="D1522" s="4" t="s">
        <v>7939</v>
      </c>
      <c r="E1522" s="4" t="s">
        <v>7940</v>
      </c>
      <c r="F1522" s="4" t="s">
        <v>7941</v>
      </c>
      <c r="G1522" s="4" t="s">
        <v>7942</v>
      </c>
      <c r="H1522" s="4" t="s">
        <v>7943</v>
      </c>
      <c r="K1522" s="4" t="s">
        <v>7944</v>
      </c>
    </row>
    <row r="1523" spans="1:11" ht="28.8" x14ac:dyDescent="0.3">
      <c r="A1523" s="1">
        <v>11401</v>
      </c>
      <c r="D1523" s="4" t="s">
        <v>7945</v>
      </c>
      <c r="E1523" s="4" t="s">
        <v>7946</v>
      </c>
      <c r="F1523" s="4" t="s">
        <v>7947</v>
      </c>
      <c r="G1523" s="4" t="s">
        <v>7948</v>
      </c>
      <c r="J1523" s="4" t="s">
        <v>7949</v>
      </c>
    </row>
    <row r="1524" spans="1:11" ht="72" x14ac:dyDescent="0.3">
      <c r="A1524" s="1">
        <v>11421</v>
      </c>
      <c r="D1524" s="4" t="s">
        <v>7950</v>
      </c>
      <c r="G1524" s="4" t="s">
        <v>7951</v>
      </c>
      <c r="H1524" s="4" t="s">
        <v>7952</v>
      </c>
      <c r="I1524" s="4" t="s">
        <v>7953</v>
      </c>
    </row>
    <row r="1525" spans="1:11" ht="86.4" x14ac:dyDescent="0.3">
      <c r="A1525" s="1">
        <v>11431</v>
      </c>
      <c r="C1525" s="4" t="s">
        <v>7954</v>
      </c>
      <c r="D1525" s="4" t="s">
        <v>7955</v>
      </c>
      <c r="E1525" s="4" t="s">
        <v>7956</v>
      </c>
      <c r="F1525" s="4" t="s">
        <v>7957</v>
      </c>
      <c r="G1525" s="4" t="s">
        <v>7958</v>
      </c>
      <c r="H1525" s="4" t="s">
        <v>7959</v>
      </c>
      <c r="K1525" s="4" t="s">
        <v>7960</v>
      </c>
    </row>
    <row r="1526" spans="1:11" ht="43.2" x14ac:dyDescent="0.3">
      <c r="A1526" s="1">
        <v>11436</v>
      </c>
      <c r="C1526" s="4" t="s">
        <v>7961</v>
      </c>
      <c r="D1526" s="4" t="s">
        <v>7962</v>
      </c>
      <c r="E1526" s="4" t="s">
        <v>7963</v>
      </c>
      <c r="F1526" s="4" t="s">
        <v>7964</v>
      </c>
      <c r="G1526" s="4" t="s">
        <v>7965</v>
      </c>
      <c r="I1526" s="4" t="s">
        <v>7966</v>
      </c>
      <c r="K1526" s="4" t="s">
        <v>7967</v>
      </c>
    </row>
    <row r="1527" spans="1:11" x14ac:dyDescent="0.3">
      <c r="A1527" s="1">
        <v>11441</v>
      </c>
      <c r="C1527" s="4" t="s">
        <v>7968</v>
      </c>
    </row>
    <row r="1528" spans="1:11" ht="57.6" x14ac:dyDescent="0.3">
      <c r="A1528" s="1">
        <v>11446</v>
      </c>
      <c r="C1528" s="4" t="s">
        <v>7969</v>
      </c>
      <c r="D1528" s="4" t="s">
        <v>7970</v>
      </c>
      <c r="E1528" s="4" t="s">
        <v>7971</v>
      </c>
      <c r="F1528" s="4" t="s">
        <v>7972</v>
      </c>
      <c r="G1528" s="4" t="s">
        <v>7973</v>
      </c>
      <c r="H1528" s="4" t="s">
        <v>7974</v>
      </c>
      <c r="K1528" s="4" t="s">
        <v>7975</v>
      </c>
    </row>
    <row r="1529" spans="1:11" ht="72" x14ac:dyDescent="0.3">
      <c r="A1529" s="1">
        <v>11451</v>
      </c>
      <c r="C1529" s="4" t="s">
        <v>7976</v>
      </c>
      <c r="E1529" s="4" t="s">
        <v>7977</v>
      </c>
      <c r="G1529" s="4" t="s">
        <v>7978</v>
      </c>
      <c r="I1529" s="4" t="s">
        <v>7979</v>
      </c>
      <c r="K1529" s="4" t="s">
        <v>7980</v>
      </c>
    </row>
    <row r="1530" spans="1:11" ht="100.8" x14ac:dyDescent="0.3">
      <c r="A1530" s="1">
        <v>11466</v>
      </c>
      <c r="C1530" s="4" t="s">
        <v>7981</v>
      </c>
      <c r="D1530" s="4" t="s">
        <v>7982</v>
      </c>
      <c r="E1530" s="4" t="s">
        <v>7983</v>
      </c>
      <c r="F1530" s="4" t="s">
        <v>7984</v>
      </c>
      <c r="G1530" s="4" t="s">
        <v>7985</v>
      </c>
      <c r="H1530" s="4" t="s">
        <v>7986</v>
      </c>
      <c r="I1530" s="4" t="s">
        <v>7987</v>
      </c>
      <c r="K1530" s="4" t="s">
        <v>7988</v>
      </c>
    </row>
    <row r="1531" spans="1:11" ht="28.8" x14ac:dyDescent="0.3">
      <c r="A1531" s="1">
        <v>11471</v>
      </c>
      <c r="C1531" s="4" t="s">
        <v>7989</v>
      </c>
      <c r="D1531" s="4" t="s">
        <v>7990</v>
      </c>
      <c r="G1531" s="4" t="s">
        <v>7991</v>
      </c>
      <c r="H1531" s="4" t="s">
        <v>7992</v>
      </c>
    </row>
    <row r="1532" spans="1:11" ht="72" x14ac:dyDescent="0.3">
      <c r="A1532" s="1">
        <v>11476</v>
      </c>
      <c r="C1532" s="4" t="s">
        <v>7993</v>
      </c>
      <c r="D1532" s="4" t="s">
        <v>7994</v>
      </c>
      <c r="I1532" s="4" t="s">
        <v>7995</v>
      </c>
      <c r="K1532" s="4" t="s">
        <v>7996</v>
      </c>
    </row>
    <row r="1533" spans="1:11" x14ac:dyDescent="0.3">
      <c r="A1533" s="1">
        <v>11486</v>
      </c>
    </row>
    <row r="1534" spans="1:11" ht="86.4" x14ac:dyDescent="0.3">
      <c r="A1534" s="1">
        <v>11496</v>
      </c>
      <c r="C1534" s="4" t="s">
        <v>7997</v>
      </c>
      <c r="D1534" s="4" t="s">
        <v>7998</v>
      </c>
      <c r="E1534" s="4" t="s">
        <v>7999</v>
      </c>
      <c r="F1534" s="4" t="s">
        <v>8000</v>
      </c>
      <c r="G1534" s="4" t="s">
        <v>8001</v>
      </c>
      <c r="H1534" s="4" t="s">
        <v>8002</v>
      </c>
      <c r="I1534" s="4" t="s">
        <v>8003</v>
      </c>
      <c r="J1534" s="4" t="s">
        <v>8004</v>
      </c>
      <c r="K1534" s="4" t="s">
        <v>8005</v>
      </c>
    </row>
    <row r="1535" spans="1:11" ht="28.8" x14ac:dyDescent="0.3">
      <c r="A1535" s="1">
        <v>11511</v>
      </c>
      <c r="C1535" s="4" t="s">
        <v>8006</v>
      </c>
      <c r="D1535" s="4" t="s">
        <v>8007</v>
      </c>
      <c r="F1535" s="4" t="s">
        <v>8008</v>
      </c>
      <c r="G1535" s="4" t="s">
        <v>8009</v>
      </c>
      <c r="H1535" s="4" t="s">
        <v>8010</v>
      </c>
      <c r="K1535" s="4" t="s">
        <v>8011</v>
      </c>
    </row>
    <row r="1536" spans="1:11" x14ac:dyDescent="0.3">
      <c r="A1536" s="1">
        <v>11526</v>
      </c>
    </row>
    <row r="1537" spans="1:11" ht="86.4" x14ac:dyDescent="0.3">
      <c r="A1537" s="1">
        <v>11531</v>
      </c>
      <c r="C1537" s="4" t="s">
        <v>8012</v>
      </c>
    </row>
    <row r="1538" spans="1:11" ht="43.2" x14ac:dyDescent="0.3">
      <c r="A1538" s="1">
        <v>11536</v>
      </c>
      <c r="C1538" s="4" t="s">
        <v>8013</v>
      </c>
      <c r="D1538" s="4" t="s">
        <v>8014</v>
      </c>
      <c r="F1538" s="4" t="s">
        <v>8015</v>
      </c>
    </row>
    <row r="1539" spans="1:11" ht="72" x14ac:dyDescent="0.3">
      <c r="A1539" s="1">
        <v>11551</v>
      </c>
      <c r="C1539" s="4" t="s">
        <v>8016</v>
      </c>
      <c r="D1539" s="4" t="s">
        <v>8017</v>
      </c>
      <c r="E1539" s="4" t="s">
        <v>8018</v>
      </c>
      <c r="F1539" s="4" t="s">
        <v>8019</v>
      </c>
      <c r="I1539" s="4" t="s">
        <v>8020</v>
      </c>
    </row>
    <row r="1540" spans="1:11" ht="86.4" x14ac:dyDescent="0.3">
      <c r="A1540" s="1">
        <v>11561</v>
      </c>
      <c r="C1540" s="4" t="s">
        <v>8021</v>
      </c>
      <c r="D1540" s="4" t="s">
        <v>8022</v>
      </c>
      <c r="E1540" s="4" t="s">
        <v>8023</v>
      </c>
      <c r="F1540" s="4" t="s">
        <v>8024</v>
      </c>
      <c r="G1540" s="4" t="s">
        <v>8025</v>
      </c>
      <c r="H1540" s="4" t="s">
        <v>8026</v>
      </c>
      <c r="I1540" s="4" t="s">
        <v>8027</v>
      </c>
      <c r="K1540" s="4" t="s">
        <v>8028</v>
      </c>
    </row>
    <row r="1541" spans="1:11" ht="57.6" x14ac:dyDescent="0.3">
      <c r="A1541" s="1">
        <v>11576</v>
      </c>
      <c r="C1541" s="4" t="s">
        <v>8029</v>
      </c>
      <c r="D1541" s="4" t="s">
        <v>8030</v>
      </c>
      <c r="E1541" s="4" t="s">
        <v>8031</v>
      </c>
      <c r="F1541" s="4" t="s">
        <v>8032</v>
      </c>
      <c r="G1541" s="4" t="s">
        <v>8033</v>
      </c>
      <c r="H1541" s="4" t="s">
        <v>8034</v>
      </c>
      <c r="K1541" s="4" t="s">
        <v>8035</v>
      </c>
    </row>
    <row r="1542" spans="1:11" ht="72" x14ac:dyDescent="0.3">
      <c r="A1542" s="1">
        <v>11581</v>
      </c>
      <c r="C1542" s="4" t="s">
        <v>8036</v>
      </c>
      <c r="D1542" s="4" t="s">
        <v>8037</v>
      </c>
      <c r="E1542" s="4" t="s">
        <v>8038</v>
      </c>
      <c r="F1542" s="4" t="s">
        <v>8039</v>
      </c>
      <c r="G1542" s="4" t="s">
        <v>8040</v>
      </c>
      <c r="H1542" s="4" t="s">
        <v>8041</v>
      </c>
      <c r="I1542" s="4" t="s">
        <v>8042</v>
      </c>
      <c r="K1542" s="4" t="s">
        <v>8043</v>
      </c>
    </row>
    <row r="1543" spans="1:11" ht="86.4" x14ac:dyDescent="0.3">
      <c r="A1543" s="1">
        <v>11591</v>
      </c>
      <c r="C1543" s="4" t="s">
        <v>8044</v>
      </c>
      <c r="E1543" s="4" t="s">
        <v>8045</v>
      </c>
      <c r="F1543" s="4" t="s">
        <v>8046</v>
      </c>
      <c r="H1543" s="4" t="s">
        <v>8047</v>
      </c>
      <c r="I1543" s="4" t="s">
        <v>8048</v>
      </c>
      <c r="K1543" s="4" t="s">
        <v>8049</v>
      </c>
    </row>
    <row r="1544" spans="1:11" ht="57.6" x14ac:dyDescent="0.3">
      <c r="A1544" s="1">
        <v>11596</v>
      </c>
      <c r="C1544" s="4" t="s">
        <v>8050</v>
      </c>
      <c r="D1544" s="4" t="s">
        <v>8051</v>
      </c>
      <c r="E1544" s="4" t="s">
        <v>8052</v>
      </c>
      <c r="F1544" s="4" t="s">
        <v>8053</v>
      </c>
      <c r="G1544" s="4" t="s">
        <v>8054</v>
      </c>
      <c r="H1544" s="4" t="s">
        <v>8055</v>
      </c>
      <c r="I1544" s="4" t="s">
        <v>8056</v>
      </c>
      <c r="K1544" s="4" t="s">
        <v>8057</v>
      </c>
    </row>
    <row r="1545" spans="1:11" ht="72" x14ac:dyDescent="0.3">
      <c r="A1545" s="1">
        <v>11601</v>
      </c>
      <c r="D1545" s="4" t="s">
        <v>8058</v>
      </c>
      <c r="E1545" s="4" t="s">
        <v>8059</v>
      </c>
      <c r="F1545" s="4" t="s">
        <v>8059</v>
      </c>
      <c r="G1545" s="4" t="s">
        <v>8060</v>
      </c>
      <c r="H1545" s="4" t="s">
        <v>8061</v>
      </c>
      <c r="I1545" s="4" t="s">
        <v>8062</v>
      </c>
      <c r="K1545" s="4" t="s">
        <v>8063</v>
      </c>
    </row>
    <row r="1546" spans="1:11" x14ac:dyDescent="0.3">
      <c r="A1546" s="1">
        <v>11606</v>
      </c>
    </row>
    <row r="1547" spans="1:11" ht="100.8" x14ac:dyDescent="0.3">
      <c r="A1547" s="1">
        <v>11611</v>
      </c>
      <c r="C1547" s="4" t="s">
        <v>8064</v>
      </c>
      <c r="D1547" s="4" t="s">
        <v>8065</v>
      </c>
      <c r="E1547" s="4" t="s">
        <v>8066</v>
      </c>
      <c r="F1547" s="4" t="s">
        <v>8067</v>
      </c>
      <c r="G1547" s="4" t="s">
        <v>8068</v>
      </c>
      <c r="H1547" s="4" t="s">
        <v>8069</v>
      </c>
      <c r="I1547" s="4" t="s">
        <v>8070</v>
      </c>
      <c r="K1547" s="4" t="s">
        <v>8071</v>
      </c>
    </row>
    <row r="1548" spans="1:11" ht="86.4" x14ac:dyDescent="0.3">
      <c r="A1548" s="1">
        <v>11621</v>
      </c>
      <c r="C1548" s="4" t="s">
        <v>8072</v>
      </c>
      <c r="D1548" s="4" t="s">
        <v>8073</v>
      </c>
      <c r="E1548" s="4" t="s">
        <v>8074</v>
      </c>
      <c r="F1548" s="4" t="s">
        <v>8075</v>
      </c>
      <c r="G1548" s="4" t="s">
        <v>8076</v>
      </c>
      <c r="H1548" s="4" t="s">
        <v>8077</v>
      </c>
      <c r="I1548" s="4" t="s">
        <v>8078</v>
      </c>
    </row>
    <row r="1549" spans="1:11" ht="57.6" x14ac:dyDescent="0.3">
      <c r="A1549" s="1">
        <v>11626</v>
      </c>
      <c r="D1549" s="4" t="s">
        <v>8079</v>
      </c>
    </row>
    <row r="1550" spans="1:11" ht="28.8" x14ac:dyDescent="0.3">
      <c r="A1550" s="1">
        <v>11661</v>
      </c>
      <c r="C1550" s="4" t="s">
        <v>8080</v>
      </c>
      <c r="H1550" s="4" t="s">
        <v>8081</v>
      </c>
      <c r="I1550" s="4" t="s">
        <v>8082</v>
      </c>
    </row>
    <row r="1551" spans="1:11" ht="86.4" x14ac:dyDescent="0.3">
      <c r="A1551" s="1">
        <v>11666</v>
      </c>
      <c r="D1551" s="4" t="s">
        <v>8083</v>
      </c>
      <c r="F1551" s="4" t="s">
        <v>8084</v>
      </c>
      <c r="G1551" s="4" t="s">
        <v>8085</v>
      </c>
      <c r="H1551" s="4" t="s">
        <v>8086</v>
      </c>
      <c r="K1551" s="4" t="s">
        <v>8087</v>
      </c>
    </row>
    <row r="1552" spans="1:11" ht="72" x14ac:dyDescent="0.3">
      <c r="A1552" s="1">
        <v>11676</v>
      </c>
      <c r="C1552" s="4" t="s">
        <v>8088</v>
      </c>
      <c r="D1552" s="4" t="s">
        <v>8089</v>
      </c>
      <c r="E1552" s="4" t="s">
        <v>8090</v>
      </c>
      <c r="F1552" s="4" t="s">
        <v>8091</v>
      </c>
      <c r="G1552" s="4" t="s">
        <v>8092</v>
      </c>
      <c r="H1552" s="4" t="s">
        <v>8093</v>
      </c>
      <c r="I1552" s="4" t="s">
        <v>8094</v>
      </c>
      <c r="J1552" s="4" t="s">
        <v>8095</v>
      </c>
      <c r="K1552" s="4" t="s">
        <v>8096</v>
      </c>
    </row>
    <row r="1553" spans="1:11" ht="72" x14ac:dyDescent="0.3">
      <c r="A1553" s="1">
        <v>11681</v>
      </c>
      <c r="C1553" s="4" t="s">
        <v>8097</v>
      </c>
      <c r="D1553" s="4" t="s">
        <v>8098</v>
      </c>
      <c r="E1553" s="4" t="s">
        <v>8099</v>
      </c>
    </row>
    <row r="1554" spans="1:11" ht="86.4" x14ac:dyDescent="0.3">
      <c r="A1554" s="1">
        <v>11686</v>
      </c>
      <c r="C1554" s="4" t="s">
        <v>8100</v>
      </c>
      <c r="D1554" s="4" t="s">
        <v>8101</v>
      </c>
      <c r="E1554" s="4" t="s">
        <v>8102</v>
      </c>
      <c r="F1554" s="4" t="s">
        <v>8103</v>
      </c>
      <c r="G1554" s="4" t="s">
        <v>8104</v>
      </c>
      <c r="H1554" s="4" t="s">
        <v>8105</v>
      </c>
      <c r="I1554" s="4" t="s">
        <v>8106</v>
      </c>
      <c r="K1554" s="4" t="s">
        <v>8107</v>
      </c>
    </row>
    <row r="1555" spans="1:11" ht="72" x14ac:dyDescent="0.3">
      <c r="A1555" s="1">
        <v>11691</v>
      </c>
      <c r="C1555" s="4" t="s">
        <v>8108</v>
      </c>
      <c r="G1555" s="4" t="s">
        <v>8109</v>
      </c>
      <c r="H1555" s="4" t="s">
        <v>8109</v>
      </c>
      <c r="I1555" s="4" t="s">
        <v>8110</v>
      </c>
      <c r="J1555" s="4" t="s">
        <v>8111</v>
      </c>
      <c r="K1555" s="4" t="s">
        <v>8112</v>
      </c>
    </row>
    <row r="1556" spans="1:11" ht="28.8" x14ac:dyDescent="0.3">
      <c r="A1556" s="1">
        <v>11701</v>
      </c>
      <c r="C1556" s="4" t="s">
        <v>8113</v>
      </c>
      <c r="D1556" s="4" t="s">
        <v>8114</v>
      </c>
    </row>
    <row r="1557" spans="1:11" ht="86.4" x14ac:dyDescent="0.3">
      <c r="A1557" s="1">
        <v>11711</v>
      </c>
      <c r="C1557" s="4" t="s">
        <v>8115</v>
      </c>
      <c r="I1557" s="4" t="s">
        <v>8116</v>
      </c>
      <c r="K1557" s="4" t="s">
        <v>8117</v>
      </c>
    </row>
    <row r="1558" spans="1:11" ht="86.4" x14ac:dyDescent="0.3">
      <c r="A1558" s="1">
        <v>11716</v>
      </c>
      <c r="C1558" s="4" t="s">
        <v>8118</v>
      </c>
      <c r="D1558" s="4" t="s">
        <v>8119</v>
      </c>
      <c r="E1558" s="4" t="s">
        <v>8120</v>
      </c>
      <c r="F1558" s="4" t="s">
        <v>8121</v>
      </c>
      <c r="G1558" s="4" t="s">
        <v>8122</v>
      </c>
      <c r="H1558" s="4" t="s">
        <v>8123</v>
      </c>
      <c r="K1558" s="4" t="s">
        <v>8124</v>
      </c>
    </row>
    <row r="1559" spans="1:11" ht="86.4" x14ac:dyDescent="0.3">
      <c r="A1559" s="1">
        <v>11721</v>
      </c>
      <c r="C1559" s="4" t="s">
        <v>8125</v>
      </c>
      <c r="D1559" s="4" t="s">
        <v>8126</v>
      </c>
      <c r="E1559" s="4" t="s">
        <v>8127</v>
      </c>
      <c r="G1559" s="4" t="s">
        <v>8128</v>
      </c>
    </row>
    <row r="1560" spans="1:11" ht="43.2" x14ac:dyDescent="0.3">
      <c r="A1560" s="1">
        <v>11726</v>
      </c>
      <c r="C1560" s="4" t="s">
        <v>8129</v>
      </c>
      <c r="D1560" s="4" t="s">
        <v>8130</v>
      </c>
      <c r="G1560" s="4" t="s">
        <v>8131</v>
      </c>
    </row>
    <row r="1561" spans="1:11" x14ac:dyDescent="0.3">
      <c r="A1561" s="1">
        <v>11731</v>
      </c>
    </row>
    <row r="1562" spans="1:11" ht="72" x14ac:dyDescent="0.3">
      <c r="A1562" s="1">
        <v>11736</v>
      </c>
      <c r="C1562" s="4" t="s">
        <v>8132</v>
      </c>
      <c r="D1562" s="4" t="s">
        <v>8133</v>
      </c>
      <c r="E1562" s="4" t="s">
        <v>8134</v>
      </c>
      <c r="F1562" s="4" t="s">
        <v>8135</v>
      </c>
      <c r="G1562" s="4" t="s">
        <v>8136</v>
      </c>
      <c r="H1562" s="4" t="s">
        <v>8137</v>
      </c>
      <c r="I1562" s="4" t="s">
        <v>8138</v>
      </c>
      <c r="K1562" s="4" t="s">
        <v>8139</v>
      </c>
    </row>
    <row r="1563" spans="1:11" ht="86.4" x14ac:dyDescent="0.3">
      <c r="A1563" s="1">
        <v>11746</v>
      </c>
      <c r="C1563" s="4" t="s">
        <v>8140</v>
      </c>
      <c r="D1563" s="4" t="s">
        <v>8141</v>
      </c>
      <c r="E1563" s="4" t="s">
        <v>8142</v>
      </c>
      <c r="F1563" s="4" t="s">
        <v>8143</v>
      </c>
      <c r="G1563" s="4" t="s">
        <v>8144</v>
      </c>
      <c r="H1563" s="4" t="s">
        <v>8145</v>
      </c>
      <c r="I1563" s="4" t="s">
        <v>8146</v>
      </c>
      <c r="K1563" s="4" t="s">
        <v>8147</v>
      </c>
    </row>
    <row r="1564" spans="1:11" ht="100.8" x14ac:dyDescent="0.3">
      <c r="A1564" s="1">
        <v>11756</v>
      </c>
      <c r="C1564" s="4" t="s">
        <v>8148</v>
      </c>
      <c r="D1564" s="4" t="s">
        <v>8149</v>
      </c>
      <c r="E1564" s="4" t="s">
        <v>8150</v>
      </c>
      <c r="F1564" s="4" t="s">
        <v>8151</v>
      </c>
      <c r="G1564" s="4" t="s">
        <v>8152</v>
      </c>
      <c r="H1564" s="4" t="s">
        <v>8153</v>
      </c>
      <c r="I1564" s="4" t="s">
        <v>8154</v>
      </c>
      <c r="K1564" s="4" t="s">
        <v>8155</v>
      </c>
    </row>
    <row r="1565" spans="1:11" ht="86.4" x14ac:dyDescent="0.3">
      <c r="A1565" s="1">
        <v>11766</v>
      </c>
      <c r="C1565" s="4" t="s">
        <v>8156</v>
      </c>
      <c r="D1565" s="4" t="s">
        <v>8157</v>
      </c>
      <c r="E1565" s="4" t="s">
        <v>8158</v>
      </c>
      <c r="F1565" s="4" t="s">
        <v>8159</v>
      </c>
      <c r="G1565" s="4" t="s">
        <v>8160</v>
      </c>
      <c r="H1565" s="4" t="s">
        <v>8161</v>
      </c>
      <c r="I1565" s="4" t="s">
        <v>8162</v>
      </c>
      <c r="K1565" s="4" t="s">
        <v>8163</v>
      </c>
    </row>
    <row r="1566" spans="1:11" ht="86.4" x14ac:dyDescent="0.3">
      <c r="A1566" s="1">
        <v>11771</v>
      </c>
      <c r="D1566" s="4" t="s">
        <v>8164</v>
      </c>
      <c r="E1566" s="4" t="s">
        <v>8165</v>
      </c>
      <c r="F1566" s="4" t="s">
        <v>8166</v>
      </c>
      <c r="G1566" s="4" t="s">
        <v>8167</v>
      </c>
      <c r="H1566" s="4" t="s">
        <v>8168</v>
      </c>
    </row>
    <row r="1567" spans="1:11" ht="72" x14ac:dyDescent="0.3">
      <c r="A1567" s="1">
        <v>11781</v>
      </c>
      <c r="C1567" s="4" t="s">
        <v>8169</v>
      </c>
      <c r="D1567" s="4" t="s">
        <v>8170</v>
      </c>
      <c r="E1567" s="4" t="s">
        <v>8170</v>
      </c>
      <c r="F1567" s="4" t="s">
        <v>8171</v>
      </c>
      <c r="G1567" s="4" t="s">
        <v>8172</v>
      </c>
      <c r="H1567" s="4" t="s">
        <v>8172</v>
      </c>
    </row>
    <row r="1568" spans="1:11" ht="86.4" x14ac:dyDescent="0.3">
      <c r="A1568" s="1">
        <v>11786</v>
      </c>
      <c r="C1568" s="4" t="s">
        <v>8173</v>
      </c>
      <c r="D1568" s="4" t="s">
        <v>8174</v>
      </c>
      <c r="E1568" s="4" t="s">
        <v>8175</v>
      </c>
      <c r="F1568" s="4" t="s">
        <v>8176</v>
      </c>
      <c r="G1568" s="4" t="s">
        <v>8177</v>
      </c>
      <c r="H1568" s="4" t="s">
        <v>8178</v>
      </c>
      <c r="I1568" s="4" t="s">
        <v>8179</v>
      </c>
      <c r="K1568" s="4" t="s">
        <v>8180</v>
      </c>
    </row>
    <row r="1569" spans="1:11" ht="43.2" x14ac:dyDescent="0.3">
      <c r="A1569" s="1">
        <v>11791</v>
      </c>
      <c r="C1569" s="4" t="s">
        <v>8181</v>
      </c>
      <c r="D1569" s="4" t="s">
        <v>8182</v>
      </c>
      <c r="E1569" s="4" t="s">
        <v>8183</v>
      </c>
      <c r="H1569" s="4" t="s">
        <v>8184</v>
      </c>
    </row>
    <row r="1570" spans="1:11" ht="28.8" x14ac:dyDescent="0.3">
      <c r="A1570" s="1">
        <v>11796</v>
      </c>
      <c r="B1570" s="1" t="s">
        <v>1143</v>
      </c>
      <c r="C1570" s="4" t="s">
        <v>8185</v>
      </c>
      <c r="D1570" s="4" t="s">
        <v>8186</v>
      </c>
      <c r="E1570" s="4" t="s">
        <v>8187</v>
      </c>
      <c r="F1570" s="4" t="s">
        <v>8188</v>
      </c>
      <c r="G1570" s="4" t="s">
        <v>8189</v>
      </c>
      <c r="H1570" s="4" t="s">
        <v>8190</v>
      </c>
      <c r="I1570" s="4" t="s">
        <v>8191</v>
      </c>
      <c r="K1570" s="4" t="s">
        <v>8192</v>
      </c>
    </row>
    <row r="1571" spans="1:11" ht="57.6" x14ac:dyDescent="0.3">
      <c r="A1571" s="1">
        <v>11801</v>
      </c>
      <c r="C1571" s="4" t="s">
        <v>8193</v>
      </c>
      <c r="D1571" s="4" t="s">
        <v>8194</v>
      </c>
      <c r="E1571" s="4" t="s">
        <v>8195</v>
      </c>
      <c r="F1571" s="4" t="s">
        <v>8196</v>
      </c>
      <c r="G1571" s="4" t="s">
        <v>8197</v>
      </c>
      <c r="H1571" s="4" t="s">
        <v>8198</v>
      </c>
      <c r="I1571" s="4" t="s">
        <v>8199</v>
      </c>
      <c r="K1571" s="4" t="s">
        <v>8200</v>
      </c>
    </row>
    <row r="1572" spans="1:11" ht="28.8" x14ac:dyDescent="0.3">
      <c r="A1572" s="1">
        <v>11811</v>
      </c>
      <c r="D1572" s="4" t="s">
        <v>8201</v>
      </c>
    </row>
    <row r="1573" spans="1:11" ht="57.6" x14ac:dyDescent="0.3">
      <c r="A1573" s="1">
        <v>11816</v>
      </c>
      <c r="C1573" s="4" t="s">
        <v>8202</v>
      </c>
      <c r="D1573" s="4" t="s">
        <v>8203</v>
      </c>
      <c r="E1573" s="4" t="s">
        <v>8204</v>
      </c>
      <c r="G1573" s="4" t="s">
        <v>8205</v>
      </c>
      <c r="H1573" s="4" t="s">
        <v>8206</v>
      </c>
      <c r="I1573" s="4" t="s">
        <v>8207</v>
      </c>
      <c r="K1573" s="4" t="s">
        <v>8208</v>
      </c>
    </row>
    <row r="1574" spans="1:11" ht="57.6" x14ac:dyDescent="0.3">
      <c r="A1574" s="1">
        <v>11826</v>
      </c>
      <c r="C1574" s="4" t="s">
        <v>8209</v>
      </c>
      <c r="D1574" s="4" t="s">
        <v>8210</v>
      </c>
      <c r="E1574" s="4" t="s">
        <v>8211</v>
      </c>
      <c r="F1574" s="4" t="s">
        <v>8212</v>
      </c>
      <c r="G1574" s="4" t="s">
        <v>8213</v>
      </c>
      <c r="H1574" s="4" t="s">
        <v>8214</v>
      </c>
      <c r="I1574" s="4" t="s">
        <v>8215</v>
      </c>
      <c r="K1574" s="4" t="s">
        <v>8216</v>
      </c>
    </row>
    <row r="1575" spans="1:11" x14ac:dyDescent="0.3">
      <c r="A1575" s="1">
        <v>11836</v>
      </c>
    </row>
    <row r="1576" spans="1:11" ht="72" x14ac:dyDescent="0.3">
      <c r="A1576" s="1">
        <v>11851</v>
      </c>
      <c r="C1576" s="4" t="s">
        <v>8217</v>
      </c>
      <c r="D1576" s="4" t="s">
        <v>8218</v>
      </c>
      <c r="E1576" s="4" t="s">
        <v>8219</v>
      </c>
      <c r="F1576" s="4" t="s">
        <v>8220</v>
      </c>
      <c r="G1576" s="4" t="s">
        <v>8221</v>
      </c>
      <c r="I1576" s="4" t="s">
        <v>8222</v>
      </c>
    </row>
    <row r="1577" spans="1:11" ht="86.4" x14ac:dyDescent="0.3">
      <c r="A1577" s="1">
        <v>11856</v>
      </c>
      <c r="C1577" s="4" t="s">
        <v>8223</v>
      </c>
      <c r="D1577" s="4" t="s">
        <v>8224</v>
      </c>
      <c r="E1577" s="4" t="s">
        <v>8225</v>
      </c>
      <c r="G1577" s="4" t="s">
        <v>8226</v>
      </c>
      <c r="H1577" s="4" t="s">
        <v>8227</v>
      </c>
      <c r="I1577" s="4" t="s">
        <v>8228</v>
      </c>
    </row>
    <row r="1578" spans="1:11" ht="86.4" x14ac:dyDescent="0.3">
      <c r="A1578" s="1">
        <v>11861</v>
      </c>
      <c r="C1578" s="4" t="s">
        <v>8229</v>
      </c>
      <c r="D1578" s="4" t="s">
        <v>8230</v>
      </c>
      <c r="E1578" s="4" t="s">
        <v>8231</v>
      </c>
      <c r="F1578" s="4" t="s">
        <v>8232</v>
      </c>
      <c r="G1578" s="4" t="s">
        <v>8233</v>
      </c>
      <c r="H1578" s="4" t="s">
        <v>8234</v>
      </c>
      <c r="I1578" s="4" t="s">
        <v>8235</v>
      </c>
      <c r="K1578" s="4" t="s">
        <v>8236</v>
      </c>
    </row>
    <row r="1579" spans="1:11" ht="72" x14ac:dyDescent="0.3">
      <c r="A1579" s="1">
        <v>11871</v>
      </c>
      <c r="C1579" s="4" t="s">
        <v>8237</v>
      </c>
      <c r="D1579" s="4" t="s">
        <v>8238</v>
      </c>
      <c r="E1579" s="4" t="s">
        <v>8239</v>
      </c>
      <c r="G1579" s="4" t="s">
        <v>8240</v>
      </c>
      <c r="H1579" s="4" t="s">
        <v>8241</v>
      </c>
      <c r="K1579" s="4" t="s">
        <v>8242</v>
      </c>
    </row>
    <row r="1580" spans="1:11" ht="72" x14ac:dyDescent="0.3">
      <c r="A1580" s="1">
        <v>11876</v>
      </c>
      <c r="C1580" s="4" t="s">
        <v>8243</v>
      </c>
      <c r="D1580" s="4" t="s">
        <v>8244</v>
      </c>
      <c r="E1580" s="4" t="s">
        <v>8245</v>
      </c>
      <c r="F1580" s="4" t="s">
        <v>8246</v>
      </c>
      <c r="G1580" s="4" t="s">
        <v>8247</v>
      </c>
      <c r="H1580" s="4" t="s">
        <v>8247</v>
      </c>
      <c r="K1580" s="4" t="s">
        <v>8248</v>
      </c>
    </row>
    <row r="1581" spans="1:11" ht="86.4" x14ac:dyDescent="0.3">
      <c r="A1581" s="1">
        <v>11891</v>
      </c>
      <c r="D1581" s="4" t="s">
        <v>8249</v>
      </c>
      <c r="E1581" s="4" t="s">
        <v>8250</v>
      </c>
      <c r="F1581" s="4" t="s">
        <v>8251</v>
      </c>
      <c r="G1581" s="4" t="s">
        <v>8252</v>
      </c>
      <c r="H1581" s="4" t="s">
        <v>8253</v>
      </c>
      <c r="J1581" s="4" t="s">
        <v>8254</v>
      </c>
      <c r="K1581" s="4" t="s">
        <v>8255</v>
      </c>
    </row>
    <row r="1582" spans="1:11" x14ac:dyDescent="0.3">
      <c r="A1582" s="1">
        <v>11901</v>
      </c>
      <c r="J1582" s="4" t="s">
        <v>340</v>
      </c>
    </row>
    <row r="1583" spans="1:11" ht="72" x14ac:dyDescent="0.3">
      <c r="A1583" s="1">
        <v>11916</v>
      </c>
      <c r="C1583" s="4" t="s">
        <v>8256</v>
      </c>
      <c r="D1583" s="4" t="s">
        <v>8257</v>
      </c>
      <c r="E1583" s="4" t="s">
        <v>8258</v>
      </c>
      <c r="G1583" s="4" t="s">
        <v>8259</v>
      </c>
      <c r="H1583" s="4" t="s">
        <v>8260</v>
      </c>
    </row>
    <row r="1584" spans="1:11" ht="57.6" x14ac:dyDescent="0.3">
      <c r="A1584" s="1">
        <v>11921</v>
      </c>
      <c r="C1584" s="4" t="s">
        <v>8261</v>
      </c>
      <c r="D1584" s="4" t="s">
        <v>8262</v>
      </c>
      <c r="E1584" s="4" t="s">
        <v>8263</v>
      </c>
      <c r="F1584" s="4" t="s">
        <v>8264</v>
      </c>
      <c r="G1584" s="4" t="s">
        <v>8265</v>
      </c>
      <c r="H1584" s="4" t="s">
        <v>8266</v>
      </c>
      <c r="K1584" s="4" t="s">
        <v>8267</v>
      </c>
    </row>
    <row r="1585" spans="1:11" ht="86.4" x14ac:dyDescent="0.3">
      <c r="A1585" s="1">
        <v>11926</v>
      </c>
      <c r="C1585" s="4" t="s">
        <v>8268</v>
      </c>
      <c r="D1585" s="4" t="s">
        <v>8269</v>
      </c>
      <c r="F1585" s="4" t="s">
        <v>8270</v>
      </c>
      <c r="G1585" s="4" t="s">
        <v>8271</v>
      </c>
    </row>
    <row r="1586" spans="1:11" ht="86.4" x14ac:dyDescent="0.3">
      <c r="A1586" s="1">
        <v>11936</v>
      </c>
      <c r="C1586" s="4" t="s">
        <v>8272</v>
      </c>
      <c r="D1586" s="4" t="s">
        <v>8273</v>
      </c>
      <c r="E1586" s="4" t="s">
        <v>8274</v>
      </c>
      <c r="F1586" s="4" t="s">
        <v>8275</v>
      </c>
      <c r="G1586" s="4" t="s">
        <v>8276</v>
      </c>
      <c r="H1586" s="4" t="s">
        <v>8277</v>
      </c>
      <c r="I1586" s="4" t="s">
        <v>8278</v>
      </c>
      <c r="K1586" s="4" t="s">
        <v>8279</v>
      </c>
    </row>
    <row r="1587" spans="1:11" ht="72" x14ac:dyDescent="0.3">
      <c r="A1587" s="1">
        <v>11946</v>
      </c>
      <c r="C1587" s="4" t="s">
        <v>8280</v>
      </c>
      <c r="D1587" s="4" t="s">
        <v>8281</v>
      </c>
      <c r="E1587" s="4" t="s">
        <v>8282</v>
      </c>
      <c r="I1587" s="4" t="s">
        <v>8283</v>
      </c>
      <c r="K1587" s="4" t="s">
        <v>8284</v>
      </c>
    </row>
    <row r="1588" spans="1:11" x14ac:dyDescent="0.3">
      <c r="A1588" s="1">
        <v>11956</v>
      </c>
    </row>
    <row r="1589" spans="1:11" ht="72" x14ac:dyDescent="0.3">
      <c r="A1589" s="1">
        <v>11966</v>
      </c>
      <c r="D1589" s="4" t="s">
        <v>8285</v>
      </c>
      <c r="E1589" s="4" t="s">
        <v>8286</v>
      </c>
      <c r="F1589" s="4" t="s">
        <v>8287</v>
      </c>
      <c r="G1589" s="4" t="s">
        <v>8288</v>
      </c>
    </row>
    <row r="1590" spans="1:11" x14ac:dyDescent="0.3">
      <c r="A1590" s="1">
        <v>11976</v>
      </c>
    </row>
    <row r="1591" spans="1:11" ht="43.2" x14ac:dyDescent="0.3">
      <c r="A1591" s="1">
        <v>11981</v>
      </c>
      <c r="C1591" s="4" t="s">
        <v>8289</v>
      </c>
      <c r="D1591" s="4" t="s">
        <v>8290</v>
      </c>
      <c r="G1591" s="4" t="s">
        <v>8291</v>
      </c>
      <c r="H1591" s="4" t="s">
        <v>8291</v>
      </c>
      <c r="I1591" s="4" t="s">
        <v>8292</v>
      </c>
    </row>
    <row r="1592" spans="1:11" ht="86.4" x14ac:dyDescent="0.3">
      <c r="A1592" s="1">
        <v>11991</v>
      </c>
      <c r="C1592" s="4" t="s">
        <v>8293</v>
      </c>
      <c r="D1592" s="4" t="s">
        <v>8294</v>
      </c>
      <c r="E1592" s="4" t="s">
        <v>8295</v>
      </c>
      <c r="F1592" s="4" t="s">
        <v>8296</v>
      </c>
      <c r="G1592" s="4" t="s">
        <v>8297</v>
      </c>
      <c r="H1592" s="4" t="s">
        <v>8298</v>
      </c>
      <c r="I1592" s="4" t="s">
        <v>8299</v>
      </c>
      <c r="K1592" s="4" t="s">
        <v>8300</v>
      </c>
    </row>
    <row r="1593" spans="1:11" ht="57.6" x14ac:dyDescent="0.3">
      <c r="A1593" s="1">
        <v>11996</v>
      </c>
      <c r="C1593" s="4" t="s">
        <v>8301</v>
      </c>
      <c r="D1593" s="4" t="s">
        <v>8302</v>
      </c>
      <c r="F1593" s="4" t="s">
        <v>8303</v>
      </c>
      <c r="I1593" s="4" t="s">
        <v>8304</v>
      </c>
    </row>
    <row r="1594" spans="1:11" ht="86.4" x14ac:dyDescent="0.3">
      <c r="A1594" s="1">
        <v>12001</v>
      </c>
      <c r="D1594" s="4" t="s">
        <v>8305</v>
      </c>
      <c r="E1594" s="4" t="s">
        <v>8306</v>
      </c>
      <c r="J1594" s="4" t="s">
        <v>8307</v>
      </c>
    </row>
    <row r="1595" spans="1:11" ht="72" x14ac:dyDescent="0.3">
      <c r="A1595" s="1">
        <v>12006</v>
      </c>
      <c r="C1595" s="4" t="s">
        <v>8308</v>
      </c>
      <c r="D1595" s="4" t="s">
        <v>8309</v>
      </c>
      <c r="E1595" s="4" t="s">
        <v>8310</v>
      </c>
      <c r="F1595" s="4" t="s">
        <v>8311</v>
      </c>
      <c r="G1595" s="4" t="s">
        <v>8312</v>
      </c>
      <c r="H1595" s="4" t="s">
        <v>8313</v>
      </c>
      <c r="I1595" s="4" t="s">
        <v>8314</v>
      </c>
      <c r="K1595" s="4" t="s">
        <v>8315</v>
      </c>
    </row>
    <row r="1596" spans="1:11" x14ac:dyDescent="0.3">
      <c r="A1596" s="1">
        <v>12011</v>
      </c>
    </row>
    <row r="1597" spans="1:11" ht="43.2" x14ac:dyDescent="0.3">
      <c r="A1597" s="1">
        <v>12021</v>
      </c>
      <c r="C1597" s="4" t="s">
        <v>8316</v>
      </c>
      <c r="D1597" s="4" t="s">
        <v>8317</v>
      </c>
      <c r="H1597" s="4" t="s">
        <v>8318</v>
      </c>
    </row>
    <row r="1598" spans="1:11" ht="86.4" x14ac:dyDescent="0.3">
      <c r="A1598" s="1">
        <v>12031</v>
      </c>
      <c r="D1598" s="4" t="s">
        <v>8319</v>
      </c>
      <c r="E1598" s="4" t="s">
        <v>773</v>
      </c>
      <c r="F1598" s="4" t="s">
        <v>8320</v>
      </c>
      <c r="K1598" s="4" t="s">
        <v>8321</v>
      </c>
    </row>
    <row r="1599" spans="1:11" ht="28.8" x14ac:dyDescent="0.3">
      <c r="A1599" s="1">
        <v>12036</v>
      </c>
      <c r="C1599" s="4" t="s">
        <v>8322</v>
      </c>
      <c r="E1599" s="4" t="s">
        <v>8323</v>
      </c>
    </row>
    <row r="1600" spans="1:11" ht="72" x14ac:dyDescent="0.3">
      <c r="A1600" s="1">
        <v>12041</v>
      </c>
      <c r="C1600" s="4" t="s">
        <v>8324</v>
      </c>
      <c r="D1600" s="4" t="s">
        <v>8325</v>
      </c>
      <c r="E1600" s="4" t="s">
        <v>8326</v>
      </c>
      <c r="F1600" s="4" t="s">
        <v>8327</v>
      </c>
      <c r="G1600" s="4" t="s">
        <v>8328</v>
      </c>
      <c r="H1600" s="4" t="s">
        <v>8329</v>
      </c>
      <c r="I1600" s="4" t="s">
        <v>8330</v>
      </c>
      <c r="K1600" s="4" t="s">
        <v>8331</v>
      </c>
    </row>
    <row r="1601" spans="1:11" ht="86.4" x14ac:dyDescent="0.3">
      <c r="A1601" s="1">
        <v>12051</v>
      </c>
      <c r="C1601" s="4" t="s">
        <v>8332</v>
      </c>
      <c r="D1601" s="4" t="s">
        <v>8333</v>
      </c>
      <c r="E1601" s="4" t="s">
        <v>8334</v>
      </c>
      <c r="F1601" s="4" t="s">
        <v>8335</v>
      </c>
      <c r="I1601" s="4" t="s">
        <v>8336</v>
      </c>
    </row>
    <row r="1602" spans="1:11" ht="100.8" x14ac:dyDescent="0.3">
      <c r="A1602" s="1">
        <v>12056</v>
      </c>
      <c r="C1602" s="4" t="s">
        <v>8337</v>
      </c>
      <c r="D1602" s="4" t="s">
        <v>8338</v>
      </c>
      <c r="E1602" s="4" t="s">
        <v>8339</v>
      </c>
      <c r="F1602" s="4" t="s">
        <v>8340</v>
      </c>
      <c r="G1602" s="4" t="s">
        <v>8341</v>
      </c>
      <c r="H1602" s="4" t="s">
        <v>8342</v>
      </c>
      <c r="I1602" s="4" t="s">
        <v>8343</v>
      </c>
      <c r="K1602" s="4" t="s">
        <v>8344</v>
      </c>
    </row>
    <row r="1603" spans="1:11" ht="57.6" x14ac:dyDescent="0.3">
      <c r="A1603" s="1">
        <v>12061</v>
      </c>
      <c r="C1603" s="4" t="s">
        <v>8345</v>
      </c>
      <c r="D1603" s="4" t="s">
        <v>8346</v>
      </c>
      <c r="H1603" s="4" t="s">
        <v>8347</v>
      </c>
      <c r="I1603" s="4" t="s">
        <v>8348</v>
      </c>
    </row>
    <row r="1604" spans="1:11" ht="72" x14ac:dyDescent="0.3">
      <c r="A1604" s="1">
        <v>12066</v>
      </c>
      <c r="C1604" s="4" t="s">
        <v>8349</v>
      </c>
      <c r="D1604" s="4" t="s">
        <v>8350</v>
      </c>
      <c r="F1604" s="4" t="s">
        <v>8351</v>
      </c>
      <c r="I1604" s="4" t="s">
        <v>8352</v>
      </c>
    </row>
    <row r="1605" spans="1:11" ht="72" x14ac:dyDescent="0.3">
      <c r="A1605" s="1">
        <v>12071</v>
      </c>
      <c r="D1605" s="4" t="s">
        <v>8353</v>
      </c>
      <c r="G1605" s="4" t="s">
        <v>8354</v>
      </c>
    </row>
    <row r="1606" spans="1:11" ht="57.6" x14ac:dyDescent="0.3">
      <c r="A1606" s="1">
        <v>12076</v>
      </c>
      <c r="C1606" s="4" t="s">
        <v>8355</v>
      </c>
      <c r="E1606" s="4" t="s">
        <v>8356</v>
      </c>
      <c r="G1606" s="4" t="s">
        <v>8357</v>
      </c>
      <c r="H1606" s="4" t="s">
        <v>8358</v>
      </c>
    </row>
    <row r="1607" spans="1:11" ht="72" x14ac:dyDescent="0.3">
      <c r="A1607" s="1">
        <v>12091</v>
      </c>
      <c r="D1607" s="4" t="s">
        <v>8359</v>
      </c>
      <c r="G1607" s="4" t="s">
        <v>8360</v>
      </c>
    </row>
    <row r="1608" spans="1:11" ht="86.4" x14ac:dyDescent="0.3">
      <c r="A1608" s="1">
        <v>12096</v>
      </c>
      <c r="C1608" s="4" t="s">
        <v>8361</v>
      </c>
      <c r="D1608" s="4" t="s">
        <v>8362</v>
      </c>
      <c r="E1608" s="4" t="s">
        <v>8363</v>
      </c>
      <c r="F1608" s="4" t="s">
        <v>8364</v>
      </c>
      <c r="G1608" s="4" t="s">
        <v>8365</v>
      </c>
      <c r="H1608" s="4" t="s">
        <v>8366</v>
      </c>
      <c r="I1608" s="4" t="s">
        <v>8367</v>
      </c>
      <c r="K1608" s="4" t="s">
        <v>8368</v>
      </c>
    </row>
    <row r="1609" spans="1:11" x14ac:dyDescent="0.3">
      <c r="A1609" s="1">
        <v>12106</v>
      </c>
    </row>
    <row r="1610" spans="1:11" ht="72" x14ac:dyDescent="0.3">
      <c r="A1610" s="1">
        <v>12116</v>
      </c>
      <c r="C1610" s="4" t="s">
        <v>8369</v>
      </c>
      <c r="D1610" s="4" t="s">
        <v>8370</v>
      </c>
      <c r="E1610" s="4" t="s">
        <v>8371</v>
      </c>
      <c r="F1610" s="4" t="s">
        <v>8372</v>
      </c>
      <c r="G1610" s="4" t="s">
        <v>8373</v>
      </c>
      <c r="H1610" s="4" t="s">
        <v>8374</v>
      </c>
      <c r="I1610" s="4" t="s">
        <v>8375</v>
      </c>
    </row>
    <row r="1611" spans="1:11" ht="43.2" x14ac:dyDescent="0.3">
      <c r="A1611" s="1">
        <v>12121</v>
      </c>
      <c r="C1611" s="4" t="s">
        <v>8376</v>
      </c>
      <c r="D1611" s="4" t="s">
        <v>8377</v>
      </c>
      <c r="G1611" s="4" t="s">
        <v>8378</v>
      </c>
    </row>
    <row r="1612" spans="1:11" x14ac:dyDescent="0.3">
      <c r="A1612" s="1">
        <v>12126</v>
      </c>
    </row>
    <row r="1613" spans="1:11" ht="43.2" x14ac:dyDescent="0.3">
      <c r="A1613" s="1">
        <v>12136</v>
      </c>
      <c r="C1613" s="4" t="s">
        <v>8379</v>
      </c>
      <c r="D1613" s="4" t="s">
        <v>8380</v>
      </c>
      <c r="F1613" s="4" t="s">
        <v>8381</v>
      </c>
      <c r="G1613" s="4" t="s">
        <v>8382</v>
      </c>
    </row>
    <row r="1614" spans="1:11" ht="72" x14ac:dyDescent="0.3">
      <c r="A1614" s="1">
        <v>12141</v>
      </c>
      <c r="C1614" s="4" t="s">
        <v>8383</v>
      </c>
      <c r="D1614" s="4" t="s">
        <v>8384</v>
      </c>
      <c r="E1614" s="4" t="s">
        <v>8385</v>
      </c>
      <c r="F1614" s="4" t="s">
        <v>8386</v>
      </c>
    </row>
    <row r="1615" spans="1:11" ht="72" x14ac:dyDescent="0.3">
      <c r="A1615" s="1">
        <v>12151</v>
      </c>
      <c r="E1615" s="4" t="s">
        <v>8387</v>
      </c>
      <c r="G1615" s="4" t="s">
        <v>8388</v>
      </c>
      <c r="I1615" s="4" t="s">
        <v>8389</v>
      </c>
      <c r="J1615" s="4" t="s">
        <v>8390</v>
      </c>
    </row>
    <row r="1616" spans="1:11" ht="86.4" x14ac:dyDescent="0.3">
      <c r="A1616" s="1">
        <v>12156</v>
      </c>
      <c r="C1616" s="4" t="s">
        <v>8391</v>
      </c>
      <c r="D1616" s="4" t="s">
        <v>8392</v>
      </c>
      <c r="G1616" s="4" t="s">
        <v>8393</v>
      </c>
      <c r="H1616" s="4" t="s">
        <v>8394</v>
      </c>
      <c r="I1616" s="4" t="s">
        <v>8395</v>
      </c>
      <c r="K1616" s="4" t="s">
        <v>8396</v>
      </c>
    </row>
    <row r="1617" spans="1:11" ht="100.8" x14ac:dyDescent="0.3">
      <c r="A1617" s="1">
        <v>12161</v>
      </c>
      <c r="C1617" s="4" t="s">
        <v>8397</v>
      </c>
      <c r="D1617" s="4" t="s">
        <v>8398</v>
      </c>
      <c r="F1617" s="4" t="s">
        <v>8399</v>
      </c>
      <c r="H1617" s="4" t="s">
        <v>8400</v>
      </c>
      <c r="I1617" s="4" t="s">
        <v>8401</v>
      </c>
    </row>
    <row r="1618" spans="1:11" ht="86.4" x14ac:dyDescent="0.3">
      <c r="A1618" s="1">
        <v>12171</v>
      </c>
      <c r="C1618" s="4" t="s">
        <v>8402</v>
      </c>
      <c r="D1618" s="4" t="s">
        <v>8403</v>
      </c>
      <c r="E1618" s="4" t="s">
        <v>8404</v>
      </c>
      <c r="G1618" s="4" t="s">
        <v>8405</v>
      </c>
      <c r="I1618" s="4" t="s">
        <v>8406</v>
      </c>
      <c r="K1618" s="4" t="s">
        <v>8407</v>
      </c>
    </row>
    <row r="1619" spans="1:11" ht="86.4" x14ac:dyDescent="0.3">
      <c r="A1619" s="1">
        <v>12176</v>
      </c>
      <c r="C1619" s="4" t="s">
        <v>8408</v>
      </c>
      <c r="D1619" s="4" t="s">
        <v>8409</v>
      </c>
      <c r="E1619" s="4" t="s">
        <v>8410</v>
      </c>
      <c r="F1619" s="4" t="s">
        <v>8411</v>
      </c>
      <c r="G1619" s="4" t="s">
        <v>8412</v>
      </c>
      <c r="H1619" s="4" t="s">
        <v>8413</v>
      </c>
      <c r="K1619" s="4" t="s">
        <v>8414</v>
      </c>
    </row>
    <row r="1620" spans="1:11" ht="28.8" x14ac:dyDescent="0.3">
      <c r="A1620" s="1">
        <v>12181</v>
      </c>
      <c r="D1620" s="4" t="s">
        <v>8415</v>
      </c>
      <c r="I1620" s="4" t="s">
        <v>8416</v>
      </c>
      <c r="K1620" s="4" t="s">
        <v>8417</v>
      </c>
    </row>
    <row r="1621" spans="1:11" ht="86.4" x14ac:dyDescent="0.3">
      <c r="A1621" s="1">
        <v>12186</v>
      </c>
      <c r="C1621" s="4" t="s">
        <v>8418</v>
      </c>
      <c r="D1621" s="4" t="s">
        <v>8419</v>
      </c>
      <c r="E1621" s="4" t="s">
        <v>8420</v>
      </c>
      <c r="F1621" s="4" t="s">
        <v>8421</v>
      </c>
      <c r="G1621" s="4" t="s">
        <v>8422</v>
      </c>
      <c r="H1621" s="4" t="s">
        <v>8423</v>
      </c>
      <c r="I1621" s="4" t="s">
        <v>8424</v>
      </c>
      <c r="K1621" s="4" t="s">
        <v>8425</v>
      </c>
    </row>
    <row r="1622" spans="1:11" ht="72" x14ac:dyDescent="0.3">
      <c r="A1622" s="1">
        <v>12191</v>
      </c>
      <c r="C1622" s="4" t="s">
        <v>8426</v>
      </c>
      <c r="I1622" s="4" t="s">
        <v>8427</v>
      </c>
    </row>
    <row r="1623" spans="1:11" ht="28.8" x14ac:dyDescent="0.3">
      <c r="A1623" s="1">
        <v>12196</v>
      </c>
      <c r="C1623" s="4" t="s">
        <v>8428</v>
      </c>
      <c r="D1623" s="4" t="s">
        <v>8429</v>
      </c>
      <c r="G1623" s="4" t="s">
        <v>8430</v>
      </c>
      <c r="H1623" s="4" t="s">
        <v>8431</v>
      </c>
    </row>
    <row r="1624" spans="1:11" ht="72" x14ac:dyDescent="0.3">
      <c r="A1624" s="1">
        <v>12201</v>
      </c>
      <c r="C1624" s="4" t="s">
        <v>8432</v>
      </c>
      <c r="D1624" s="4" t="s">
        <v>8433</v>
      </c>
      <c r="E1624" s="4" t="s">
        <v>8434</v>
      </c>
      <c r="F1624" s="4" t="s">
        <v>2100</v>
      </c>
      <c r="G1624" s="4" t="s">
        <v>8435</v>
      </c>
      <c r="H1624" s="4" t="s">
        <v>8436</v>
      </c>
      <c r="J1624" s="4" t="s">
        <v>8437</v>
      </c>
    </row>
    <row r="1625" spans="1:11" ht="72" x14ac:dyDescent="0.3">
      <c r="A1625" s="1">
        <v>12211</v>
      </c>
      <c r="C1625" s="4" t="s">
        <v>8438</v>
      </c>
      <c r="D1625" s="4" t="s">
        <v>8439</v>
      </c>
      <c r="E1625" s="4" t="s">
        <v>8440</v>
      </c>
      <c r="G1625" s="4" t="s">
        <v>8441</v>
      </c>
      <c r="H1625" s="4" t="s">
        <v>8442</v>
      </c>
    </row>
    <row r="1626" spans="1:11" ht="43.2" x14ac:dyDescent="0.3">
      <c r="A1626" s="1">
        <v>12216</v>
      </c>
      <c r="C1626" s="4" t="s">
        <v>8443</v>
      </c>
      <c r="E1626" s="4" t="s">
        <v>8444</v>
      </c>
      <c r="F1626" s="4" t="s">
        <v>8445</v>
      </c>
      <c r="G1626" s="4" t="s">
        <v>8445</v>
      </c>
      <c r="H1626" s="4" t="s">
        <v>8445</v>
      </c>
      <c r="I1626" s="4" t="s">
        <v>8446</v>
      </c>
      <c r="K1626" s="4" t="s">
        <v>8447</v>
      </c>
    </row>
    <row r="1627" spans="1:11" ht="72" x14ac:dyDescent="0.3">
      <c r="A1627" s="1">
        <v>12221</v>
      </c>
      <c r="C1627" s="4" t="s">
        <v>8448</v>
      </c>
      <c r="D1627" s="4" t="s">
        <v>8449</v>
      </c>
      <c r="E1627" s="4" t="s">
        <v>8450</v>
      </c>
      <c r="F1627" s="4" t="s">
        <v>8451</v>
      </c>
      <c r="G1627" s="4" t="s">
        <v>8452</v>
      </c>
      <c r="H1627" s="4" t="s">
        <v>8453</v>
      </c>
      <c r="I1627" s="4" t="s">
        <v>8454</v>
      </c>
      <c r="K1627" s="4" t="s">
        <v>8455</v>
      </c>
    </row>
    <row r="1628" spans="1:11" ht="43.2" x14ac:dyDescent="0.3">
      <c r="A1628" s="1">
        <v>12231</v>
      </c>
      <c r="C1628" s="4" t="s">
        <v>8456</v>
      </c>
      <c r="D1628" s="4" t="s">
        <v>8457</v>
      </c>
      <c r="E1628" s="4" t="s">
        <v>8458</v>
      </c>
      <c r="F1628" s="4" t="s">
        <v>8459</v>
      </c>
      <c r="G1628" s="4" t="s">
        <v>8460</v>
      </c>
      <c r="H1628" s="4" t="s">
        <v>8461</v>
      </c>
      <c r="I1628" s="4" t="s">
        <v>8462</v>
      </c>
    </row>
    <row r="1629" spans="1:11" x14ac:dyDescent="0.3">
      <c r="A1629" s="1">
        <v>12246</v>
      </c>
      <c r="B1629" s="1" t="s">
        <v>8463</v>
      </c>
    </row>
    <row r="1630" spans="1:11" ht="43.2" x14ac:dyDescent="0.3">
      <c r="A1630" s="1">
        <v>12251</v>
      </c>
      <c r="E1630" s="4" t="s">
        <v>8464</v>
      </c>
      <c r="F1630" s="4" t="s">
        <v>8465</v>
      </c>
      <c r="G1630" s="4" t="s">
        <v>8466</v>
      </c>
    </row>
    <row r="1631" spans="1:11" ht="86.4" x14ac:dyDescent="0.3">
      <c r="A1631" s="1">
        <v>12256</v>
      </c>
      <c r="C1631" s="4" t="s">
        <v>8467</v>
      </c>
      <c r="G1631" s="4" t="s">
        <v>8468</v>
      </c>
      <c r="H1631" s="4" t="s">
        <v>8469</v>
      </c>
      <c r="I1631" s="4" t="s">
        <v>8470</v>
      </c>
      <c r="K1631" s="4" t="s">
        <v>8471</v>
      </c>
    </row>
    <row r="1632" spans="1:11" x14ac:dyDescent="0.3">
      <c r="A1632" s="1">
        <v>12266</v>
      </c>
    </row>
    <row r="1633" spans="1:11" ht="43.2" x14ac:dyDescent="0.3">
      <c r="A1633" s="1">
        <v>12271</v>
      </c>
      <c r="C1633" s="4" t="s">
        <v>8472</v>
      </c>
      <c r="H1633" s="4" t="s">
        <v>8473</v>
      </c>
      <c r="I1633" s="4" t="s">
        <v>8474</v>
      </c>
      <c r="K1633" s="4" t="s">
        <v>8475</v>
      </c>
    </row>
    <row r="1634" spans="1:11" ht="72" x14ac:dyDescent="0.3">
      <c r="A1634" s="1">
        <v>12286</v>
      </c>
      <c r="C1634" s="4" t="s">
        <v>8476</v>
      </c>
      <c r="D1634" s="4" t="s">
        <v>8477</v>
      </c>
      <c r="E1634" s="4" t="s">
        <v>8478</v>
      </c>
      <c r="F1634" s="4" t="s">
        <v>8479</v>
      </c>
      <c r="G1634" s="4" t="s">
        <v>8480</v>
      </c>
      <c r="H1634" s="4" t="s">
        <v>8481</v>
      </c>
      <c r="I1634" s="4" t="s">
        <v>8482</v>
      </c>
      <c r="K1634" s="4" t="s">
        <v>8483</v>
      </c>
    </row>
    <row r="1635" spans="1:11" ht="86.4" x14ac:dyDescent="0.3">
      <c r="A1635" s="1">
        <v>12291</v>
      </c>
      <c r="C1635" s="4" t="s">
        <v>8484</v>
      </c>
      <c r="D1635" s="4" t="s">
        <v>8485</v>
      </c>
      <c r="E1635" s="4" t="s">
        <v>8486</v>
      </c>
      <c r="F1635" s="4" t="s">
        <v>8487</v>
      </c>
      <c r="G1635" s="4" t="s">
        <v>8488</v>
      </c>
      <c r="H1635" s="4" t="s">
        <v>8489</v>
      </c>
      <c r="I1635" s="4" t="s">
        <v>8490</v>
      </c>
      <c r="K1635" s="4" t="s">
        <v>8491</v>
      </c>
    </row>
    <row r="1636" spans="1:11" ht="28.8" x14ac:dyDescent="0.3">
      <c r="A1636" s="1">
        <v>12296</v>
      </c>
      <c r="I1636" s="4" t="s">
        <v>8492</v>
      </c>
    </row>
    <row r="1637" spans="1:11" ht="72" x14ac:dyDescent="0.3">
      <c r="A1637" s="1">
        <v>12301</v>
      </c>
      <c r="C1637" s="4" t="s">
        <v>8493</v>
      </c>
      <c r="D1637" s="4" t="s">
        <v>8494</v>
      </c>
      <c r="E1637" s="4" t="s">
        <v>8495</v>
      </c>
      <c r="H1637" s="4" t="s">
        <v>8496</v>
      </c>
      <c r="K1637" s="4" t="s">
        <v>8497</v>
      </c>
    </row>
    <row r="1638" spans="1:11" ht="57.6" x14ac:dyDescent="0.3">
      <c r="A1638" s="1">
        <v>12306</v>
      </c>
      <c r="C1638" s="4" t="s">
        <v>23155</v>
      </c>
      <c r="D1638" s="4" t="s">
        <v>23156</v>
      </c>
      <c r="E1638" s="4" t="s">
        <v>8498</v>
      </c>
      <c r="H1638" s="4" t="s">
        <v>8499</v>
      </c>
    </row>
    <row r="1639" spans="1:11" ht="72" x14ac:dyDescent="0.3">
      <c r="A1639" s="1">
        <v>12311</v>
      </c>
      <c r="C1639" s="4" t="s">
        <v>8500</v>
      </c>
      <c r="D1639" s="4" t="s">
        <v>8501</v>
      </c>
      <c r="E1639" s="4" t="s">
        <v>8502</v>
      </c>
      <c r="F1639" s="4" t="s">
        <v>8503</v>
      </c>
      <c r="G1639" s="4" t="s">
        <v>8504</v>
      </c>
      <c r="H1639" s="4" t="s">
        <v>8505</v>
      </c>
      <c r="I1639" s="4" t="s">
        <v>8506</v>
      </c>
      <c r="K1639" s="4" t="s">
        <v>8507</v>
      </c>
    </row>
    <row r="1640" spans="1:11" ht="72" x14ac:dyDescent="0.3">
      <c r="A1640" s="1">
        <v>12326</v>
      </c>
      <c r="C1640" s="4" t="s">
        <v>8508</v>
      </c>
      <c r="E1640" s="4" t="s">
        <v>8509</v>
      </c>
      <c r="F1640" s="4" t="s">
        <v>8510</v>
      </c>
      <c r="H1640" s="4" t="s">
        <v>8511</v>
      </c>
      <c r="I1640" s="4" t="s">
        <v>8512</v>
      </c>
      <c r="K1640" s="4" t="s">
        <v>8513</v>
      </c>
    </row>
    <row r="1641" spans="1:11" ht="86.4" x14ac:dyDescent="0.3">
      <c r="A1641" s="1">
        <v>12331</v>
      </c>
      <c r="C1641" s="4" t="s">
        <v>8514</v>
      </c>
      <c r="D1641" s="4" t="s">
        <v>8515</v>
      </c>
      <c r="E1641" s="4" t="s">
        <v>8516</v>
      </c>
      <c r="F1641" s="4" t="s">
        <v>8517</v>
      </c>
      <c r="G1641" s="4" t="s">
        <v>8518</v>
      </c>
      <c r="H1641" s="4" t="s">
        <v>8519</v>
      </c>
      <c r="I1641" s="4" t="s">
        <v>8520</v>
      </c>
      <c r="K1641" s="4" t="s">
        <v>8521</v>
      </c>
    </row>
    <row r="1642" spans="1:11" ht="86.4" x14ac:dyDescent="0.3">
      <c r="A1642" s="1">
        <v>12336</v>
      </c>
      <c r="C1642" s="4" t="s">
        <v>8522</v>
      </c>
      <c r="D1642" s="4" t="s">
        <v>8523</v>
      </c>
      <c r="E1642" s="4" t="s">
        <v>8524</v>
      </c>
      <c r="F1642" s="4" t="s">
        <v>8525</v>
      </c>
      <c r="G1642" s="4" t="s">
        <v>8526</v>
      </c>
      <c r="H1642" s="4" t="s">
        <v>8527</v>
      </c>
      <c r="I1642" s="4" t="s">
        <v>8528</v>
      </c>
      <c r="J1642" s="4" t="s">
        <v>8529</v>
      </c>
      <c r="K1642" s="4" t="s">
        <v>8530</v>
      </c>
    </row>
    <row r="1643" spans="1:11" ht="43.2" x14ac:dyDescent="0.3">
      <c r="A1643" s="1">
        <v>12346</v>
      </c>
      <c r="D1643" s="4" t="s">
        <v>8531</v>
      </c>
      <c r="E1643" s="4" t="s">
        <v>8532</v>
      </c>
      <c r="G1643" s="4" t="s">
        <v>8533</v>
      </c>
    </row>
    <row r="1644" spans="1:11" x14ac:dyDescent="0.3">
      <c r="A1644" s="1">
        <v>12351</v>
      </c>
    </row>
    <row r="1645" spans="1:11" ht="86.4" x14ac:dyDescent="0.3">
      <c r="A1645" s="1">
        <v>12356</v>
      </c>
      <c r="C1645" s="4" t="s">
        <v>8534</v>
      </c>
      <c r="D1645" s="4" t="s">
        <v>8535</v>
      </c>
      <c r="E1645" s="4" t="s">
        <v>8536</v>
      </c>
      <c r="G1645" s="4" t="s">
        <v>8537</v>
      </c>
      <c r="H1645" s="4" t="s">
        <v>8538</v>
      </c>
      <c r="I1645" s="4" t="s">
        <v>8539</v>
      </c>
      <c r="J1645" s="4" t="s">
        <v>8540</v>
      </c>
      <c r="K1645" s="4" t="s">
        <v>8541</v>
      </c>
    </row>
    <row r="1646" spans="1:11" ht="72" x14ac:dyDescent="0.3">
      <c r="A1646" s="1">
        <v>12361</v>
      </c>
      <c r="C1646" s="4" t="s">
        <v>8542</v>
      </c>
      <c r="D1646" s="4" t="s">
        <v>8543</v>
      </c>
      <c r="E1646" s="4" t="s">
        <v>8544</v>
      </c>
      <c r="F1646" s="4" t="s">
        <v>8545</v>
      </c>
      <c r="H1646" s="4" t="s">
        <v>8546</v>
      </c>
      <c r="I1646" s="4" t="s">
        <v>8547</v>
      </c>
      <c r="K1646" s="4" t="s">
        <v>8548</v>
      </c>
    </row>
    <row r="1647" spans="1:11" ht="28.8" x14ac:dyDescent="0.3">
      <c r="A1647" s="1">
        <v>12366</v>
      </c>
      <c r="D1647" s="4" t="s">
        <v>8549</v>
      </c>
    </row>
    <row r="1648" spans="1:11" ht="86.4" x14ac:dyDescent="0.3">
      <c r="A1648" s="1">
        <v>12371</v>
      </c>
      <c r="C1648" s="4" t="s">
        <v>8550</v>
      </c>
      <c r="D1648" s="4" t="s">
        <v>8551</v>
      </c>
      <c r="G1648" s="4" t="s">
        <v>8552</v>
      </c>
      <c r="H1648" s="4" t="s">
        <v>8553</v>
      </c>
      <c r="I1648" s="4" t="s">
        <v>8554</v>
      </c>
      <c r="K1648" s="4" t="s">
        <v>8555</v>
      </c>
    </row>
    <row r="1649" spans="1:11" ht="86.4" x14ac:dyDescent="0.3">
      <c r="A1649" s="1">
        <v>12376</v>
      </c>
      <c r="C1649" s="4" t="s">
        <v>8556</v>
      </c>
      <c r="D1649" s="4" t="s">
        <v>8557</v>
      </c>
      <c r="E1649" s="4" t="s">
        <v>8558</v>
      </c>
      <c r="F1649" s="4" t="s">
        <v>8559</v>
      </c>
      <c r="G1649" s="4" t="s">
        <v>8560</v>
      </c>
      <c r="I1649" s="4" t="s">
        <v>8561</v>
      </c>
      <c r="K1649" s="4" t="s">
        <v>8562</v>
      </c>
    </row>
    <row r="1650" spans="1:11" ht="86.4" x14ac:dyDescent="0.3">
      <c r="A1650" s="1">
        <v>12386</v>
      </c>
      <c r="C1650" s="4" t="s">
        <v>8563</v>
      </c>
      <c r="D1650" s="4" t="s">
        <v>8564</v>
      </c>
      <c r="E1650" s="4" t="s">
        <v>8565</v>
      </c>
      <c r="F1650" s="4" t="s">
        <v>8566</v>
      </c>
      <c r="G1650" s="4" t="s">
        <v>8567</v>
      </c>
      <c r="H1650" s="4" t="s">
        <v>8568</v>
      </c>
      <c r="I1650" s="4" t="s">
        <v>8569</v>
      </c>
      <c r="K1650" s="4" t="s">
        <v>8570</v>
      </c>
    </row>
    <row r="1651" spans="1:11" ht="43.2" x14ac:dyDescent="0.3">
      <c r="A1651" s="1">
        <v>12391</v>
      </c>
      <c r="C1651" s="4" t="s">
        <v>8571</v>
      </c>
      <c r="D1651" s="4" t="s">
        <v>8572</v>
      </c>
      <c r="E1651" s="4" t="s">
        <v>8573</v>
      </c>
      <c r="F1651" s="4" t="s">
        <v>8574</v>
      </c>
      <c r="G1651" s="4" t="s">
        <v>8575</v>
      </c>
      <c r="H1651" s="4" t="s">
        <v>8576</v>
      </c>
      <c r="I1651" s="4" t="s">
        <v>8577</v>
      </c>
      <c r="K1651" s="4" t="s">
        <v>8578</v>
      </c>
    </row>
    <row r="1652" spans="1:11" ht="86.4" x14ac:dyDescent="0.3">
      <c r="A1652" s="1">
        <v>12396</v>
      </c>
      <c r="C1652" s="4" t="s">
        <v>8579</v>
      </c>
      <c r="D1652" s="4" t="s">
        <v>8580</v>
      </c>
      <c r="E1652" s="4" t="s">
        <v>8581</v>
      </c>
      <c r="F1652" s="4" t="s">
        <v>8582</v>
      </c>
      <c r="G1652" s="4" t="s">
        <v>8583</v>
      </c>
      <c r="H1652" s="4" t="s">
        <v>8584</v>
      </c>
      <c r="K1652" s="4" t="s">
        <v>8585</v>
      </c>
    </row>
    <row r="1653" spans="1:11" ht="100.8" x14ac:dyDescent="0.3">
      <c r="A1653" s="1">
        <v>12401</v>
      </c>
      <c r="C1653" s="4" t="s">
        <v>8586</v>
      </c>
      <c r="D1653" s="4" t="s">
        <v>8587</v>
      </c>
      <c r="E1653" s="4" t="s">
        <v>8588</v>
      </c>
      <c r="F1653" s="4" t="s">
        <v>8589</v>
      </c>
      <c r="G1653" s="4" t="s">
        <v>8590</v>
      </c>
      <c r="H1653" s="4" t="s">
        <v>8591</v>
      </c>
      <c r="I1653" s="4" t="s">
        <v>8592</v>
      </c>
      <c r="K1653" s="4" t="s">
        <v>8593</v>
      </c>
    </row>
    <row r="1654" spans="1:11" ht="57.6" x14ac:dyDescent="0.3">
      <c r="A1654" s="1">
        <v>12406</v>
      </c>
      <c r="C1654" s="4" t="s">
        <v>8594</v>
      </c>
      <c r="D1654" s="4" t="s">
        <v>8595</v>
      </c>
      <c r="F1654" s="4" t="s">
        <v>8596</v>
      </c>
      <c r="K1654" s="4" t="s">
        <v>8597</v>
      </c>
    </row>
    <row r="1655" spans="1:11" ht="72" x14ac:dyDescent="0.3">
      <c r="A1655" s="1">
        <v>12411</v>
      </c>
      <c r="D1655" s="4" t="s">
        <v>8598</v>
      </c>
      <c r="E1655" s="4" t="s">
        <v>8599</v>
      </c>
      <c r="G1655" s="4" t="s">
        <v>8600</v>
      </c>
      <c r="H1655" s="4" t="s">
        <v>8601</v>
      </c>
    </row>
    <row r="1656" spans="1:11" ht="86.4" x14ac:dyDescent="0.3">
      <c r="A1656" s="1">
        <v>12416</v>
      </c>
      <c r="C1656" s="4" t="s">
        <v>8602</v>
      </c>
      <c r="D1656" s="4" t="s">
        <v>8603</v>
      </c>
      <c r="E1656" s="4" t="s">
        <v>8604</v>
      </c>
      <c r="F1656" s="4" t="s">
        <v>8605</v>
      </c>
      <c r="G1656" s="4" t="s">
        <v>8606</v>
      </c>
      <c r="H1656" s="4" t="s">
        <v>8607</v>
      </c>
      <c r="K1656" s="4" t="s">
        <v>8608</v>
      </c>
    </row>
    <row r="1657" spans="1:11" ht="43.2" x14ac:dyDescent="0.3">
      <c r="A1657" s="1">
        <v>12421</v>
      </c>
      <c r="C1657" s="4" t="s">
        <v>8609</v>
      </c>
      <c r="D1657" s="4" t="s">
        <v>8609</v>
      </c>
    </row>
    <row r="1658" spans="1:11" x14ac:dyDescent="0.3">
      <c r="A1658" s="1">
        <v>12426</v>
      </c>
    </row>
    <row r="1659" spans="1:11" ht="28.8" x14ac:dyDescent="0.3">
      <c r="A1659" s="1">
        <v>12431</v>
      </c>
      <c r="D1659" s="4" t="s">
        <v>8610</v>
      </c>
      <c r="E1659" s="4" t="s">
        <v>8611</v>
      </c>
    </row>
    <row r="1660" spans="1:11" ht="43.2" x14ac:dyDescent="0.3">
      <c r="A1660" s="1">
        <v>12436</v>
      </c>
      <c r="C1660" s="4" t="s">
        <v>8612</v>
      </c>
      <c r="D1660" s="4" t="s">
        <v>8613</v>
      </c>
      <c r="E1660" s="4" t="s">
        <v>8614</v>
      </c>
      <c r="F1660" s="4" t="s">
        <v>8615</v>
      </c>
      <c r="G1660" s="4" t="s">
        <v>8616</v>
      </c>
      <c r="H1660" s="4" t="s">
        <v>8617</v>
      </c>
      <c r="I1660" s="4" t="s">
        <v>8618</v>
      </c>
      <c r="K1660" s="4" t="s">
        <v>8619</v>
      </c>
    </row>
    <row r="1661" spans="1:11" ht="28.8" x14ac:dyDescent="0.3">
      <c r="A1661" s="1">
        <v>12441</v>
      </c>
      <c r="C1661" s="4" t="s">
        <v>8620</v>
      </c>
      <c r="D1661" s="4" t="s">
        <v>8621</v>
      </c>
      <c r="G1661" s="4" t="s">
        <v>8622</v>
      </c>
      <c r="I1661" s="4" t="s">
        <v>8623</v>
      </c>
      <c r="K1661" s="4" t="s">
        <v>8624</v>
      </c>
    </row>
    <row r="1662" spans="1:11" ht="86.4" x14ac:dyDescent="0.3">
      <c r="A1662" s="1">
        <v>12446</v>
      </c>
      <c r="C1662" s="4" t="s">
        <v>8625</v>
      </c>
      <c r="D1662" s="4" t="s">
        <v>8626</v>
      </c>
      <c r="E1662" s="4" t="s">
        <v>8627</v>
      </c>
      <c r="F1662" s="4" t="s">
        <v>8628</v>
      </c>
      <c r="G1662" s="4" t="s">
        <v>8629</v>
      </c>
      <c r="H1662" s="4" t="s">
        <v>8630</v>
      </c>
      <c r="I1662" s="4" t="s">
        <v>8631</v>
      </c>
      <c r="J1662" s="4" t="s">
        <v>8632</v>
      </c>
      <c r="K1662" s="4" t="s">
        <v>8633</v>
      </c>
    </row>
    <row r="1663" spans="1:11" x14ac:dyDescent="0.3">
      <c r="A1663" s="1">
        <v>12456</v>
      </c>
    </row>
    <row r="1664" spans="1:11" ht="100.8" x14ac:dyDescent="0.3">
      <c r="A1664" s="1">
        <v>12466</v>
      </c>
      <c r="C1664" s="4" t="s">
        <v>8634</v>
      </c>
      <c r="D1664" s="4" t="s">
        <v>8635</v>
      </c>
      <c r="G1664" s="4" t="s">
        <v>8636</v>
      </c>
      <c r="H1664" s="4" t="s">
        <v>8637</v>
      </c>
      <c r="I1664" s="4" t="s">
        <v>8638</v>
      </c>
      <c r="K1664" s="4" t="s">
        <v>8639</v>
      </c>
    </row>
    <row r="1665" spans="1:11" ht="43.2" x14ac:dyDescent="0.3">
      <c r="A1665" s="1">
        <v>12476</v>
      </c>
      <c r="C1665" s="4" t="s">
        <v>8640</v>
      </c>
      <c r="D1665" s="4" t="s">
        <v>8641</v>
      </c>
      <c r="H1665" s="4" t="s">
        <v>8642</v>
      </c>
      <c r="I1665" s="4" t="s">
        <v>8643</v>
      </c>
    </row>
    <row r="1666" spans="1:11" ht="72" x14ac:dyDescent="0.3">
      <c r="A1666" s="1">
        <v>12481</v>
      </c>
      <c r="G1666" s="4" t="s">
        <v>8644</v>
      </c>
      <c r="H1666" s="4" t="s">
        <v>8645</v>
      </c>
    </row>
    <row r="1667" spans="1:11" ht="86.4" x14ac:dyDescent="0.3">
      <c r="A1667" s="1">
        <v>12491</v>
      </c>
      <c r="G1667" s="4" t="s">
        <v>8646</v>
      </c>
      <c r="H1667" s="4" t="s">
        <v>8647</v>
      </c>
      <c r="I1667" s="4" t="s">
        <v>8648</v>
      </c>
      <c r="K1667" s="4" t="s">
        <v>8649</v>
      </c>
    </row>
    <row r="1668" spans="1:11" ht="86.4" x14ac:dyDescent="0.3">
      <c r="A1668" s="1">
        <v>12496</v>
      </c>
      <c r="D1668" s="4" t="s">
        <v>8650</v>
      </c>
      <c r="E1668" s="4" t="s">
        <v>8651</v>
      </c>
      <c r="F1668" s="4" t="s">
        <v>8652</v>
      </c>
      <c r="G1668" s="4" t="s">
        <v>8653</v>
      </c>
      <c r="H1668" s="4" t="s">
        <v>8654</v>
      </c>
      <c r="I1668" s="4" t="s">
        <v>8655</v>
      </c>
      <c r="K1668" s="4" t="s">
        <v>8656</v>
      </c>
    </row>
    <row r="1669" spans="1:11" x14ac:dyDescent="0.3">
      <c r="A1669" s="1">
        <v>12501</v>
      </c>
    </row>
    <row r="1670" spans="1:11" ht="72" x14ac:dyDescent="0.3">
      <c r="A1670" s="1">
        <v>12506</v>
      </c>
      <c r="C1670" s="4" t="s">
        <v>8657</v>
      </c>
      <c r="D1670" s="4" t="s">
        <v>8658</v>
      </c>
      <c r="E1670" s="4" t="s">
        <v>8659</v>
      </c>
      <c r="G1670" s="4" t="s">
        <v>8660</v>
      </c>
      <c r="H1670" s="4" t="s">
        <v>8661</v>
      </c>
    </row>
    <row r="1671" spans="1:11" ht="28.8" x14ac:dyDescent="0.3">
      <c r="A1671" s="1">
        <v>12511</v>
      </c>
      <c r="C1671" s="4" t="s">
        <v>8662</v>
      </c>
      <c r="D1671" s="4" t="s">
        <v>8663</v>
      </c>
      <c r="E1671" s="4" t="s">
        <v>8664</v>
      </c>
      <c r="J1671" s="4" t="s">
        <v>8665</v>
      </c>
      <c r="K1671" s="4" t="s">
        <v>8666</v>
      </c>
    </row>
    <row r="1672" spans="1:11" ht="86.4" x14ac:dyDescent="0.3">
      <c r="A1672" s="1">
        <v>12521</v>
      </c>
      <c r="C1672" s="4" t="s">
        <v>8667</v>
      </c>
      <c r="D1672" s="4" t="s">
        <v>8668</v>
      </c>
      <c r="G1672" s="4" t="s">
        <v>8669</v>
      </c>
      <c r="H1672" s="4" t="s">
        <v>8670</v>
      </c>
      <c r="I1672" s="4" t="s">
        <v>8671</v>
      </c>
      <c r="K1672" s="4" t="s">
        <v>8672</v>
      </c>
    </row>
    <row r="1673" spans="1:11" ht="43.2" x14ac:dyDescent="0.3">
      <c r="A1673" s="1">
        <v>12531</v>
      </c>
      <c r="C1673" s="4" t="s">
        <v>8673</v>
      </c>
      <c r="D1673" s="4" t="s">
        <v>8674</v>
      </c>
      <c r="E1673" s="4" t="s">
        <v>8675</v>
      </c>
      <c r="G1673" s="4" t="s">
        <v>8676</v>
      </c>
      <c r="H1673" s="4" t="s">
        <v>8677</v>
      </c>
      <c r="I1673" s="4" t="s">
        <v>8678</v>
      </c>
      <c r="K1673" s="4" t="s">
        <v>8679</v>
      </c>
    </row>
    <row r="1674" spans="1:11" ht="57.6" x14ac:dyDescent="0.3">
      <c r="A1674" s="1">
        <v>12536</v>
      </c>
      <c r="C1674" s="4" t="s">
        <v>8680</v>
      </c>
      <c r="D1674" s="4" t="s">
        <v>8681</v>
      </c>
      <c r="E1674" s="4" t="s">
        <v>8682</v>
      </c>
      <c r="F1674" s="4" t="s">
        <v>8683</v>
      </c>
      <c r="G1674" s="4" t="s">
        <v>8684</v>
      </c>
      <c r="H1674" s="4" t="s">
        <v>8685</v>
      </c>
      <c r="I1674" s="4" t="s">
        <v>8686</v>
      </c>
      <c r="K1674" s="4" t="s">
        <v>8687</v>
      </c>
    </row>
    <row r="1675" spans="1:11" ht="86.4" x14ac:dyDescent="0.3">
      <c r="A1675" s="1">
        <v>12546</v>
      </c>
      <c r="C1675" s="4" t="s">
        <v>8688</v>
      </c>
      <c r="D1675" s="4" t="s">
        <v>8689</v>
      </c>
      <c r="E1675" s="4" t="s">
        <v>8690</v>
      </c>
      <c r="F1675" s="4" t="s">
        <v>8691</v>
      </c>
      <c r="G1675" s="4" t="s">
        <v>8692</v>
      </c>
      <c r="H1675" s="4" t="s">
        <v>8693</v>
      </c>
      <c r="K1675" s="4" t="s">
        <v>8694</v>
      </c>
    </row>
    <row r="1676" spans="1:11" ht="57.6" x14ac:dyDescent="0.3">
      <c r="A1676" s="1">
        <v>12551</v>
      </c>
      <c r="C1676" s="4" t="s">
        <v>8695</v>
      </c>
      <c r="G1676" s="4" t="s">
        <v>8696</v>
      </c>
      <c r="H1676" s="4" t="s">
        <v>8697</v>
      </c>
      <c r="J1676" s="4" t="s">
        <v>8698</v>
      </c>
      <c r="K1676" s="4" t="s">
        <v>8699</v>
      </c>
    </row>
    <row r="1677" spans="1:11" x14ac:dyDescent="0.3">
      <c r="A1677" s="1">
        <v>12561</v>
      </c>
    </row>
    <row r="1678" spans="1:11" ht="72" x14ac:dyDescent="0.3">
      <c r="A1678" s="1">
        <v>12566</v>
      </c>
      <c r="C1678" s="4" t="s">
        <v>8700</v>
      </c>
      <c r="D1678" s="4" t="s">
        <v>8701</v>
      </c>
      <c r="E1678" s="4" t="s">
        <v>8702</v>
      </c>
      <c r="F1678" s="4" t="s">
        <v>8703</v>
      </c>
      <c r="G1678" s="4" t="s">
        <v>8704</v>
      </c>
      <c r="H1678" s="4" t="s">
        <v>8705</v>
      </c>
      <c r="I1678" s="4" t="s">
        <v>8706</v>
      </c>
      <c r="K1678" s="4" t="s">
        <v>8707</v>
      </c>
    </row>
    <row r="1679" spans="1:11" ht="86.4" x14ac:dyDescent="0.3">
      <c r="A1679" s="1">
        <v>12576</v>
      </c>
      <c r="F1679" s="4" t="s">
        <v>8708</v>
      </c>
      <c r="H1679" s="4" t="s">
        <v>8709</v>
      </c>
      <c r="I1679" s="4" t="s">
        <v>8710</v>
      </c>
    </row>
    <row r="1680" spans="1:11" ht="100.8" x14ac:dyDescent="0.3">
      <c r="A1680" s="1">
        <v>12591</v>
      </c>
      <c r="C1680" s="4" t="s">
        <v>8711</v>
      </c>
      <c r="E1680" s="4" t="s">
        <v>8712</v>
      </c>
      <c r="F1680" s="4" t="s">
        <v>8713</v>
      </c>
      <c r="G1680" s="4" t="s">
        <v>8714</v>
      </c>
      <c r="H1680" s="4" t="s">
        <v>8715</v>
      </c>
      <c r="I1680" s="4" t="s">
        <v>8716</v>
      </c>
    </row>
    <row r="1681" spans="1:11" ht="86.4" x14ac:dyDescent="0.3">
      <c r="A1681" s="1">
        <v>12596</v>
      </c>
      <c r="C1681" s="4" t="s">
        <v>8717</v>
      </c>
      <c r="D1681" s="4" t="s">
        <v>8718</v>
      </c>
      <c r="E1681" s="4" t="s">
        <v>8719</v>
      </c>
      <c r="F1681" s="4" t="s">
        <v>8720</v>
      </c>
      <c r="G1681" s="4" t="s">
        <v>8721</v>
      </c>
    </row>
    <row r="1682" spans="1:11" ht="72" x14ac:dyDescent="0.3">
      <c r="A1682" s="1">
        <v>12601</v>
      </c>
      <c r="C1682" s="4" t="s">
        <v>8722</v>
      </c>
      <c r="G1682" s="4" t="s">
        <v>8723</v>
      </c>
      <c r="K1682" s="4" t="s">
        <v>8724</v>
      </c>
    </row>
    <row r="1683" spans="1:11" x14ac:dyDescent="0.3">
      <c r="A1683" s="1">
        <v>12606</v>
      </c>
    </row>
    <row r="1684" spans="1:11" ht="86.4" x14ac:dyDescent="0.3">
      <c r="A1684" s="1">
        <v>12611</v>
      </c>
      <c r="C1684" s="4" t="s">
        <v>8725</v>
      </c>
      <c r="D1684" s="4" t="s">
        <v>8726</v>
      </c>
      <c r="E1684" s="4" t="s">
        <v>8727</v>
      </c>
      <c r="F1684" s="4" t="s">
        <v>8728</v>
      </c>
      <c r="G1684" s="4" t="s">
        <v>8729</v>
      </c>
      <c r="H1684" s="4" t="s">
        <v>8730</v>
      </c>
      <c r="J1684" s="4" t="s">
        <v>8731</v>
      </c>
      <c r="K1684" s="4" t="s">
        <v>8732</v>
      </c>
    </row>
    <row r="1685" spans="1:11" x14ac:dyDescent="0.3">
      <c r="A1685" s="1">
        <v>12616</v>
      </c>
    </row>
    <row r="1686" spans="1:11" ht="28.8" x14ac:dyDescent="0.3">
      <c r="A1686" s="1">
        <v>12621</v>
      </c>
      <c r="D1686" s="4" t="s">
        <v>8733</v>
      </c>
      <c r="E1686" s="4" t="s">
        <v>8734</v>
      </c>
      <c r="F1686" s="4" t="s">
        <v>8735</v>
      </c>
      <c r="J1686" s="4" t="s">
        <v>8736</v>
      </c>
    </row>
    <row r="1687" spans="1:11" ht="86.4" x14ac:dyDescent="0.3">
      <c r="A1687" s="1">
        <v>12631</v>
      </c>
      <c r="C1687" s="4" t="s">
        <v>8737</v>
      </c>
      <c r="D1687" s="4" t="s">
        <v>8738</v>
      </c>
      <c r="E1687" s="4" t="s">
        <v>8739</v>
      </c>
      <c r="F1687" s="4" t="s">
        <v>8740</v>
      </c>
      <c r="G1687" s="4" t="s">
        <v>8741</v>
      </c>
      <c r="H1687" s="4" t="s">
        <v>8742</v>
      </c>
      <c r="I1687" s="4" t="s">
        <v>8743</v>
      </c>
      <c r="K1687" s="4" t="s">
        <v>8744</v>
      </c>
    </row>
    <row r="1688" spans="1:11" ht="28.8" x14ac:dyDescent="0.3">
      <c r="A1688" s="1">
        <v>12651</v>
      </c>
      <c r="D1688" s="4" t="s">
        <v>23190</v>
      </c>
      <c r="F1688" s="4" t="s">
        <v>8745</v>
      </c>
      <c r="H1688" s="4" t="s">
        <v>8746</v>
      </c>
    </row>
    <row r="1689" spans="1:11" ht="72" x14ac:dyDescent="0.3">
      <c r="A1689" s="1">
        <v>12656</v>
      </c>
      <c r="G1689" s="4" t="s">
        <v>8747</v>
      </c>
      <c r="H1689" s="4" t="s">
        <v>8748</v>
      </c>
    </row>
    <row r="1690" spans="1:11" ht="57.6" x14ac:dyDescent="0.3">
      <c r="A1690" s="1">
        <v>12661</v>
      </c>
      <c r="C1690" s="4" t="s">
        <v>8749</v>
      </c>
      <c r="D1690" s="4" t="s">
        <v>8750</v>
      </c>
      <c r="E1690" s="4" t="s">
        <v>8751</v>
      </c>
      <c r="F1690" s="4" t="s">
        <v>8752</v>
      </c>
      <c r="G1690" s="4" t="s">
        <v>8753</v>
      </c>
      <c r="H1690" s="4" t="s">
        <v>8754</v>
      </c>
      <c r="I1690" s="4" t="s">
        <v>8755</v>
      </c>
    </row>
    <row r="1691" spans="1:11" ht="28.8" x14ac:dyDescent="0.3">
      <c r="A1691" s="1">
        <v>12666</v>
      </c>
      <c r="C1691" s="4" t="s">
        <v>8756</v>
      </c>
      <c r="D1691" s="4" t="s">
        <v>8757</v>
      </c>
      <c r="F1691" s="4" t="s">
        <v>8758</v>
      </c>
      <c r="G1691" s="4" t="s">
        <v>8759</v>
      </c>
      <c r="H1691" s="4" t="s">
        <v>8760</v>
      </c>
      <c r="I1691" s="4" t="s">
        <v>8761</v>
      </c>
    </row>
    <row r="1692" spans="1:11" ht="86.4" x14ac:dyDescent="0.3">
      <c r="A1692" s="1">
        <v>12671</v>
      </c>
      <c r="C1692" s="4" t="s">
        <v>8762</v>
      </c>
      <c r="D1692" s="4" t="s">
        <v>8763</v>
      </c>
      <c r="G1692" s="4" t="s">
        <v>8764</v>
      </c>
      <c r="H1692" s="4" t="s">
        <v>8765</v>
      </c>
      <c r="I1692" s="4" t="s">
        <v>8766</v>
      </c>
      <c r="K1692" s="4" t="s">
        <v>8767</v>
      </c>
    </row>
    <row r="1693" spans="1:11" ht="86.4" x14ac:dyDescent="0.3">
      <c r="A1693" s="1">
        <v>12691</v>
      </c>
      <c r="D1693" s="4" t="s">
        <v>8768</v>
      </c>
      <c r="E1693" s="4" t="s">
        <v>8769</v>
      </c>
      <c r="F1693" s="4" t="s">
        <v>8770</v>
      </c>
      <c r="G1693" s="4" t="s">
        <v>8771</v>
      </c>
      <c r="H1693" s="4" t="s">
        <v>8772</v>
      </c>
      <c r="I1693" s="4" t="s">
        <v>8773</v>
      </c>
      <c r="K1693" s="4" t="s">
        <v>8774</v>
      </c>
    </row>
    <row r="1694" spans="1:11" ht="72" x14ac:dyDescent="0.3">
      <c r="A1694" s="1">
        <v>12701</v>
      </c>
      <c r="C1694" s="4" t="s">
        <v>8775</v>
      </c>
      <c r="D1694" s="4" t="s">
        <v>8776</v>
      </c>
      <c r="E1694" s="4" t="s">
        <v>8777</v>
      </c>
    </row>
    <row r="1695" spans="1:11" x14ac:dyDescent="0.3">
      <c r="A1695" s="1">
        <v>12706</v>
      </c>
    </row>
    <row r="1696" spans="1:11" x14ac:dyDescent="0.3">
      <c r="A1696" s="1">
        <v>12711</v>
      </c>
    </row>
    <row r="1697" spans="1:11" x14ac:dyDescent="0.3">
      <c r="A1697" s="1">
        <v>12716</v>
      </c>
    </row>
    <row r="1698" spans="1:11" ht="57.6" x14ac:dyDescent="0.3">
      <c r="A1698" s="1">
        <v>12726</v>
      </c>
      <c r="D1698" s="4" t="s">
        <v>8778</v>
      </c>
      <c r="E1698" s="4" t="s">
        <v>8779</v>
      </c>
      <c r="G1698" s="4" t="s">
        <v>8780</v>
      </c>
      <c r="I1698" s="4" t="s">
        <v>5676</v>
      </c>
    </row>
    <row r="1699" spans="1:11" ht="86.4" x14ac:dyDescent="0.3">
      <c r="A1699" s="1">
        <v>12736</v>
      </c>
      <c r="C1699" s="4" t="s">
        <v>8781</v>
      </c>
      <c r="D1699" s="4" t="s">
        <v>8782</v>
      </c>
      <c r="E1699" s="4" t="s">
        <v>8783</v>
      </c>
      <c r="F1699" s="4" t="s">
        <v>8784</v>
      </c>
      <c r="G1699" s="4" t="s">
        <v>8785</v>
      </c>
      <c r="H1699" s="4" t="s">
        <v>8786</v>
      </c>
      <c r="K1699" s="4" t="s">
        <v>8787</v>
      </c>
    </row>
    <row r="1700" spans="1:11" ht="57.6" x14ac:dyDescent="0.3">
      <c r="A1700" s="1">
        <v>12741</v>
      </c>
      <c r="C1700" s="4" t="s">
        <v>8788</v>
      </c>
      <c r="D1700" s="4" t="s">
        <v>8789</v>
      </c>
      <c r="E1700" s="4" t="s">
        <v>8790</v>
      </c>
      <c r="F1700" s="4" t="s">
        <v>8791</v>
      </c>
      <c r="G1700" s="4" t="s">
        <v>8792</v>
      </c>
      <c r="H1700" s="4" t="s">
        <v>8793</v>
      </c>
      <c r="K1700" s="4" t="s">
        <v>8794</v>
      </c>
    </row>
    <row r="1701" spans="1:11" ht="72" x14ac:dyDescent="0.3">
      <c r="A1701" s="1">
        <v>12751</v>
      </c>
      <c r="C1701" s="4" t="s">
        <v>8795</v>
      </c>
      <c r="D1701" s="4" t="s">
        <v>8796</v>
      </c>
      <c r="F1701" s="4" t="s">
        <v>8797</v>
      </c>
      <c r="G1701" s="4" t="s">
        <v>8798</v>
      </c>
      <c r="H1701" s="4" t="s">
        <v>8799</v>
      </c>
      <c r="I1701" s="4" t="s">
        <v>8800</v>
      </c>
      <c r="K1701" s="4" t="s">
        <v>8801</v>
      </c>
    </row>
    <row r="1702" spans="1:11" ht="100.8" x14ac:dyDescent="0.3">
      <c r="A1702" s="1">
        <v>12756</v>
      </c>
      <c r="D1702" s="4" t="s">
        <v>8802</v>
      </c>
      <c r="E1702" s="4" t="s">
        <v>8803</v>
      </c>
      <c r="F1702" s="4" t="s">
        <v>8804</v>
      </c>
      <c r="G1702" s="4" t="s">
        <v>8805</v>
      </c>
      <c r="H1702" s="4" t="s">
        <v>8806</v>
      </c>
      <c r="K1702" s="4" t="s">
        <v>8807</v>
      </c>
    </row>
    <row r="1703" spans="1:11" ht="86.4" x14ac:dyDescent="0.3">
      <c r="A1703" s="1">
        <v>12766</v>
      </c>
      <c r="C1703" s="4" t="s">
        <v>8808</v>
      </c>
      <c r="D1703" s="4" t="s">
        <v>8809</v>
      </c>
      <c r="E1703" s="4" t="s">
        <v>8810</v>
      </c>
      <c r="G1703" s="4" t="s">
        <v>8811</v>
      </c>
      <c r="H1703" s="4" t="s">
        <v>8812</v>
      </c>
      <c r="I1703" s="4" t="s">
        <v>8813</v>
      </c>
      <c r="K1703" s="4" t="s">
        <v>8814</v>
      </c>
    </row>
    <row r="1704" spans="1:11" ht="43.2" x14ac:dyDescent="0.3">
      <c r="A1704" s="1">
        <v>12771</v>
      </c>
      <c r="D1704" s="4" t="s">
        <v>8815</v>
      </c>
      <c r="F1704" s="4" t="s">
        <v>8816</v>
      </c>
    </row>
    <row r="1705" spans="1:11" ht="86.4" x14ac:dyDescent="0.3">
      <c r="A1705" s="1">
        <v>12776</v>
      </c>
      <c r="C1705" s="4" t="s">
        <v>8817</v>
      </c>
      <c r="D1705" s="4" t="s">
        <v>8818</v>
      </c>
      <c r="E1705" s="4" t="s">
        <v>8819</v>
      </c>
      <c r="F1705" s="4" t="s">
        <v>8820</v>
      </c>
      <c r="G1705" s="4" t="s">
        <v>8821</v>
      </c>
      <c r="K1705" s="4" t="s">
        <v>8822</v>
      </c>
    </row>
    <row r="1706" spans="1:11" ht="86.4" x14ac:dyDescent="0.3">
      <c r="A1706" s="1">
        <v>12786</v>
      </c>
      <c r="C1706" s="4" t="s">
        <v>8823</v>
      </c>
      <c r="D1706" s="4" t="s">
        <v>8824</v>
      </c>
      <c r="E1706" s="4" t="s">
        <v>8825</v>
      </c>
      <c r="F1706" s="4" t="s">
        <v>8826</v>
      </c>
      <c r="G1706" s="4" t="s">
        <v>8827</v>
      </c>
      <c r="K1706" s="4" t="s">
        <v>8828</v>
      </c>
    </row>
    <row r="1707" spans="1:11" ht="86.4" x14ac:dyDescent="0.3">
      <c r="A1707" s="1">
        <v>12791</v>
      </c>
      <c r="D1707" s="4" t="s">
        <v>8829</v>
      </c>
      <c r="F1707" s="4" t="s">
        <v>8830</v>
      </c>
      <c r="G1707" s="4" t="s">
        <v>8831</v>
      </c>
      <c r="H1707" s="4" t="s">
        <v>8832</v>
      </c>
      <c r="I1707" s="4" t="s">
        <v>8833</v>
      </c>
      <c r="J1707" s="4" t="s">
        <v>8834</v>
      </c>
    </row>
    <row r="1708" spans="1:11" ht="86.4" x14ac:dyDescent="0.3">
      <c r="A1708" s="1">
        <v>12796</v>
      </c>
      <c r="C1708" s="4" t="s">
        <v>8835</v>
      </c>
      <c r="D1708" s="4" t="s">
        <v>8836</v>
      </c>
      <c r="E1708" s="4" t="s">
        <v>8837</v>
      </c>
      <c r="H1708" s="4" t="s">
        <v>8838</v>
      </c>
    </row>
    <row r="1709" spans="1:11" ht="86.4" x14ac:dyDescent="0.3">
      <c r="A1709" s="1">
        <v>12821</v>
      </c>
      <c r="B1709" s="1" t="s">
        <v>3197</v>
      </c>
      <c r="C1709" s="4" t="s">
        <v>8839</v>
      </c>
      <c r="D1709" s="4" t="s">
        <v>8840</v>
      </c>
      <c r="E1709" s="4" t="s">
        <v>8841</v>
      </c>
      <c r="F1709" s="4" t="s">
        <v>8842</v>
      </c>
      <c r="G1709" s="4" t="s">
        <v>8843</v>
      </c>
      <c r="H1709" s="4" t="s">
        <v>8844</v>
      </c>
      <c r="I1709" s="4" t="s">
        <v>8845</v>
      </c>
      <c r="K1709" s="4" t="s">
        <v>8846</v>
      </c>
    </row>
    <row r="1710" spans="1:11" x14ac:dyDescent="0.3">
      <c r="A1710" s="1">
        <v>12826</v>
      </c>
    </row>
    <row r="1711" spans="1:11" ht="43.2" x14ac:dyDescent="0.3">
      <c r="A1711" s="1">
        <v>12831</v>
      </c>
      <c r="B1711" s="1" t="s">
        <v>1897</v>
      </c>
      <c r="C1711" s="4" t="s">
        <v>8847</v>
      </c>
      <c r="D1711" s="4" t="s">
        <v>8848</v>
      </c>
      <c r="E1711" s="4" t="s">
        <v>8849</v>
      </c>
      <c r="F1711" s="4" t="s">
        <v>8850</v>
      </c>
    </row>
    <row r="1712" spans="1:11" ht="43.2" x14ac:dyDescent="0.3">
      <c r="A1712" s="1">
        <v>12836</v>
      </c>
      <c r="C1712" s="4" t="s">
        <v>8851</v>
      </c>
      <c r="D1712" s="4" t="s">
        <v>8852</v>
      </c>
      <c r="E1712" s="4" t="s">
        <v>8853</v>
      </c>
      <c r="F1712" s="4" t="s">
        <v>8854</v>
      </c>
      <c r="G1712" s="4" t="s">
        <v>8855</v>
      </c>
      <c r="H1712" s="4" t="s">
        <v>8856</v>
      </c>
      <c r="J1712" s="4" t="s">
        <v>8857</v>
      </c>
    </row>
    <row r="1713" spans="1:11" ht="72" x14ac:dyDescent="0.3">
      <c r="A1713" s="1">
        <v>12846</v>
      </c>
      <c r="C1713" s="4" t="s">
        <v>8858</v>
      </c>
      <c r="D1713" s="4" t="s">
        <v>8859</v>
      </c>
      <c r="E1713" s="4" t="s">
        <v>8860</v>
      </c>
      <c r="F1713" s="4" t="s">
        <v>8861</v>
      </c>
      <c r="H1713" s="4" t="s">
        <v>8862</v>
      </c>
      <c r="K1713" s="4" t="s">
        <v>8863</v>
      </c>
    </row>
    <row r="1714" spans="1:11" ht="28.8" x14ac:dyDescent="0.3">
      <c r="A1714" s="1">
        <v>12851</v>
      </c>
      <c r="J1714" s="4" t="s">
        <v>8864</v>
      </c>
      <c r="K1714" s="4" t="s">
        <v>8865</v>
      </c>
    </row>
    <row r="1715" spans="1:11" ht="86.4" x14ac:dyDescent="0.3">
      <c r="A1715" s="1">
        <v>12861</v>
      </c>
      <c r="C1715" s="4" t="s">
        <v>8866</v>
      </c>
      <c r="D1715" s="4" t="s">
        <v>8867</v>
      </c>
      <c r="G1715" s="4" t="s">
        <v>8868</v>
      </c>
      <c r="H1715" s="4" t="s">
        <v>8869</v>
      </c>
      <c r="I1715" s="4" t="s">
        <v>8870</v>
      </c>
      <c r="J1715" s="4" t="s">
        <v>8871</v>
      </c>
      <c r="K1715" s="4" t="s">
        <v>8872</v>
      </c>
    </row>
    <row r="1716" spans="1:11" ht="86.4" x14ac:dyDescent="0.3">
      <c r="A1716" s="1">
        <v>12866</v>
      </c>
      <c r="C1716" s="4" t="s">
        <v>8873</v>
      </c>
      <c r="D1716" s="4" t="s">
        <v>8874</v>
      </c>
      <c r="E1716" s="4" t="s">
        <v>8875</v>
      </c>
      <c r="F1716" s="4" t="s">
        <v>8876</v>
      </c>
      <c r="G1716" s="4" t="s">
        <v>8877</v>
      </c>
      <c r="H1716" s="4" t="s">
        <v>8878</v>
      </c>
      <c r="I1716" s="4" t="s">
        <v>8879</v>
      </c>
      <c r="K1716" s="4" t="s">
        <v>8880</v>
      </c>
    </row>
    <row r="1717" spans="1:11" ht="86.4" x14ac:dyDescent="0.3">
      <c r="A1717" s="1">
        <v>12876</v>
      </c>
      <c r="C1717" s="4" t="s">
        <v>8881</v>
      </c>
      <c r="D1717" s="4" t="s">
        <v>8882</v>
      </c>
      <c r="E1717" s="4" t="s">
        <v>8883</v>
      </c>
      <c r="F1717" s="4" t="s">
        <v>8884</v>
      </c>
      <c r="G1717" s="4" t="s">
        <v>8885</v>
      </c>
      <c r="J1717" s="4" t="s">
        <v>8886</v>
      </c>
      <c r="K1717" s="4" t="s">
        <v>8887</v>
      </c>
    </row>
    <row r="1718" spans="1:11" ht="72" x14ac:dyDescent="0.3">
      <c r="A1718" s="1">
        <v>12886</v>
      </c>
      <c r="C1718" s="4" t="s">
        <v>8888</v>
      </c>
      <c r="D1718" s="4" t="s">
        <v>8889</v>
      </c>
      <c r="E1718" s="4" t="s">
        <v>8890</v>
      </c>
      <c r="F1718" s="4" t="s">
        <v>8891</v>
      </c>
      <c r="G1718" s="4" t="s">
        <v>8892</v>
      </c>
      <c r="H1718" s="4" t="s">
        <v>8893</v>
      </c>
      <c r="I1718" s="4" t="s">
        <v>8894</v>
      </c>
      <c r="K1718" s="4" t="s">
        <v>8895</v>
      </c>
    </row>
    <row r="1719" spans="1:11" ht="72" x14ac:dyDescent="0.3">
      <c r="A1719" s="1">
        <v>12891</v>
      </c>
      <c r="C1719" s="4" t="s">
        <v>8896</v>
      </c>
      <c r="D1719" s="4" t="s">
        <v>8897</v>
      </c>
      <c r="H1719" s="4" t="s">
        <v>8898</v>
      </c>
      <c r="I1719" s="4" t="s">
        <v>8899</v>
      </c>
      <c r="J1719" s="4" t="s">
        <v>8900</v>
      </c>
      <c r="K1719" s="4" t="s">
        <v>8901</v>
      </c>
    </row>
    <row r="1720" spans="1:11" ht="43.2" x14ac:dyDescent="0.3">
      <c r="A1720" s="1">
        <v>12901</v>
      </c>
      <c r="C1720" s="4" t="s">
        <v>8902</v>
      </c>
      <c r="D1720" s="4" t="s">
        <v>8903</v>
      </c>
      <c r="G1720" s="4" t="s">
        <v>8904</v>
      </c>
      <c r="H1720" s="4" t="s">
        <v>8905</v>
      </c>
    </row>
    <row r="1721" spans="1:11" ht="57.6" x14ac:dyDescent="0.3">
      <c r="A1721" s="1">
        <v>12906</v>
      </c>
      <c r="C1721" s="4" t="s">
        <v>8906</v>
      </c>
      <c r="D1721" s="4" t="s">
        <v>8907</v>
      </c>
      <c r="E1721" s="4" t="s">
        <v>8908</v>
      </c>
      <c r="H1721" s="4" t="s">
        <v>8909</v>
      </c>
      <c r="K1721" s="4" t="s">
        <v>8910</v>
      </c>
    </row>
    <row r="1722" spans="1:11" ht="72" x14ac:dyDescent="0.3">
      <c r="A1722" s="1">
        <v>12916</v>
      </c>
      <c r="C1722" s="4" t="s">
        <v>8911</v>
      </c>
      <c r="D1722" s="4" t="s">
        <v>8912</v>
      </c>
      <c r="E1722" s="4" t="s">
        <v>8913</v>
      </c>
      <c r="F1722" s="4" t="s">
        <v>8914</v>
      </c>
      <c r="G1722" s="4" t="s">
        <v>8915</v>
      </c>
      <c r="I1722" s="4" t="s">
        <v>8916</v>
      </c>
      <c r="K1722" s="4" t="s">
        <v>8917</v>
      </c>
    </row>
    <row r="1723" spans="1:11" ht="86.4" x14ac:dyDescent="0.3">
      <c r="A1723" s="1">
        <v>12921</v>
      </c>
      <c r="C1723" s="4" t="s">
        <v>8918</v>
      </c>
      <c r="D1723" s="4" t="s">
        <v>8919</v>
      </c>
      <c r="E1723" s="4" t="s">
        <v>8920</v>
      </c>
      <c r="F1723" s="4" t="s">
        <v>8921</v>
      </c>
      <c r="G1723" s="4" t="s">
        <v>8922</v>
      </c>
      <c r="H1723" s="4" t="s">
        <v>8923</v>
      </c>
      <c r="I1723" s="4" t="s">
        <v>8924</v>
      </c>
      <c r="K1723" s="4" t="s">
        <v>8925</v>
      </c>
    </row>
    <row r="1724" spans="1:11" ht="72" x14ac:dyDescent="0.3">
      <c r="A1724" s="1">
        <v>12931</v>
      </c>
      <c r="C1724" s="4" t="s">
        <v>8926</v>
      </c>
      <c r="D1724" s="4" t="s">
        <v>8927</v>
      </c>
      <c r="H1724" s="4" t="s">
        <v>8928</v>
      </c>
      <c r="K1724" s="4" t="s">
        <v>8929</v>
      </c>
    </row>
    <row r="1725" spans="1:11" ht="57.6" x14ac:dyDescent="0.3">
      <c r="A1725" s="1">
        <v>12936</v>
      </c>
      <c r="C1725" s="4" t="s">
        <v>8930</v>
      </c>
      <c r="D1725" s="4" t="s">
        <v>8931</v>
      </c>
      <c r="E1725" s="4" t="s">
        <v>8932</v>
      </c>
      <c r="F1725" s="4" t="s">
        <v>8933</v>
      </c>
    </row>
    <row r="1726" spans="1:11" ht="57.6" x14ac:dyDescent="0.3">
      <c r="A1726" s="1">
        <v>12956</v>
      </c>
      <c r="C1726" s="4" t="s">
        <v>8934</v>
      </c>
      <c r="E1726" s="4" t="s">
        <v>8934</v>
      </c>
      <c r="G1726" s="4" t="s">
        <v>8934</v>
      </c>
      <c r="J1726" s="4" t="s">
        <v>8934</v>
      </c>
    </row>
    <row r="1727" spans="1:11" ht="86.4" x14ac:dyDescent="0.3">
      <c r="A1727" s="1">
        <v>12961</v>
      </c>
      <c r="C1727" s="4" t="s">
        <v>8935</v>
      </c>
      <c r="D1727" s="4" t="s">
        <v>8936</v>
      </c>
      <c r="E1727" s="4" t="s">
        <v>8937</v>
      </c>
      <c r="F1727" s="4" t="s">
        <v>8938</v>
      </c>
      <c r="G1727" s="4" t="s">
        <v>8939</v>
      </c>
      <c r="H1727" s="4" t="s">
        <v>8940</v>
      </c>
      <c r="I1727" s="4" t="s">
        <v>8941</v>
      </c>
      <c r="K1727" s="4" t="s">
        <v>8942</v>
      </c>
    </row>
    <row r="1728" spans="1:11" x14ac:dyDescent="0.3">
      <c r="A1728" s="1">
        <v>12966</v>
      </c>
    </row>
    <row r="1729" spans="1:11" ht="86.4" x14ac:dyDescent="0.3">
      <c r="A1729" s="1">
        <v>12971</v>
      </c>
      <c r="C1729" s="4" t="s">
        <v>8943</v>
      </c>
      <c r="D1729" s="4" t="s">
        <v>8944</v>
      </c>
      <c r="E1729" s="4" t="s">
        <v>8945</v>
      </c>
      <c r="F1729" s="4" t="s">
        <v>8946</v>
      </c>
      <c r="G1729" s="4" t="s">
        <v>23149</v>
      </c>
      <c r="H1729" s="4" t="s">
        <v>8947</v>
      </c>
      <c r="I1729" s="4" t="s">
        <v>8948</v>
      </c>
      <c r="K1729" s="4" t="s">
        <v>8949</v>
      </c>
    </row>
    <row r="1730" spans="1:11" ht="86.4" x14ac:dyDescent="0.3">
      <c r="A1730" s="1">
        <v>12976</v>
      </c>
      <c r="C1730" s="4" t="s">
        <v>8950</v>
      </c>
      <c r="D1730" s="4" t="s">
        <v>8951</v>
      </c>
      <c r="E1730" s="4" t="s">
        <v>8952</v>
      </c>
      <c r="F1730" s="4" t="s">
        <v>8953</v>
      </c>
      <c r="G1730" s="4" t="s">
        <v>8954</v>
      </c>
      <c r="H1730" s="4" t="s">
        <v>8955</v>
      </c>
      <c r="I1730" s="4" t="s">
        <v>8956</v>
      </c>
      <c r="K1730" s="4" t="s">
        <v>8957</v>
      </c>
    </row>
    <row r="1731" spans="1:11" ht="57.6" x14ac:dyDescent="0.3">
      <c r="A1731" s="1">
        <v>12986</v>
      </c>
      <c r="C1731" s="4" t="s">
        <v>8958</v>
      </c>
      <c r="D1731" s="4" t="s">
        <v>8959</v>
      </c>
      <c r="E1731" s="4" t="s">
        <v>8960</v>
      </c>
      <c r="F1731" s="4" t="s">
        <v>8961</v>
      </c>
      <c r="G1731" s="4" t="s">
        <v>8962</v>
      </c>
      <c r="H1731" s="4" t="s">
        <v>8963</v>
      </c>
      <c r="K1731" s="4" t="s">
        <v>8964</v>
      </c>
    </row>
    <row r="1732" spans="1:11" ht="72" x14ac:dyDescent="0.3">
      <c r="A1732" s="1">
        <v>13001</v>
      </c>
      <c r="C1732" s="4" t="s">
        <v>8965</v>
      </c>
      <c r="D1732" s="4" t="s">
        <v>8966</v>
      </c>
      <c r="E1732" s="4" t="s">
        <v>8967</v>
      </c>
      <c r="F1732" s="4" t="s">
        <v>8968</v>
      </c>
      <c r="G1732" s="4" t="s">
        <v>8969</v>
      </c>
      <c r="H1732" s="4" t="s">
        <v>8970</v>
      </c>
      <c r="I1732" s="4" t="s">
        <v>8971</v>
      </c>
      <c r="K1732" s="4" t="s">
        <v>8972</v>
      </c>
    </row>
    <row r="1733" spans="1:11" ht="86.4" x14ac:dyDescent="0.3">
      <c r="A1733" s="1">
        <v>13006</v>
      </c>
      <c r="C1733" s="4" t="s">
        <v>8973</v>
      </c>
      <c r="D1733" s="4" t="s">
        <v>8974</v>
      </c>
      <c r="E1733" s="4" t="s">
        <v>8975</v>
      </c>
      <c r="F1733" s="4" t="s">
        <v>8976</v>
      </c>
      <c r="G1733" s="4" t="s">
        <v>8977</v>
      </c>
      <c r="H1733" s="4" t="s">
        <v>8978</v>
      </c>
      <c r="I1733" s="4" t="s">
        <v>8979</v>
      </c>
      <c r="K1733" s="4" t="s">
        <v>8980</v>
      </c>
    </row>
    <row r="1734" spans="1:11" x14ac:dyDescent="0.3">
      <c r="A1734" s="1">
        <v>13021</v>
      </c>
    </row>
    <row r="1735" spans="1:11" ht="72" x14ac:dyDescent="0.3">
      <c r="A1735" s="1">
        <v>13041</v>
      </c>
      <c r="D1735" s="4" t="s">
        <v>8981</v>
      </c>
      <c r="E1735" s="4" t="s">
        <v>8982</v>
      </c>
      <c r="F1735" s="4" t="s">
        <v>8983</v>
      </c>
      <c r="G1735" s="4" t="s">
        <v>8984</v>
      </c>
      <c r="H1735" s="4" t="s">
        <v>8985</v>
      </c>
      <c r="I1735" s="4" t="s">
        <v>8986</v>
      </c>
      <c r="K1735" s="4" t="s">
        <v>8987</v>
      </c>
    </row>
    <row r="1736" spans="1:11" ht="43.2" x14ac:dyDescent="0.3">
      <c r="A1736" s="1">
        <v>13046</v>
      </c>
      <c r="C1736" s="4" t="s">
        <v>8988</v>
      </c>
      <c r="E1736" s="4" t="s">
        <v>8989</v>
      </c>
      <c r="F1736" s="4" t="s">
        <v>8990</v>
      </c>
      <c r="G1736" s="4" t="s">
        <v>8991</v>
      </c>
      <c r="H1736" s="4" t="s">
        <v>8992</v>
      </c>
    </row>
    <row r="1737" spans="1:11" ht="86.4" x14ac:dyDescent="0.3">
      <c r="A1737" s="1">
        <v>13051</v>
      </c>
      <c r="C1737" s="4" t="s">
        <v>8993</v>
      </c>
      <c r="D1737" s="4" t="s">
        <v>8994</v>
      </c>
      <c r="E1737" s="4" t="s">
        <v>8995</v>
      </c>
      <c r="F1737" s="4" t="s">
        <v>8996</v>
      </c>
      <c r="G1737" s="4" t="s">
        <v>8997</v>
      </c>
      <c r="H1737" s="4" t="s">
        <v>8998</v>
      </c>
      <c r="I1737" s="4" t="s">
        <v>8999</v>
      </c>
      <c r="K1737" s="4" t="s">
        <v>9000</v>
      </c>
    </row>
    <row r="1738" spans="1:11" ht="86.4" x14ac:dyDescent="0.3">
      <c r="A1738" s="1">
        <v>13066</v>
      </c>
      <c r="C1738" s="4" t="s">
        <v>9001</v>
      </c>
      <c r="D1738" s="4" t="s">
        <v>9002</v>
      </c>
      <c r="E1738" s="4" t="s">
        <v>9003</v>
      </c>
      <c r="G1738" s="4" t="s">
        <v>9004</v>
      </c>
      <c r="H1738" s="4" t="s">
        <v>9005</v>
      </c>
      <c r="I1738" s="4" t="s">
        <v>9006</v>
      </c>
      <c r="K1738" s="4" t="s">
        <v>9007</v>
      </c>
    </row>
    <row r="1739" spans="1:11" ht="86.4" x14ac:dyDescent="0.3">
      <c r="A1739" s="1">
        <v>13071</v>
      </c>
      <c r="C1739" s="4" t="s">
        <v>9008</v>
      </c>
      <c r="D1739" s="4" t="s">
        <v>9009</v>
      </c>
      <c r="E1739" s="4" t="s">
        <v>9010</v>
      </c>
      <c r="F1739" s="4" t="s">
        <v>9011</v>
      </c>
      <c r="G1739" s="4" t="s">
        <v>9012</v>
      </c>
      <c r="H1739" s="4" t="s">
        <v>9013</v>
      </c>
      <c r="I1739" s="4" t="s">
        <v>9014</v>
      </c>
      <c r="J1739" s="4" t="s">
        <v>9015</v>
      </c>
      <c r="K1739" s="4" t="s">
        <v>9016</v>
      </c>
    </row>
    <row r="1740" spans="1:11" ht="86.4" x14ac:dyDescent="0.3">
      <c r="A1740" s="1">
        <v>13076</v>
      </c>
      <c r="C1740" s="4" t="s">
        <v>9017</v>
      </c>
      <c r="D1740" s="4" t="s">
        <v>9018</v>
      </c>
      <c r="E1740" s="4" t="s">
        <v>9019</v>
      </c>
      <c r="F1740" s="4" t="s">
        <v>9020</v>
      </c>
      <c r="G1740" s="4" t="s">
        <v>9021</v>
      </c>
      <c r="H1740" s="4" t="s">
        <v>9022</v>
      </c>
      <c r="I1740" s="4" t="s">
        <v>9023</v>
      </c>
      <c r="K1740" s="4" t="s">
        <v>9024</v>
      </c>
    </row>
    <row r="1741" spans="1:11" ht="28.8" x14ac:dyDescent="0.3">
      <c r="A1741" s="1">
        <v>13081</v>
      </c>
      <c r="D1741" s="4" t="s">
        <v>9025</v>
      </c>
      <c r="E1741" s="4" t="s">
        <v>9026</v>
      </c>
    </row>
    <row r="1742" spans="1:11" ht="86.4" x14ac:dyDescent="0.3">
      <c r="A1742" s="1">
        <v>13086</v>
      </c>
      <c r="C1742" s="4" t="s">
        <v>9027</v>
      </c>
      <c r="E1742" s="4" t="s">
        <v>9028</v>
      </c>
      <c r="F1742" s="4" t="s">
        <v>9029</v>
      </c>
      <c r="G1742" s="4" t="s">
        <v>9030</v>
      </c>
      <c r="H1742" s="4" t="s">
        <v>9031</v>
      </c>
      <c r="I1742" s="4" t="s">
        <v>9032</v>
      </c>
      <c r="K1742" s="4" t="s">
        <v>9033</v>
      </c>
    </row>
    <row r="1743" spans="1:11" ht="86.4" x14ac:dyDescent="0.3">
      <c r="A1743" s="1">
        <v>13091</v>
      </c>
      <c r="C1743" s="4" t="s">
        <v>9034</v>
      </c>
      <c r="D1743" s="4" t="s">
        <v>9035</v>
      </c>
      <c r="E1743" s="4" t="s">
        <v>9036</v>
      </c>
      <c r="F1743" s="4" t="s">
        <v>9037</v>
      </c>
      <c r="G1743" s="4" t="s">
        <v>9038</v>
      </c>
      <c r="H1743" s="4" t="s">
        <v>9039</v>
      </c>
      <c r="I1743" s="4" t="s">
        <v>9040</v>
      </c>
      <c r="K1743" s="4" t="s">
        <v>9041</v>
      </c>
    </row>
    <row r="1744" spans="1:11" ht="100.8" x14ac:dyDescent="0.3">
      <c r="A1744" s="1">
        <v>13096</v>
      </c>
      <c r="C1744" s="4" t="s">
        <v>9042</v>
      </c>
      <c r="D1744" s="4" t="s">
        <v>9043</v>
      </c>
      <c r="E1744" s="4" t="s">
        <v>9044</v>
      </c>
      <c r="F1744" s="4" t="s">
        <v>9045</v>
      </c>
      <c r="G1744" s="4" t="s">
        <v>9046</v>
      </c>
      <c r="H1744" s="4" t="s">
        <v>9047</v>
      </c>
    </row>
    <row r="1745" spans="1:11" ht="72" x14ac:dyDescent="0.3">
      <c r="A1745" s="1">
        <v>13121</v>
      </c>
      <c r="C1745" s="4" t="s">
        <v>9048</v>
      </c>
      <c r="D1745" s="4" t="s">
        <v>9049</v>
      </c>
      <c r="E1745" s="4" t="s">
        <v>9050</v>
      </c>
      <c r="F1745" s="4" t="s">
        <v>9051</v>
      </c>
      <c r="G1745" s="4" t="s">
        <v>9052</v>
      </c>
      <c r="H1745" s="4" t="s">
        <v>9053</v>
      </c>
      <c r="I1745" s="4" t="s">
        <v>9054</v>
      </c>
      <c r="K1745" s="4" t="s">
        <v>9055</v>
      </c>
    </row>
    <row r="1746" spans="1:11" ht="86.4" x14ac:dyDescent="0.3">
      <c r="A1746" s="1">
        <v>13126</v>
      </c>
      <c r="C1746" s="4" t="s">
        <v>9056</v>
      </c>
      <c r="D1746" s="4" t="s">
        <v>9057</v>
      </c>
      <c r="E1746" s="4" t="s">
        <v>9058</v>
      </c>
      <c r="F1746" s="4" t="s">
        <v>9059</v>
      </c>
      <c r="G1746" s="4" t="s">
        <v>9060</v>
      </c>
      <c r="H1746" s="4" t="s">
        <v>9061</v>
      </c>
      <c r="I1746" s="4" t="s">
        <v>9062</v>
      </c>
      <c r="K1746" s="4" t="s">
        <v>9063</v>
      </c>
    </row>
    <row r="1747" spans="1:11" ht="57.6" x14ac:dyDescent="0.3">
      <c r="A1747" s="1">
        <v>13131</v>
      </c>
      <c r="G1747" s="4" t="s">
        <v>9064</v>
      </c>
      <c r="K1747" s="4" t="s">
        <v>9065</v>
      </c>
    </row>
    <row r="1748" spans="1:11" ht="86.4" x14ac:dyDescent="0.3">
      <c r="A1748" s="1">
        <v>13141</v>
      </c>
      <c r="C1748" s="4" t="s">
        <v>9066</v>
      </c>
      <c r="D1748" s="4" t="s">
        <v>9067</v>
      </c>
      <c r="E1748" s="4" t="s">
        <v>9068</v>
      </c>
      <c r="F1748" s="4" t="s">
        <v>9069</v>
      </c>
      <c r="G1748" s="4" t="s">
        <v>9070</v>
      </c>
      <c r="H1748" s="4" t="s">
        <v>9071</v>
      </c>
      <c r="I1748" s="4" t="s">
        <v>9072</v>
      </c>
      <c r="K1748" s="4" t="s">
        <v>9073</v>
      </c>
    </row>
    <row r="1749" spans="1:11" ht="72" x14ac:dyDescent="0.3">
      <c r="A1749" s="1">
        <v>13171</v>
      </c>
      <c r="D1749" s="4" t="s">
        <v>9074</v>
      </c>
      <c r="K1749" s="4" t="s">
        <v>9075</v>
      </c>
    </row>
    <row r="1750" spans="1:11" ht="43.2" x14ac:dyDescent="0.3">
      <c r="A1750" s="1">
        <v>13176</v>
      </c>
      <c r="C1750" s="4" t="s">
        <v>9076</v>
      </c>
      <c r="D1750" s="4" t="s">
        <v>9077</v>
      </c>
      <c r="E1750" s="4" t="s">
        <v>9078</v>
      </c>
      <c r="G1750" s="4" t="s">
        <v>9079</v>
      </c>
    </row>
    <row r="1751" spans="1:11" ht="72" x14ac:dyDescent="0.3">
      <c r="A1751" s="1">
        <v>13181</v>
      </c>
      <c r="C1751" s="4" t="s">
        <v>9080</v>
      </c>
      <c r="D1751" s="4" t="s">
        <v>9081</v>
      </c>
      <c r="E1751" s="4" t="s">
        <v>9082</v>
      </c>
      <c r="F1751" s="4" t="s">
        <v>9083</v>
      </c>
      <c r="G1751" s="4" t="s">
        <v>9084</v>
      </c>
      <c r="H1751" s="4" t="s">
        <v>9085</v>
      </c>
      <c r="I1751" s="4" t="s">
        <v>9086</v>
      </c>
      <c r="K1751" s="4" t="s">
        <v>9087</v>
      </c>
    </row>
    <row r="1752" spans="1:11" ht="86.4" x14ac:dyDescent="0.3">
      <c r="A1752" s="1">
        <v>13186</v>
      </c>
      <c r="C1752" s="4" t="s">
        <v>9088</v>
      </c>
      <c r="D1752" s="4" t="s">
        <v>9089</v>
      </c>
      <c r="E1752" s="4" t="s">
        <v>9090</v>
      </c>
      <c r="F1752" s="4" t="s">
        <v>9091</v>
      </c>
      <c r="G1752" s="4" t="s">
        <v>9092</v>
      </c>
      <c r="H1752" s="4" t="s">
        <v>9093</v>
      </c>
      <c r="I1752" s="4" t="s">
        <v>9094</v>
      </c>
      <c r="K1752" s="4" t="s">
        <v>9095</v>
      </c>
    </row>
    <row r="1753" spans="1:11" ht="28.8" x14ac:dyDescent="0.3">
      <c r="A1753" s="1">
        <v>13196</v>
      </c>
      <c r="D1753" s="4" t="s">
        <v>9096</v>
      </c>
      <c r="F1753" s="4" t="s">
        <v>9097</v>
      </c>
      <c r="H1753" s="4" t="s">
        <v>9098</v>
      </c>
    </row>
    <row r="1754" spans="1:11" ht="72" x14ac:dyDescent="0.3">
      <c r="A1754" s="1">
        <v>13201</v>
      </c>
      <c r="C1754" s="4" t="s">
        <v>9099</v>
      </c>
      <c r="D1754" s="4" t="s">
        <v>9100</v>
      </c>
      <c r="E1754" s="4" t="s">
        <v>9101</v>
      </c>
      <c r="F1754" s="4" t="s">
        <v>9102</v>
      </c>
      <c r="G1754" s="4" t="s">
        <v>9103</v>
      </c>
      <c r="H1754" s="4" t="s">
        <v>9104</v>
      </c>
      <c r="I1754" s="4" t="s">
        <v>9105</v>
      </c>
      <c r="J1754" s="4" t="s">
        <v>9106</v>
      </c>
      <c r="K1754" s="4" t="s">
        <v>9107</v>
      </c>
    </row>
    <row r="1755" spans="1:11" ht="72" x14ac:dyDescent="0.3">
      <c r="A1755" s="1">
        <v>13206</v>
      </c>
      <c r="C1755" s="4" t="s">
        <v>9108</v>
      </c>
      <c r="D1755" s="4" t="s">
        <v>9109</v>
      </c>
      <c r="E1755" s="4" t="s">
        <v>9110</v>
      </c>
      <c r="F1755" s="4" t="s">
        <v>9111</v>
      </c>
      <c r="G1755" s="4" t="s">
        <v>9112</v>
      </c>
      <c r="H1755" s="4" t="s">
        <v>9113</v>
      </c>
      <c r="K1755" s="4" t="s">
        <v>9114</v>
      </c>
    </row>
    <row r="1756" spans="1:11" ht="72" x14ac:dyDescent="0.3">
      <c r="A1756" s="1">
        <v>13211</v>
      </c>
      <c r="C1756" s="4" t="s">
        <v>9115</v>
      </c>
      <c r="D1756" s="4" t="s">
        <v>9116</v>
      </c>
      <c r="E1756" s="4" t="s">
        <v>9117</v>
      </c>
      <c r="F1756" s="4" t="s">
        <v>9118</v>
      </c>
      <c r="G1756" s="4" t="s">
        <v>9119</v>
      </c>
      <c r="H1756" s="4" t="s">
        <v>9120</v>
      </c>
      <c r="K1756" s="4" t="s">
        <v>9121</v>
      </c>
    </row>
    <row r="1757" spans="1:11" ht="43.2" x14ac:dyDescent="0.3">
      <c r="A1757" s="1">
        <v>13216</v>
      </c>
      <c r="C1757" s="4" t="s">
        <v>9122</v>
      </c>
      <c r="K1757" s="4" t="s">
        <v>9123</v>
      </c>
    </row>
    <row r="1758" spans="1:11" ht="43.2" x14ac:dyDescent="0.3">
      <c r="A1758" s="1">
        <v>13221</v>
      </c>
      <c r="C1758" s="4" t="s">
        <v>9124</v>
      </c>
      <c r="D1758" s="4" t="s">
        <v>9125</v>
      </c>
      <c r="E1758" s="4" t="s">
        <v>9126</v>
      </c>
      <c r="F1758" s="4" t="s">
        <v>9127</v>
      </c>
      <c r="G1758" s="4" t="s">
        <v>9128</v>
      </c>
      <c r="I1758" s="4" t="s">
        <v>9129</v>
      </c>
      <c r="K1758" s="4" t="s">
        <v>9130</v>
      </c>
    </row>
    <row r="1759" spans="1:11" x14ac:dyDescent="0.3">
      <c r="A1759" s="1">
        <v>13231</v>
      </c>
    </row>
    <row r="1760" spans="1:11" ht="72" x14ac:dyDescent="0.3">
      <c r="A1760" s="1">
        <v>13246</v>
      </c>
      <c r="C1760" s="4" t="s">
        <v>9131</v>
      </c>
      <c r="D1760" s="4" t="s">
        <v>9132</v>
      </c>
      <c r="E1760" s="4" t="s">
        <v>9133</v>
      </c>
      <c r="F1760" s="4" t="s">
        <v>9134</v>
      </c>
      <c r="G1760" s="4" t="s">
        <v>9135</v>
      </c>
      <c r="H1760" s="4" t="s">
        <v>9136</v>
      </c>
      <c r="I1760" s="4" t="s">
        <v>9137</v>
      </c>
      <c r="J1760" s="4" t="s">
        <v>9138</v>
      </c>
      <c r="K1760" s="4" t="s">
        <v>9139</v>
      </c>
    </row>
    <row r="1761" spans="1:11" x14ac:dyDescent="0.3">
      <c r="A1761" s="1">
        <v>13251</v>
      </c>
    </row>
    <row r="1762" spans="1:11" ht="72" x14ac:dyDescent="0.3">
      <c r="A1762" s="1">
        <v>13266</v>
      </c>
      <c r="C1762" s="4" t="s">
        <v>9140</v>
      </c>
      <c r="D1762" s="4" t="s">
        <v>9141</v>
      </c>
      <c r="E1762" s="4" t="s">
        <v>9142</v>
      </c>
      <c r="F1762" s="4" t="s">
        <v>9143</v>
      </c>
      <c r="G1762" s="4" t="s">
        <v>9144</v>
      </c>
      <c r="H1762" s="4" t="s">
        <v>9145</v>
      </c>
      <c r="I1762" s="4" t="s">
        <v>9146</v>
      </c>
      <c r="K1762" s="4" t="s">
        <v>9147</v>
      </c>
    </row>
    <row r="1763" spans="1:11" ht="72" x14ac:dyDescent="0.3">
      <c r="A1763" s="1">
        <v>13271</v>
      </c>
      <c r="C1763" s="4" t="s">
        <v>9148</v>
      </c>
      <c r="D1763" s="4" t="s">
        <v>9149</v>
      </c>
      <c r="G1763" s="4" t="s">
        <v>9150</v>
      </c>
      <c r="H1763" s="4" t="s">
        <v>9151</v>
      </c>
      <c r="I1763" s="4" t="s">
        <v>9152</v>
      </c>
      <c r="K1763" s="4" t="s">
        <v>9153</v>
      </c>
    </row>
    <row r="1764" spans="1:11" ht="72" x14ac:dyDescent="0.3">
      <c r="A1764" s="1">
        <v>13276</v>
      </c>
      <c r="C1764" s="4" t="s">
        <v>9154</v>
      </c>
      <c r="D1764" s="4" t="s">
        <v>9155</v>
      </c>
      <c r="E1764" s="4" t="s">
        <v>9156</v>
      </c>
      <c r="G1764" s="4" t="s">
        <v>9157</v>
      </c>
      <c r="I1764" s="4" t="s">
        <v>9158</v>
      </c>
      <c r="K1764" s="4" t="s">
        <v>9159</v>
      </c>
    </row>
    <row r="1765" spans="1:11" ht="57.6" x14ac:dyDescent="0.3">
      <c r="A1765" s="1">
        <v>13286</v>
      </c>
      <c r="C1765" s="4" t="s">
        <v>9160</v>
      </c>
      <c r="H1765" s="4" t="s">
        <v>9161</v>
      </c>
      <c r="K1765" s="4" t="s">
        <v>9162</v>
      </c>
    </row>
    <row r="1766" spans="1:11" x14ac:dyDescent="0.3">
      <c r="A1766" s="1">
        <v>13291</v>
      </c>
    </row>
    <row r="1767" spans="1:11" ht="86.4" x14ac:dyDescent="0.3">
      <c r="A1767" s="1">
        <v>13301</v>
      </c>
      <c r="C1767" s="4" t="s">
        <v>9163</v>
      </c>
      <c r="D1767" s="4" t="s">
        <v>9164</v>
      </c>
      <c r="E1767" s="4" t="s">
        <v>9165</v>
      </c>
      <c r="G1767" s="4" t="s">
        <v>9166</v>
      </c>
      <c r="H1767" s="4" t="s">
        <v>9167</v>
      </c>
      <c r="I1767" s="4" t="s">
        <v>3121</v>
      </c>
      <c r="K1767" s="4" t="s">
        <v>9168</v>
      </c>
    </row>
    <row r="1768" spans="1:11" ht="86.4" x14ac:dyDescent="0.3">
      <c r="A1768" s="1">
        <v>13306</v>
      </c>
      <c r="C1768" s="4" t="s">
        <v>9169</v>
      </c>
      <c r="D1768" s="4" t="s">
        <v>9170</v>
      </c>
      <c r="E1768" s="4" t="s">
        <v>9171</v>
      </c>
      <c r="F1768" s="4" t="s">
        <v>9172</v>
      </c>
      <c r="G1768" s="4" t="s">
        <v>9173</v>
      </c>
      <c r="H1768" s="4" t="s">
        <v>9174</v>
      </c>
      <c r="I1768" s="4" t="s">
        <v>9175</v>
      </c>
      <c r="K1768" s="4" t="s">
        <v>9176</v>
      </c>
    </row>
    <row r="1769" spans="1:11" ht="72" x14ac:dyDescent="0.3">
      <c r="A1769" s="1">
        <v>13311</v>
      </c>
      <c r="C1769" s="4" t="s">
        <v>9177</v>
      </c>
      <c r="D1769" s="4" t="s">
        <v>9178</v>
      </c>
      <c r="E1769" s="4" t="s">
        <v>9179</v>
      </c>
      <c r="F1769" s="4" t="s">
        <v>9180</v>
      </c>
      <c r="G1769" s="4" t="s">
        <v>9181</v>
      </c>
      <c r="H1769" s="4" t="s">
        <v>9182</v>
      </c>
      <c r="I1769" s="4" t="s">
        <v>9183</v>
      </c>
      <c r="K1769" s="4" t="s">
        <v>9184</v>
      </c>
    </row>
    <row r="1770" spans="1:11" ht="72" x14ac:dyDescent="0.3">
      <c r="A1770" s="1">
        <v>13316</v>
      </c>
      <c r="C1770" s="4" t="s">
        <v>9185</v>
      </c>
      <c r="D1770" s="4" t="s">
        <v>9186</v>
      </c>
      <c r="E1770" s="4" t="s">
        <v>9187</v>
      </c>
      <c r="G1770" s="4" t="s">
        <v>9188</v>
      </c>
      <c r="H1770" s="4" t="s">
        <v>9189</v>
      </c>
      <c r="K1770" s="4" t="s">
        <v>9190</v>
      </c>
    </row>
    <row r="1771" spans="1:11" x14ac:dyDescent="0.3">
      <c r="A1771" s="1">
        <v>13336</v>
      </c>
      <c r="C1771" s="4" t="s">
        <v>9191</v>
      </c>
      <c r="D1771" s="4" t="s">
        <v>9192</v>
      </c>
    </row>
    <row r="1772" spans="1:11" ht="72" x14ac:dyDescent="0.3">
      <c r="A1772" s="1">
        <v>13341</v>
      </c>
      <c r="C1772" s="4" t="s">
        <v>9193</v>
      </c>
      <c r="D1772" s="4" t="s">
        <v>9194</v>
      </c>
      <c r="G1772" s="4" t="s">
        <v>9195</v>
      </c>
      <c r="H1772" s="4" t="s">
        <v>9195</v>
      </c>
      <c r="K1772" s="4" t="s">
        <v>9196</v>
      </c>
    </row>
    <row r="1773" spans="1:11" ht="86.4" x14ac:dyDescent="0.3">
      <c r="A1773" s="1">
        <v>13346</v>
      </c>
      <c r="C1773" s="4" t="s">
        <v>9197</v>
      </c>
      <c r="D1773" s="4" t="s">
        <v>9198</v>
      </c>
      <c r="F1773" s="4" t="s">
        <v>9199</v>
      </c>
      <c r="G1773" s="4" t="s">
        <v>9200</v>
      </c>
      <c r="H1773" s="4" t="s">
        <v>9201</v>
      </c>
      <c r="I1773" s="4" t="s">
        <v>5202</v>
      </c>
      <c r="K1773" s="4" t="s">
        <v>9202</v>
      </c>
    </row>
    <row r="1774" spans="1:11" ht="28.8" x14ac:dyDescent="0.3">
      <c r="A1774" s="1">
        <v>13351</v>
      </c>
      <c r="F1774" s="4" t="s">
        <v>9203</v>
      </c>
      <c r="J1774" s="4" t="s">
        <v>9204</v>
      </c>
    </row>
    <row r="1775" spans="1:11" ht="72" x14ac:dyDescent="0.3">
      <c r="A1775" s="1">
        <v>13356</v>
      </c>
      <c r="D1775" s="4" t="s">
        <v>9205</v>
      </c>
      <c r="E1775" s="4" t="s">
        <v>9206</v>
      </c>
      <c r="G1775" s="4" t="s">
        <v>9207</v>
      </c>
      <c r="H1775" s="4" t="s">
        <v>9208</v>
      </c>
      <c r="I1775" s="4" t="s">
        <v>9209</v>
      </c>
    </row>
    <row r="1776" spans="1:11" ht="72" x14ac:dyDescent="0.3">
      <c r="A1776" s="1">
        <v>13371</v>
      </c>
      <c r="C1776" s="4" t="s">
        <v>9210</v>
      </c>
      <c r="D1776" s="4" t="s">
        <v>9211</v>
      </c>
      <c r="F1776" s="4" t="s">
        <v>9212</v>
      </c>
      <c r="G1776" s="4" t="s">
        <v>9213</v>
      </c>
      <c r="H1776" s="4" t="s">
        <v>9214</v>
      </c>
      <c r="K1776" s="4" t="s">
        <v>9215</v>
      </c>
    </row>
    <row r="1777" spans="1:11" ht="86.4" x14ac:dyDescent="0.3">
      <c r="A1777" s="1">
        <v>13381</v>
      </c>
      <c r="C1777" s="4" t="s">
        <v>9216</v>
      </c>
      <c r="D1777" s="4" t="s">
        <v>9217</v>
      </c>
      <c r="E1777" s="4" t="s">
        <v>9218</v>
      </c>
      <c r="F1777" s="4" t="s">
        <v>9219</v>
      </c>
      <c r="G1777" s="4" t="s">
        <v>9220</v>
      </c>
      <c r="H1777" s="4" t="s">
        <v>9221</v>
      </c>
      <c r="I1777" s="4" t="s">
        <v>9222</v>
      </c>
      <c r="K1777" s="4" t="s">
        <v>9223</v>
      </c>
    </row>
    <row r="1778" spans="1:11" x14ac:dyDescent="0.3">
      <c r="A1778" s="1">
        <v>13396</v>
      </c>
    </row>
    <row r="1779" spans="1:11" ht="43.2" x14ac:dyDescent="0.3">
      <c r="A1779" s="1">
        <v>13401</v>
      </c>
      <c r="C1779" s="4" t="s">
        <v>9224</v>
      </c>
      <c r="K1779" s="4" t="s">
        <v>9225</v>
      </c>
    </row>
    <row r="1780" spans="1:11" x14ac:dyDescent="0.3">
      <c r="A1780" s="1">
        <v>13406</v>
      </c>
      <c r="D1780" s="4" t="s">
        <v>9226</v>
      </c>
      <c r="F1780" s="4" t="s">
        <v>9227</v>
      </c>
    </row>
    <row r="1781" spans="1:11" ht="57.6" x14ac:dyDescent="0.3">
      <c r="A1781" s="1">
        <v>13411</v>
      </c>
      <c r="C1781" s="4" t="s">
        <v>9228</v>
      </c>
    </row>
    <row r="1782" spans="1:11" ht="72" x14ac:dyDescent="0.3">
      <c r="A1782" s="1">
        <v>13421</v>
      </c>
      <c r="H1782" s="4" t="s">
        <v>9229</v>
      </c>
    </row>
    <row r="1783" spans="1:11" ht="72" x14ac:dyDescent="0.3">
      <c r="A1783" s="1">
        <v>13426</v>
      </c>
      <c r="C1783" s="4" t="s">
        <v>9230</v>
      </c>
      <c r="G1783" s="4" t="s">
        <v>9231</v>
      </c>
      <c r="H1783" s="4" t="s">
        <v>9232</v>
      </c>
      <c r="I1783" s="4" t="s">
        <v>9233</v>
      </c>
      <c r="K1783" s="4" t="s">
        <v>9234</v>
      </c>
    </row>
    <row r="1784" spans="1:11" ht="86.4" x14ac:dyDescent="0.3">
      <c r="A1784" s="1">
        <v>13431</v>
      </c>
      <c r="C1784" s="4" t="s">
        <v>9235</v>
      </c>
      <c r="D1784" s="4" t="s">
        <v>9236</v>
      </c>
      <c r="E1784" s="4" t="s">
        <v>9237</v>
      </c>
      <c r="F1784" s="4" t="s">
        <v>9238</v>
      </c>
      <c r="G1784" s="4" t="s">
        <v>9239</v>
      </c>
      <c r="H1784" s="4" t="s">
        <v>9240</v>
      </c>
      <c r="I1784" s="4" t="s">
        <v>9241</v>
      </c>
      <c r="K1784" s="4" t="s">
        <v>9242</v>
      </c>
    </row>
    <row r="1785" spans="1:11" ht="86.4" x14ac:dyDescent="0.3">
      <c r="A1785" s="1">
        <v>13436</v>
      </c>
      <c r="C1785" s="4" t="s">
        <v>9243</v>
      </c>
      <c r="D1785" s="4" t="s">
        <v>9244</v>
      </c>
      <c r="E1785" s="4" t="s">
        <v>9245</v>
      </c>
      <c r="F1785" s="4" t="s">
        <v>9246</v>
      </c>
      <c r="I1785" s="4" t="s">
        <v>9247</v>
      </c>
      <c r="K1785" s="4" t="s">
        <v>9248</v>
      </c>
    </row>
    <row r="1786" spans="1:11" ht="86.4" x14ac:dyDescent="0.3">
      <c r="A1786" s="1">
        <v>13441</v>
      </c>
      <c r="D1786" s="4" t="s">
        <v>9249</v>
      </c>
      <c r="E1786" s="4" t="s">
        <v>9250</v>
      </c>
      <c r="F1786" s="4" t="s">
        <v>9251</v>
      </c>
      <c r="G1786" s="4" t="s">
        <v>9252</v>
      </c>
      <c r="H1786" s="4" t="s">
        <v>9253</v>
      </c>
      <c r="I1786" s="4" t="s">
        <v>9254</v>
      </c>
      <c r="J1786" s="4" t="s">
        <v>9255</v>
      </c>
    </row>
    <row r="1787" spans="1:11" ht="86.4" x14ac:dyDescent="0.3">
      <c r="A1787" s="1">
        <v>13461</v>
      </c>
      <c r="C1787" s="4" t="s">
        <v>9256</v>
      </c>
      <c r="D1787" s="4" t="s">
        <v>9257</v>
      </c>
      <c r="E1787" s="4" t="s">
        <v>9258</v>
      </c>
      <c r="F1787" s="4" t="s">
        <v>9259</v>
      </c>
      <c r="G1787" s="4" t="s">
        <v>9260</v>
      </c>
      <c r="H1787" s="4" t="s">
        <v>9261</v>
      </c>
      <c r="I1787" s="4" t="s">
        <v>9262</v>
      </c>
      <c r="K1787" s="4" t="s">
        <v>9263</v>
      </c>
    </row>
    <row r="1788" spans="1:11" ht="72" x14ac:dyDescent="0.3">
      <c r="A1788" s="1">
        <v>13476</v>
      </c>
      <c r="D1788" s="4" t="s">
        <v>9264</v>
      </c>
      <c r="E1788" s="4" t="s">
        <v>9265</v>
      </c>
      <c r="F1788" s="4" t="s">
        <v>9266</v>
      </c>
      <c r="G1788" s="4" t="s">
        <v>9267</v>
      </c>
      <c r="H1788" s="4" t="s">
        <v>9268</v>
      </c>
      <c r="I1788" s="4" t="s">
        <v>9269</v>
      </c>
      <c r="K1788" s="4" t="s">
        <v>9270</v>
      </c>
    </row>
    <row r="1789" spans="1:11" ht="86.4" x14ac:dyDescent="0.3">
      <c r="A1789" s="1">
        <v>13491</v>
      </c>
      <c r="C1789" s="4" t="s">
        <v>9271</v>
      </c>
      <c r="D1789" s="4" t="s">
        <v>9272</v>
      </c>
      <c r="E1789" s="4" t="s">
        <v>9273</v>
      </c>
      <c r="G1789" s="4" t="s">
        <v>9274</v>
      </c>
      <c r="H1789" s="4" t="s">
        <v>9275</v>
      </c>
      <c r="I1789" s="4" t="s">
        <v>9276</v>
      </c>
      <c r="K1789" s="4" t="s">
        <v>9277</v>
      </c>
    </row>
    <row r="1790" spans="1:11" ht="43.2" x14ac:dyDescent="0.3">
      <c r="A1790" s="1">
        <v>13496</v>
      </c>
      <c r="C1790" s="4" t="s">
        <v>9278</v>
      </c>
      <c r="D1790" s="4" t="s">
        <v>9279</v>
      </c>
      <c r="E1790" s="4" t="s">
        <v>9280</v>
      </c>
      <c r="F1790" s="4" t="s">
        <v>9281</v>
      </c>
      <c r="G1790" s="4" t="s">
        <v>9282</v>
      </c>
      <c r="H1790" s="4" t="s">
        <v>9283</v>
      </c>
      <c r="I1790" s="4" t="s">
        <v>9284</v>
      </c>
      <c r="J1790" s="4" t="s">
        <v>9285</v>
      </c>
      <c r="K1790" s="4" t="s">
        <v>9286</v>
      </c>
    </row>
    <row r="1791" spans="1:11" ht="72" x14ac:dyDescent="0.3">
      <c r="A1791" s="1">
        <v>13506</v>
      </c>
      <c r="C1791" s="4" t="s">
        <v>9287</v>
      </c>
      <c r="D1791" s="4" t="s">
        <v>9288</v>
      </c>
      <c r="E1791" s="4" t="s">
        <v>9289</v>
      </c>
      <c r="F1791" s="4" t="s">
        <v>9290</v>
      </c>
      <c r="G1791" s="4" t="s">
        <v>9291</v>
      </c>
      <c r="H1791" s="4" t="s">
        <v>9292</v>
      </c>
      <c r="I1791" s="4" t="s">
        <v>9293</v>
      </c>
      <c r="K1791" s="4" t="s">
        <v>9294</v>
      </c>
    </row>
    <row r="1792" spans="1:11" ht="86.4" x14ac:dyDescent="0.3">
      <c r="A1792" s="1">
        <v>13511</v>
      </c>
      <c r="D1792" s="4" t="s">
        <v>9295</v>
      </c>
      <c r="E1792" s="4" t="s">
        <v>9296</v>
      </c>
      <c r="F1792" s="4" t="s">
        <v>9297</v>
      </c>
      <c r="J1792" s="4" t="s">
        <v>9298</v>
      </c>
    </row>
    <row r="1793" spans="1:11" ht="28.8" x14ac:dyDescent="0.3">
      <c r="A1793" s="1">
        <v>13521</v>
      </c>
      <c r="C1793" s="4" t="s">
        <v>9299</v>
      </c>
      <c r="D1793" s="4" t="s">
        <v>9300</v>
      </c>
      <c r="E1793" s="4" t="s">
        <v>9301</v>
      </c>
      <c r="F1793" s="4" t="s">
        <v>7588</v>
      </c>
      <c r="G1793" s="4" t="s">
        <v>9302</v>
      </c>
      <c r="H1793" s="4" t="s">
        <v>9303</v>
      </c>
      <c r="I1793" s="4" t="s">
        <v>9304</v>
      </c>
      <c r="K1793" s="4" t="s">
        <v>9305</v>
      </c>
    </row>
    <row r="1794" spans="1:11" ht="86.4" x14ac:dyDescent="0.3">
      <c r="A1794" s="1">
        <v>13526</v>
      </c>
      <c r="C1794" s="4" t="s">
        <v>23159</v>
      </c>
      <c r="D1794" s="4" t="s">
        <v>9306</v>
      </c>
      <c r="E1794" s="4" t="s">
        <v>9307</v>
      </c>
      <c r="F1794" s="4" t="s">
        <v>9308</v>
      </c>
      <c r="G1794" s="4" t="s">
        <v>9309</v>
      </c>
      <c r="H1794" s="4" t="s">
        <v>9310</v>
      </c>
      <c r="K1794" s="4" t="s">
        <v>9311</v>
      </c>
    </row>
    <row r="1795" spans="1:11" ht="86.4" x14ac:dyDescent="0.3">
      <c r="A1795" s="1">
        <v>13531</v>
      </c>
      <c r="C1795" s="4" t="s">
        <v>9312</v>
      </c>
      <c r="D1795" s="4" t="s">
        <v>9313</v>
      </c>
      <c r="E1795" s="4" t="s">
        <v>9314</v>
      </c>
      <c r="F1795" s="4" t="s">
        <v>9315</v>
      </c>
      <c r="G1795" s="4" t="s">
        <v>9316</v>
      </c>
      <c r="H1795" s="4" t="s">
        <v>9317</v>
      </c>
      <c r="K1795" s="4" t="s">
        <v>9318</v>
      </c>
    </row>
    <row r="1796" spans="1:11" ht="86.4" x14ac:dyDescent="0.3">
      <c r="A1796" s="1">
        <v>13536</v>
      </c>
      <c r="C1796" s="4" t="s">
        <v>9319</v>
      </c>
      <c r="D1796" s="4" t="s">
        <v>9320</v>
      </c>
      <c r="G1796" s="4" t="s">
        <v>9321</v>
      </c>
      <c r="H1796" s="4" t="s">
        <v>9322</v>
      </c>
      <c r="I1796" s="4" t="s">
        <v>9323</v>
      </c>
      <c r="K1796" s="4" t="s">
        <v>9324</v>
      </c>
    </row>
    <row r="1797" spans="1:11" ht="43.2" x14ac:dyDescent="0.3">
      <c r="A1797" s="1">
        <v>13546</v>
      </c>
      <c r="C1797" s="4" t="s">
        <v>9325</v>
      </c>
      <c r="D1797" s="4" t="s">
        <v>9326</v>
      </c>
      <c r="E1797" s="4" t="s">
        <v>9327</v>
      </c>
      <c r="F1797" s="4" t="s">
        <v>9328</v>
      </c>
      <c r="G1797" s="4" t="s">
        <v>9329</v>
      </c>
      <c r="H1797" s="4" t="s">
        <v>9330</v>
      </c>
      <c r="I1797" s="4" t="s">
        <v>9331</v>
      </c>
      <c r="K1797" s="4" t="s">
        <v>9332</v>
      </c>
    </row>
    <row r="1798" spans="1:11" x14ac:dyDescent="0.3">
      <c r="A1798" s="1">
        <v>13551</v>
      </c>
    </row>
    <row r="1799" spans="1:11" ht="86.4" x14ac:dyDescent="0.3">
      <c r="A1799" s="1">
        <v>13556</v>
      </c>
      <c r="C1799" s="4" t="s">
        <v>9333</v>
      </c>
      <c r="D1799" s="4" t="s">
        <v>9334</v>
      </c>
      <c r="E1799" s="4" t="s">
        <v>9335</v>
      </c>
      <c r="F1799" s="4" t="s">
        <v>9336</v>
      </c>
      <c r="G1799" s="4" t="s">
        <v>9337</v>
      </c>
      <c r="H1799" s="4" t="s">
        <v>9337</v>
      </c>
      <c r="I1799" s="4" t="s">
        <v>9338</v>
      </c>
      <c r="K1799" s="4" t="s">
        <v>9339</v>
      </c>
    </row>
    <row r="1800" spans="1:11" ht="43.2" x14ac:dyDescent="0.3">
      <c r="A1800" s="1">
        <v>13566</v>
      </c>
      <c r="C1800" s="4" t="s">
        <v>9340</v>
      </c>
      <c r="D1800" s="4" t="s">
        <v>9341</v>
      </c>
      <c r="G1800" s="4" t="s">
        <v>9342</v>
      </c>
    </row>
    <row r="1801" spans="1:11" ht="72" x14ac:dyDescent="0.3">
      <c r="A1801" s="1">
        <v>13571</v>
      </c>
      <c r="C1801" s="4" t="e">
        <v>#NAME?</v>
      </c>
      <c r="D1801" s="4" t="e">
        <v>#NAME?</v>
      </c>
      <c r="E1801" s="4" t="e">
        <v>#NAME?</v>
      </c>
      <c r="F1801" s="4" t="s">
        <v>9343</v>
      </c>
      <c r="G1801" s="4" t="e">
        <v>#NAME?</v>
      </c>
      <c r="H1801" s="4" t="s">
        <v>9344</v>
      </c>
      <c r="I1801" s="4" t="e">
        <v>#NAME?</v>
      </c>
      <c r="J1801" s="4" t="s">
        <v>9345</v>
      </c>
      <c r="K1801" s="4" t="s">
        <v>9346</v>
      </c>
    </row>
    <row r="1802" spans="1:11" ht="72" x14ac:dyDescent="0.3">
      <c r="A1802" s="1">
        <v>13576</v>
      </c>
      <c r="C1802" s="4" t="s">
        <v>9347</v>
      </c>
      <c r="D1802" s="4" t="s">
        <v>9348</v>
      </c>
      <c r="E1802" s="4" t="s">
        <v>9349</v>
      </c>
      <c r="F1802" s="4" t="s">
        <v>9350</v>
      </c>
      <c r="G1802" s="4" t="s">
        <v>9351</v>
      </c>
      <c r="H1802" s="4" t="s">
        <v>9352</v>
      </c>
      <c r="K1802" s="4" t="s">
        <v>9353</v>
      </c>
    </row>
    <row r="1803" spans="1:11" ht="72" x14ac:dyDescent="0.3">
      <c r="A1803" s="1">
        <v>13581</v>
      </c>
      <c r="C1803" s="4" t="s">
        <v>9354</v>
      </c>
      <c r="D1803" s="4" t="s">
        <v>9355</v>
      </c>
      <c r="E1803" s="4" t="s">
        <v>9356</v>
      </c>
      <c r="F1803" s="4" t="s">
        <v>9357</v>
      </c>
      <c r="G1803" s="4" t="s">
        <v>9358</v>
      </c>
      <c r="H1803" s="4" t="s">
        <v>9359</v>
      </c>
      <c r="I1803" s="4" t="s">
        <v>9360</v>
      </c>
      <c r="K1803" s="4" t="s">
        <v>9361</v>
      </c>
    </row>
    <row r="1804" spans="1:11" ht="86.4" x14ac:dyDescent="0.3">
      <c r="A1804" s="1">
        <v>13586</v>
      </c>
      <c r="C1804" s="4" t="s">
        <v>9362</v>
      </c>
      <c r="D1804" s="4" t="s">
        <v>9363</v>
      </c>
      <c r="E1804" s="4" t="s">
        <v>9364</v>
      </c>
      <c r="F1804" s="4" t="s">
        <v>9365</v>
      </c>
      <c r="G1804" s="4" t="s">
        <v>9366</v>
      </c>
      <c r="H1804" s="4" t="s">
        <v>9367</v>
      </c>
      <c r="I1804" s="4" t="s">
        <v>9368</v>
      </c>
      <c r="J1804" s="4" t="s">
        <v>9369</v>
      </c>
      <c r="K1804" s="4" t="s">
        <v>9370</v>
      </c>
    </row>
    <row r="1805" spans="1:11" ht="86.4" x14ac:dyDescent="0.3">
      <c r="A1805" s="1">
        <v>13591</v>
      </c>
      <c r="C1805" s="4" t="s">
        <v>9371</v>
      </c>
      <c r="D1805" s="4" t="s">
        <v>9372</v>
      </c>
      <c r="E1805" s="4" t="s">
        <v>9373</v>
      </c>
      <c r="G1805" s="4" t="s">
        <v>9374</v>
      </c>
      <c r="I1805" s="4" t="s">
        <v>9375</v>
      </c>
      <c r="K1805" s="4" t="s">
        <v>9376</v>
      </c>
    </row>
    <row r="1806" spans="1:11" ht="57.6" x14ac:dyDescent="0.3">
      <c r="A1806" s="1">
        <v>13601</v>
      </c>
      <c r="B1806" s="1" t="s">
        <v>9377</v>
      </c>
      <c r="C1806" s="4" t="s">
        <v>9378</v>
      </c>
    </row>
    <row r="1807" spans="1:11" ht="86.4" x14ac:dyDescent="0.3">
      <c r="A1807" s="1">
        <v>13606</v>
      </c>
      <c r="C1807" s="4" t="s">
        <v>9379</v>
      </c>
      <c r="K1807" s="4" t="s">
        <v>9380</v>
      </c>
    </row>
    <row r="1808" spans="1:11" ht="86.4" x14ac:dyDescent="0.3">
      <c r="A1808" s="1">
        <v>13611</v>
      </c>
      <c r="C1808" s="4" t="s">
        <v>9381</v>
      </c>
      <c r="D1808" s="4" t="s">
        <v>9382</v>
      </c>
      <c r="E1808" s="4" t="s">
        <v>9383</v>
      </c>
      <c r="F1808" s="4" t="s">
        <v>9384</v>
      </c>
      <c r="G1808" s="4" t="s">
        <v>9385</v>
      </c>
      <c r="H1808" s="4" t="s">
        <v>9386</v>
      </c>
      <c r="I1808" s="4" t="s">
        <v>9387</v>
      </c>
      <c r="J1808" s="4" t="s">
        <v>9388</v>
      </c>
      <c r="K1808" s="4" t="s">
        <v>9389</v>
      </c>
    </row>
    <row r="1809" spans="1:11" ht="72" x14ac:dyDescent="0.3">
      <c r="A1809" s="1">
        <v>13616</v>
      </c>
      <c r="K1809" s="4" t="s">
        <v>9390</v>
      </c>
    </row>
    <row r="1810" spans="1:11" ht="86.4" x14ac:dyDescent="0.3">
      <c r="A1810" s="1">
        <v>13621</v>
      </c>
      <c r="C1810" s="4" t="s">
        <v>9391</v>
      </c>
      <c r="D1810" s="4" t="s">
        <v>9392</v>
      </c>
      <c r="E1810" s="4" t="s">
        <v>9393</v>
      </c>
      <c r="F1810" s="4" t="s">
        <v>9393</v>
      </c>
      <c r="G1810" s="4" t="s">
        <v>9394</v>
      </c>
      <c r="H1810" s="4" t="s">
        <v>9395</v>
      </c>
      <c r="I1810" s="4" t="s">
        <v>9396</v>
      </c>
      <c r="K1810" s="4" t="s">
        <v>9397</v>
      </c>
    </row>
    <row r="1811" spans="1:11" ht="57.6" x14ac:dyDescent="0.3">
      <c r="A1811" s="1">
        <v>13626</v>
      </c>
      <c r="C1811" s="4" t="s">
        <v>9398</v>
      </c>
      <c r="D1811" s="4" t="s">
        <v>9399</v>
      </c>
      <c r="E1811" s="4" t="s">
        <v>9400</v>
      </c>
      <c r="F1811" s="4" t="s">
        <v>9401</v>
      </c>
      <c r="G1811" s="4" t="s">
        <v>9402</v>
      </c>
      <c r="H1811" s="4" t="s">
        <v>9403</v>
      </c>
      <c r="I1811" s="4" t="s">
        <v>9404</v>
      </c>
      <c r="K1811" s="4" t="s">
        <v>9405</v>
      </c>
    </row>
    <row r="1812" spans="1:11" ht="86.4" x14ac:dyDescent="0.3">
      <c r="A1812" s="1">
        <v>13636</v>
      </c>
      <c r="C1812" s="4" t="s">
        <v>9406</v>
      </c>
      <c r="D1812" s="4" t="s">
        <v>9407</v>
      </c>
      <c r="E1812" s="4" t="s">
        <v>9408</v>
      </c>
      <c r="F1812" s="4" t="s">
        <v>9409</v>
      </c>
      <c r="G1812" s="4" t="s">
        <v>9410</v>
      </c>
      <c r="H1812" s="4" t="s">
        <v>9410</v>
      </c>
      <c r="I1812" s="4" t="s">
        <v>9411</v>
      </c>
      <c r="K1812" s="4" t="s">
        <v>9412</v>
      </c>
    </row>
    <row r="1813" spans="1:11" ht="43.2" x14ac:dyDescent="0.3">
      <c r="A1813" s="1">
        <v>13646</v>
      </c>
      <c r="J1813" s="4" t="s">
        <v>9413</v>
      </c>
    </row>
    <row r="1814" spans="1:11" ht="86.4" x14ac:dyDescent="0.3">
      <c r="A1814" s="1">
        <v>13651</v>
      </c>
      <c r="C1814" s="4" t="s">
        <v>9414</v>
      </c>
      <c r="D1814" s="4" t="s">
        <v>9415</v>
      </c>
      <c r="G1814" s="4" t="s">
        <v>9416</v>
      </c>
      <c r="H1814" s="4" t="s">
        <v>9417</v>
      </c>
      <c r="I1814" s="4" t="s">
        <v>9418</v>
      </c>
    </row>
    <row r="1815" spans="1:11" ht="86.4" x14ac:dyDescent="0.3">
      <c r="A1815" s="1">
        <v>13656</v>
      </c>
      <c r="C1815" s="4" t="s">
        <v>9419</v>
      </c>
      <c r="D1815" s="4" t="s">
        <v>9420</v>
      </c>
      <c r="G1815" s="4" t="s">
        <v>9421</v>
      </c>
      <c r="H1815" s="4" t="s">
        <v>9422</v>
      </c>
    </row>
    <row r="1816" spans="1:11" x14ac:dyDescent="0.3">
      <c r="A1816" s="1">
        <v>13661</v>
      </c>
      <c r="D1816" s="4" t="s">
        <v>9423</v>
      </c>
    </row>
    <row r="1817" spans="1:11" x14ac:dyDescent="0.3">
      <c r="A1817" s="1">
        <v>13666</v>
      </c>
    </row>
    <row r="1818" spans="1:11" ht="57.6" x14ac:dyDescent="0.3">
      <c r="A1818" s="1">
        <v>13671</v>
      </c>
      <c r="C1818" s="4" t="s">
        <v>9424</v>
      </c>
      <c r="D1818" s="4" t="s">
        <v>9425</v>
      </c>
      <c r="F1818" s="4" t="s">
        <v>9426</v>
      </c>
      <c r="G1818" s="4" t="s">
        <v>9427</v>
      </c>
      <c r="H1818" s="4" t="s">
        <v>9427</v>
      </c>
      <c r="I1818" s="4" t="s">
        <v>9428</v>
      </c>
      <c r="K1818" s="4" t="s">
        <v>9429</v>
      </c>
    </row>
    <row r="1819" spans="1:11" ht="86.4" x14ac:dyDescent="0.3">
      <c r="A1819" s="1">
        <v>13676</v>
      </c>
      <c r="C1819" s="4" t="s">
        <v>9430</v>
      </c>
      <c r="D1819" s="4" t="s">
        <v>9431</v>
      </c>
      <c r="E1819" s="4" t="s">
        <v>9432</v>
      </c>
      <c r="F1819" s="4" t="s">
        <v>9433</v>
      </c>
      <c r="G1819" s="4" t="s">
        <v>9434</v>
      </c>
      <c r="H1819" s="4" t="s">
        <v>9435</v>
      </c>
      <c r="I1819" s="4" t="s">
        <v>9436</v>
      </c>
      <c r="K1819" s="4" t="s">
        <v>9437</v>
      </c>
    </row>
    <row r="1820" spans="1:11" ht="86.4" x14ac:dyDescent="0.3">
      <c r="A1820" s="1">
        <v>13681</v>
      </c>
      <c r="C1820" s="4" t="s">
        <v>9438</v>
      </c>
      <c r="D1820" s="4" t="s">
        <v>9439</v>
      </c>
      <c r="E1820" s="4" t="s">
        <v>9440</v>
      </c>
      <c r="F1820" s="4" t="s">
        <v>9441</v>
      </c>
      <c r="G1820" s="4" t="s">
        <v>9442</v>
      </c>
      <c r="H1820" s="4" t="s">
        <v>9443</v>
      </c>
      <c r="I1820" s="4" t="s">
        <v>9444</v>
      </c>
      <c r="K1820" s="4" t="s">
        <v>9445</v>
      </c>
    </row>
    <row r="1821" spans="1:11" x14ac:dyDescent="0.3">
      <c r="A1821" s="1">
        <v>13686</v>
      </c>
    </row>
    <row r="1822" spans="1:11" ht="72" x14ac:dyDescent="0.3">
      <c r="A1822" s="1">
        <v>13691</v>
      </c>
      <c r="E1822" s="4" t="s">
        <v>9446</v>
      </c>
      <c r="F1822" s="4" t="s">
        <v>9447</v>
      </c>
      <c r="G1822" s="4" t="s">
        <v>9448</v>
      </c>
      <c r="H1822" s="4" t="s">
        <v>9448</v>
      </c>
      <c r="K1822" s="4" t="s">
        <v>9449</v>
      </c>
    </row>
    <row r="1823" spans="1:11" ht="86.4" x14ac:dyDescent="0.3">
      <c r="A1823" s="1">
        <v>13696</v>
      </c>
      <c r="C1823" s="4" t="s">
        <v>9450</v>
      </c>
      <c r="D1823" s="4" t="s">
        <v>9451</v>
      </c>
      <c r="E1823" s="4" t="s">
        <v>9452</v>
      </c>
      <c r="F1823" s="4" t="s">
        <v>9453</v>
      </c>
      <c r="G1823" s="4" t="s">
        <v>9454</v>
      </c>
      <c r="H1823" s="4" t="s">
        <v>9455</v>
      </c>
      <c r="I1823" s="4" t="s">
        <v>9456</v>
      </c>
      <c r="J1823" s="4" t="s">
        <v>9457</v>
      </c>
      <c r="K1823" s="4" t="s">
        <v>9458</v>
      </c>
    </row>
    <row r="1824" spans="1:11" ht="72" x14ac:dyDescent="0.3">
      <c r="A1824" s="1">
        <v>13701</v>
      </c>
      <c r="D1824" s="4" t="s">
        <v>9459</v>
      </c>
      <c r="E1824" s="4" t="s">
        <v>9460</v>
      </c>
      <c r="F1824" s="4" t="s">
        <v>9461</v>
      </c>
      <c r="K1824" s="4" t="s">
        <v>9462</v>
      </c>
    </row>
    <row r="1825" spans="1:11" ht="86.4" x14ac:dyDescent="0.3">
      <c r="A1825" s="1">
        <v>13711</v>
      </c>
      <c r="C1825" s="4" t="s">
        <v>9463</v>
      </c>
      <c r="D1825" s="4" t="s">
        <v>9464</v>
      </c>
      <c r="E1825" s="4" t="s">
        <v>9465</v>
      </c>
      <c r="F1825" s="4" t="s">
        <v>9466</v>
      </c>
      <c r="G1825" s="4" t="s">
        <v>9467</v>
      </c>
      <c r="H1825" s="4" t="s">
        <v>9468</v>
      </c>
      <c r="I1825" s="4" t="s">
        <v>9469</v>
      </c>
      <c r="K1825" s="4" t="s">
        <v>9470</v>
      </c>
    </row>
    <row r="1826" spans="1:11" ht="86.4" x14ac:dyDescent="0.3">
      <c r="A1826" s="1">
        <v>13716</v>
      </c>
      <c r="C1826" s="4" t="s">
        <v>9471</v>
      </c>
      <c r="D1826" s="4" t="s">
        <v>9472</v>
      </c>
      <c r="E1826" s="4" t="s">
        <v>9473</v>
      </c>
      <c r="F1826" s="4" t="s">
        <v>9474</v>
      </c>
      <c r="G1826" s="4" t="s">
        <v>9475</v>
      </c>
      <c r="H1826" s="4" t="s">
        <v>9476</v>
      </c>
      <c r="I1826" s="4" t="s">
        <v>9477</v>
      </c>
      <c r="K1826" s="4" t="s">
        <v>9478</v>
      </c>
    </row>
    <row r="1827" spans="1:11" ht="28.8" x14ac:dyDescent="0.3">
      <c r="A1827" s="1">
        <v>13721</v>
      </c>
      <c r="B1827" s="1" t="s">
        <v>5813</v>
      </c>
      <c r="C1827" s="4" t="s">
        <v>9479</v>
      </c>
      <c r="D1827" s="4" t="s">
        <v>9480</v>
      </c>
      <c r="E1827" s="4" t="s">
        <v>9481</v>
      </c>
      <c r="F1827" s="4" t="s">
        <v>9482</v>
      </c>
      <c r="G1827" s="4" t="s">
        <v>9480</v>
      </c>
      <c r="H1827" s="4" t="s">
        <v>9480</v>
      </c>
      <c r="I1827" s="4" t="s">
        <v>9483</v>
      </c>
      <c r="K1827" s="4" t="s">
        <v>9484</v>
      </c>
    </row>
    <row r="1828" spans="1:11" ht="28.8" x14ac:dyDescent="0.3">
      <c r="A1828" s="1">
        <v>13726</v>
      </c>
      <c r="C1828" s="4" t="s">
        <v>9485</v>
      </c>
      <c r="F1828" s="4" t="s">
        <v>9486</v>
      </c>
    </row>
    <row r="1829" spans="1:11" ht="43.2" x14ac:dyDescent="0.3">
      <c r="A1829" s="1">
        <v>13731</v>
      </c>
      <c r="C1829" s="4" t="s">
        <v>9487</v>
      </c>
      <c r="D1829" s="4" t="s">
        <v>9488</v>
      </c>
    </row>
    <row r="1830" spans="1:11" ht="72" x14ac:dyDescent="0.3">
      <c r="A1830" s="1">
        <v>13736</v>
      </c>
      <c r="C1830" s="4" t="s">
        <v>9489</v>
      </c>
      <c r="D1830" s="4" t="s">
        <v>9490</v>
      </c>
      <c r="E1830" s="4" t="s">
        <v>2100</v>
      </c>
      <c r="F1830" s="4" t="s">
        <v>2100</v>
      </c>
      <c r="G1830" s="4" t="s">
        <v>9491</v>
      </c>
      <c r="H1830" s="4" t="s">
        <v>9492</v>
      </c>
      <c r="I1830" s="4" t="s">
        <v>9493</v>
      </c>
    </row>
    <row r="1831" spans="1:11" ht="100.8" x14ac:dyDescent="0.3">
      <c r="A1831" s="1">
        <v>13741</v>
      </c>
      <c r="C1831" s="4" t="s">
        <v>9494</v>
      </c>
      <c r="D1831" s="4" t="s">
        <v>9495</v>
      </c>
      <c r="E1831" s="4" t="s">
        <v>9496</v>
      </c>
      <c r="G1831" s="4" t="s">
        <v>9497</v>
      </c>
      <c r="H1831" s="4" t="s">
        <v>9498</v>
      </c>
    </row>
    <row r="1832" spans="1:11" ht="72" x14ac:dyDescent="0.3">
      <c r="A1832" s="1">
        <v>13751</v>
      </c>
      <c r="C1832" s="4" t="s">
        <v>9499</v>
      </c>
      <c r="D1832" s="4" t="s">
        <v>9500</v>
      </c>
      <c r="G1832" s="4" t="s">
        <v>9501</v>
      </c>
      <c r="H1832" s="4" t="s">
        <v>9502</v>
      </c>
      <c r="I1832" s="4" t="s">
        <v>9503</v>
      </c>
      <c r="J1832" s="4" t="s">
        <v>9504</v>
      </c>
      <c r="K1832" s="4" t="s">
        <v>9505</v>
      </c>
    </row>
    <row r="1833" spans="1:11" ht="72" x14ac:dyDescent="0.3">
      <c r="A1833" s="1">
        <v>13756</v>
      </c>
      <c r="C1833" s="4" t="s">
        <v>9506</v>
      </c>
      <c r="D1833" s="4" t="s">
        <v>9507</v>
      </c>
      <c r="E1833" s="4" t="s">
        <v>9508</v>
      </c>
      <c r="F1833" s="4" t="s">
        <v>9509</v>
      </c>
      <c r="G1833" s="4" t="s">
        <v>9510</v>
      </c>
      <c r="H1833" s="4" t="s">
        <v>9511</v>
      </c>
      <c r="K1833" s="4" t="s">
        <v>9512</v>
      </c>
    </row>
    <row r="1834" spans="1:11" ht="129.6" x14ac:dyDescent="0.3">
      <c r="A1834" s="1">
        <v>13771</v>
      </c>
      <c r="C1834" s="4" t="s">
        <v>9513</v>
      </c>
      <c r="D1834" s="4" t="s">
        <v>9514</v>
      </c>
      <c r="E1834" s="4" t="s">
        <v>9515</v>
      </c>
      <c r="F1834" s="4" t="s">
        <v>9516</v>
      </c>
      <c r="G1834" s="4" t="s">
        <v>9517</v>
      </c>
      <c r="H1834" s="4" t="s">
        <v>9518</v>
      </c>
      <c r="I1834" s="4" t="s">
        <v>9519</v>
      </c>
      <c r="J1834" s="4" t="s">
        <v>9520</v>
      </c>
    </row>
    <row r="1835" spans="1:11" ht="57.6" x14ac:dyDescent="0.3">
      <c r="A1835" s="1">
        <v>13776</v>
      </c>
      <c r="C1835" s="4" t="s">
        <v>9521</v>
      </c>
      <c r="D1835" s="4" t="s">
        <v>9522</v>
      </c>
      <c r="F1835" s="4" t="s">
        <v>9523</v>
      </c>
      <c r="H1835" s="4" t="s">
        <v>9524</v>
      </c>
      <c r="I1835" s="4" t="s">
        <v>9525</v>
      </c>
      <c r="K1835" s="4" t="s">
        <v>9526</v>
      </c>
    </row>
    <row r="1836" spans="1:11" ht="57.6" x14ac:dyDescent="0.3">
      <c r="A1836" s="1">
        <v>13781</v>
      </c>
      <c r="C1836" s="4" t="s">
        <v>9527</v>
      </c>
      <c r="D1836" s="4" t="s">
        <v>9528</v>
      </c>
      <c r="G1836" s="4" t="s">
        <v>9529</v>
      </c>
      <c r="H1836" s="4" t="s">
        <v>9530</v>
      </c>
      <c r="I1836" s="4" t="s">
        <v>9531</v>
      </c>
      <c r="K1836" s="4" t="s">
        <v>9532</v>
      </c>
    </row>
    <row r="1837" spans="1:11" ht="86.4" x14ac:dyDescent="0.3">
      <c r="A1837" s="1">
        <v>13796</v>
      </c>
      <c r="C1837" s="4" t="s">
        <v>9533</v>
      </c>
      <c r="F1837" s="4" t="s">
        <v>9534</v>
      </c>
      <c r="K1837" s="4" t="s">
        <v>9535</v>
      </c>
    </row>
    <row r="1838" spans="1:11" ht="72" x14ac:dyDescent="0.3">
      <c r="A1838" s="1">
        <v>13801</v>
      </c>
      <c r="D1838" s="4" t="s">
        <v>9536</v>
      </c>
      <c r="E1838" s="4" t="s">
        <v>9537</v>
      </c>
      <c r="G1838" s="4" t="s">
        <v>9538</v>
      </c>
      <c r="J1838" s="4" t="s">
        <v>9539</v>
      </c>
    </row>
    <row r="1839" spans="1:11" ht="86.4" x14ac:dyDescent="0.3">
      <c r="A1839" s="1">
        <v>13806</v>
      </c>
      <c r="C1839" s="4" t="s">
        <v>9540</v>
      </c>
      <c r="D1839" s="4" t="s">
        <v>9541</v>
      </c>
      <c r="E1839" s="4" t="s">
        <v>9542</v>
      </c>
      <c r="F1839" s="4" t="s">
        <v>9543</v>
      </c>
      <c r="G1839" s="4" t="s">
        <v>9544</v>
      </c>
      <c r="H1839" s="4" t="s">
        <v>9545</v>
      </c>
      <c r="J1839" s="4" t="s">
        <v>9546</v>
      </c>
      <c r="K1839" s="4" t="s">
        <v>9547</v>
      </c>
    </row>
    <row r="1840" spans="1:11" ht="72" x14ac:dyDescent="0.3">
      <c r="A1840" s="1">
        <v>13811</v>
      </c>
      <c r="C1840" s="4" t="s">
        <v>9548</v>
      </c>
      <c r="D1840" s="4" t="s">
        <v>9549</v>
      </c>
    </row>
    <row r="1841" spans="1:11" x14ac:dyDescent="0.3">
      <c r="A1841" s="1">
        <v>13816</v>
      </c>
      <c r="C1841" s="4" t="s">
        <v>9550</v>
      </c>
    </row>
    <row r="1842" spans="1:11" ht="86.4" x14ac:dyDescent="0.3">
      <c r="A1842" s="1">
        <v>13821</v>
      </c>
      <c r="C1842" s="4" t="s">
        <v>9551</v>
      </c>
      <c r="D1842" s="4" t="s">
        <v>9552</v>
      </c>
      <c r="G1842" s="4" t="s">
        <v>9553</v>
      </c>
      <c r="J1842" s="4" t="s">
        <v>9554</v>
      </c>
    </row>
    <row r="1843" spans="1:11" x14ac:dyDescent="0.3">
      <c r="A1843" s="1">
        <v>13826</v>
      </c>
      <c r="B1843" s="1" t="s">
        <v>9555</v>
      </c>
      <c r="C1843" s="4" t="s">
        <v>9556</v>
      </c>
      <c r="D1843" s="4" t="s">
        <v>9556</v>
      </c>
      <c r="E1843" s="4" t="s">
        <v>9556</v>
      </c>
      <c r="F1843" s="4" t="s">
        <v>9556</v>
      </c>
      <c r="G1843" s="4" t="s">
        <v>9556</v>
      </c>
      <c r="H1843" s="4" t="s">
        <v>9556</v>
      </c>
      <c r="I1843" s="4" t="s">
        <v>9556</v>
      </c>
      <c r="K1843" s="4" t="s">
        <v>9556</v>
      </c>
    </row>
    <row r="1844" spans="1:11" ht="86.4" x14ac:dyDescent="0.3">
      <c r="A1844" s="1">
        <v>13831</v>
      </c>
      <c r="C1844" s="4" t="s">
        <v>9557</v>
      </c>
      <c r="D1844" s="4" t="s">
        <v>9558</v>
      </c>
      <c r="E1844" s="4" t="s">
        <v>9559</v>
      </c>
      <c r="F1844" s="4" t="s">
        <v>9560</v>
      </c>
      <c r="G1844" s="4" t="s">
        <v>9561</v>
      </c>
      <c r="H1844" s="4" t="s">
        <v>9562</v>
      </c>
      <c r="I1844" s="4" t="s">
        <v>9563</v>
      </c>
      <c r="K1844" s="4" t="s">
        <v>9564</v>
      </c>
    </row>
    <row r="1845" spans="1:11" ht="43.2" x14ac:dyDescent="0.3">
      <c r="A1845" s="1">
        <v>13836</v>
      </c>
      <c r="D1845" s="4" t="s">
        <v>9565</v>
      </c>
      <c r="E1845" s="4" t="s">
        <v>9566</v>
      </c>
      <c r="F1845" s="4" t="s">
        <v>9567</v>
      </c>
      <c r="G1845" s="4" t="s">
        <v>9568</v>
      </c>
      <c r="H1845" s="4" t="s">
        <v>9569</v>
      </c>
      <c r="I1845" s="4" t="s">
        <v>9570</v>
      </c>
    </row>
    <row r="1846" spans="1:11" ht="57.6" x14ac:dyDescent="0.3">
      <c r="A1846" s="1">
        <v>13841</v>
      </c>
      <c r="D1846" s="4" t="s">
        <v>9571</v>
      </c>
    </row>
    <row r="1847" spans="1:11" x14ac:dyDescent="0.3">
      <c r="A1847" s="1">
        <v>13851</v>
      </c>
      <c r="D1847" s="4" t="s">
        <v>9572</v>
      </c>
      <c r="F1847" s="4" t="s">
        <v>9573</v>
      </c>
      <c r="G1847" s="4" t="s">
        <v>9574</v>
      </c>
      <c r="H1847" s="4" t="s">
        <v>9575</v>
      </c>
    </row>
    <row r="1848" spans="1:11" ht="86.4" x14ac:dyDescent="0.3">
      <c r="A1848" s="1">
        <v>13861</v>
      </c>
      <c r="C1848" s="4" t="s">
        <v>9576</v>
      </c>
      <c r="D1848" s="4" t="s">
        <v>9577</v>
      </c>
      <c r="E1848" s="4" t="s">
        <v>9578</v>
      </c>
      <c r="F1848" s="4" t="s">
        <v>9579</v>
      </c>
      <c r="G1848" s="4" t="s">
        <v>9580</v>
      </c>
      <c r="I1848" s="4" t="s">
        <v>9581</v>
      </c>
    </row>
    <row r="1849" spans="1:11" ht="28.8" x14ac:dyDescent="0.3">
      <c r="A1849" s="1">
        <v>13866</v>
      </c>
      <c r="C1849" s="4" t="s">
        <v>1806</v>
      </c>
      <c r="D1849" s="4" t="s">
        <v>9582</v>
      </c>
      <c r="E1849" s="4" t="s">
        <v>9583</v>
      </c>
      <c r="F1849" s="4" t="s">
        <v>9584</v>
      </c>
      <c r="G1849" s="4" t="s">
        <v>9585</v>
      </c>
      <c r="H1849" s="4" t="s">
        <v>9586</v>
      </c>
      <c r="I1849" s="4" t="s">
        <v>9585</v>
      </c>
    </row>
    <row r="1850" spans="1:11" ht="86.4" x14ac:dyDescent="0.3">
      <c r="A1850" s="1">
        <v>13871</v>
      </c>
      <c r="B1850" s="1" t="s">
        <v>9377</v>
      </c>
      <c r="C1850" s="4" t="s">
        <v>9587</v>
      </c>
      <c r="D1850" s="4" t="s">
        <v>9588</v>
      </c>
      <c r="E1850" s="4" t="s">
        <v>9589</v>
      </c>
      <c r="F1850" s="4" t="s">
        <v>9590</v>
      </c>
      <c r="G1850" s="4" t="s">
        <v>9591</v>
      </c>
      <c r="H1850" s="4" t="s">
        <v>9592</v>
      </c>
      <c r="I1850" s="4" t="s">
        <v>9593</v>
      </c>
      <c r="K1850" s="4" t="e">
        <v>#NAME?</v>
      </c>
    </row>
    <row r="1851" spans="1:11" ht="72" x14ac:dyDescent="0.3">
      <c r="A1851" s="1">
        <v>13881</v>
      </c>
      <c r="C1851" s="4" t="s">
        <v>9594</v>
      </c>
      <c r="D1851" s="4" t="s">
        <v>9595</v>
      </c>
      <c r="E1851" s="4" t="s">
        <v>9596</v>
      </c>
      <c r="F1851" s="4" t="s">
        <v>9597</v>
      </c>
      <c r="G1851" s="4" t="s">
        <v>9598</v>
      </c>
    </row>
    <row r="1852" spans="1:11" ht="86.4" x14ac:dyDescent="0.3">
      <c r="A1852" s="1">
        <v>13891</v>
      </c>
      <c r="C1852" s="4" t="s">
        <v>9599</v>
      </c>
      <c r="D1852" s="4" t="s">
        <v>9600</v>
      </c>
      <c r="E1852" s="4" t="s">
        <v>9601</v>
      </c>
      <c r="F1852" s="4" t="s">
        <v>9602</v>
      </c>
      <c r="G1852" s="4" t="s">
        <v>9603</v>
      </c>
      <c r="H1852" s="4" t="s">
        <v>9604</v>
      </c>
      <c r="I1852" s="4" t="s">
        <v>9605</v>
      </c>
      <c r="J1852" s="4" t="s">
        <v>9606</v>
      </c>
      <c r="K1852" s="4" t="s">
        <v>9607</v>
      </c>
    </row>
    <row r="1853" spans="1:11" ht="72" x14ac:dyDescent="0.3">
      <c r="A1853" s="1">
        <v>13901</v>
      </c>
      <c r="C1853" s="4" t="s">
        <v>9608</v>
      </c>
      <c r="D1853" s="4" t="s">
        <v>9609</v>
      </c>
      <c r="E1853" s="4" t="s">
        <v>9610</v>
      </c>
      <c r="F1853" s="4" t="s">
        <v>9611</v>
      </c>
      <c r="G1853" s="4" t="s">
        <v>9612</v>
      </c>
      <c r="H1853" s="4" t="s">
        <v>9613</v>
      </c>
    </row>
    <row r="1854" spans="1:11" ht="28.8" x14ac:dyDescent="0.3">
      <c r="A1854" s="1">
        <v>13906</v>
      </c>
      <c r="C1854" s="4" t="s">
        <v>9614</v>
      </c>
      <c r="D1854" s="4" t="s">
        <v>9615</v>
      </c>
      <c r="G1854" s="4" t="s">
        <v>9616</v>
      </c>
      <c r="H1854" s="4" t="s">
        <v>9617</v>
      </c>
      <c r="I1854" s="4" t="s">
        <v>9618</v>
      </c>
      <c r="K1854" s="4" t="s">
        <v>9619</v>
      </c>
    </row>
    <row r="1855" spans="1:11" ht="72" x14ac:dyDescent="0.3">
      <c r="A1855" s="1">
        <v>13911</v>
      </c>
      <c r="C1855" s="4" t="s">
        <v>9620</v>
      </c>
      <c r="D1855" s="4" t="s">
        <v>9621</v>
      </c>
      <c r="K1855" s="4" t="s">
        <v>9622</v>
      </c>
    </row>
    <row r="1856" spans="1:11" ht="57.6" x14ac:dyDescent="0.3">
      <c r="A1856" s="1">
        <v>13916</v>
      </c>
      <c r="C1856" s="4" t="s">
        <v>9623</v>
      </c>
      <c r="G1856" s="4" t="s">
        <v>9624</v>
      </c>
      <c r="K1856" s="4" t="s">
        <v>9625</v>
      </c>
    </row>
    <row r="1857" spans="1:11" ht="86.4" x14ac:dyDescent="0.3">
      <c r="A1857" s="1">
        <v>13921</v>
      </c>
      <c r="B1857" s="1" t="s">
        <v>57</v>
      </c>
      <c r="C1857" s="4" t="s">
        <v>9626</v>
      </c>
      <c r="D1857" s="4" t="s">
        <v>9627</v>
      </c>
      <c r="G1857" s="4" t="s">
        <v>9628</v>
      </c>
      <c r="H1857" s="4" t="s">
        <v>9628</v>
      </c>
      <c r="I1857" s="4" t="s">
        <v>9629</v>
      </c>
      <c r="K1857" s="4" t="s">
        <v>9630</v>
      </c>
    </row>
    <row r="1858" spans="1:11" ht="28.8" x14ac:dyDescent="0.3">
      <c r="A1858" s="1">
        <v>13931</v>
      </c>
      <c r="C1858" s="4" t="s">
        <v>9631</v>
      </c>
      <c r="D1858" s="4" t="s">
        <v>9632</v>
      </c>
      <c r="E1858" s="4" t="s">
        <v>9633</v>
      </c>
      <c r="F1858" s="4" t="s">
        <v>9634</v>
      </c>
      <c r="G1858" s="4" t="s">
        <v>9635</v>
      </c>
      <c r="H1858" s="4" t="s">
        <v>9636</v>
      </c>
      <c r="I1858" s="4" t="s">
        <v>4372</v>
      </c>
      <c r="K1858" s="4" t="s">
        <v>9637</v>
      </c>
    </row>
    <row r="1859" spans="1:11" ht="28.8" x14ac:dyDescent="0.3">
      <c r="A1859" s="1">
        <v>13936</v>
      </c>
      <c r="C1859" s="4" t="s">
        <v>9638</v>
      </c>
      <c r="D1859" s="4" t="s">
        <v>9639</v>
      </c>
      <c r="G1859" s="4" t="s">
        <v>9640</v>
      </c>
      <c r="H1859" s="4" t="s">
        <v>9641</v>
      </c>
      <c r="I1859" s="4" t="s">
        <v>9642</v>
      </c>
      <c r="K1859" s="4" t="s">
        <v>9643</v>
      </c>
    </row>
    <row r="1860" spans="1:11" ht="43.2" x14ac:dyDescent="0.3">
      <c r="A1860" s="1">
        <v>13941</v>
      </c>
      <c r="C1860" s="4" t="s">
        <v>9644</v>
      </c>
      <c r="D1860" s="4" t="s">
        <v>9645</v>
      </c>
      <c r="E1860" s="4" t="s">
        <v>9646</v>
      </c>
      <c r="F1860" s="4" t="s">
        <v>9647</v>
      </c>
      <c r="G1860" s="4" t="s">
        <v>9648</v>
      </c>
      <c r="H1860" s="4" t="s">
        <v>9649</v>
      </c>
      <c r="I1860" s="4" t="s">
        <v>9650</v>
      </c>
      <c r="K1860" s="4" t="s">
        <v>9651</v>
      </c>
    </row>
    <row r="1861" spans="1:11" ht="72" x14ac:dyDescent="0.3">
      <c r="A1861" s="1">
        <v>13946</v>
      </c>
      <c r="C1861" s="4" t="s">
        <v>9652</v>
      </c>
      <c r="D1861" s="4" t="s">
        <v>9653</v>
      </c>
      <c r="E1861" s="4" t="s">
        <v>9654</v>
      </c>
      <c r="F1861" s="4" t="s">
        <v>9655</v>
      </c>
      <c r="G1861" s="4" t="s">
        <v>9656</v>
      </c>
      <c r="K1861" s="4" t="s">
        <v>9657</v>
      </c>
    </row>
    <row r="1862" spans="1:11" ht="86.4" x14ac:dyDescent="0.3">
      <c r="A1862" s="1">
        <v>13951</v>
      </c>
      <c r="C1862" s="4" t="s">
        <v>9658</v>
      </c>
      <c r="D1862" s="4" t="s">
        <v>9659</v>
      </c>
      <c r="G1862" s="4" t="s">
        <v>9660</v>
      </c>
      <c r="H1862" s="4" t="s">
        <v>9661</v>
      </c>
      <c r="I1862" s="4" t="s">
        <v>9662</v>
      </c>
      <c r="K1862" s="4" t="s">
        <v>9663</v>
      </c>
    </row>
    <row r="1863" spans="1:11" ht="28.8" x14ac:dyDescent="0.3">
      <c r="A1863" s="1">
        <v>13956</v>
      </c>
      <c r="C1863" s="4" t="s">
        <v>9664</v>
      </c>
    </row>
    <row r="1864" spans="1:11" ht="28.8" x14ac:dyDescent="0.3">
      <c r="A1864" s="1">
        <v>13971</v>
      </c>
      <c r="C1864" s="4" t="s">
        <v>9665</v>
      </c>
      <c r="D1864" s="4" t="s">
        <v>9666</v>
      </c>
      <c r="E1864" s="4" t="s">
        <v>9667</v>
      </c>
      <c r="F1864" s="4" t="s">
        <v>9668</v>
      </c>
      <c r="I1864" s="4" t="s">
        <v>9669</v>
      </c>
    </row>
    <row r="1865" spans="1:11" ht="28.8" x14ac:dyDescent="0.3">
      <c r="A1865" s="1">
        <v>13976</v>
      </c>
      <c r="C1865" s="4" t="s">
        <v>9670</v>
      </c>
      <c r="D1865" s="4" t="s">
        <v>9671</v>
      </c>
      <c r="H1865" s="4" t="s">
        <v>9672</v>
      </c>
      <c r="K1865" s="4" t="s">
        <v>9673</v>
      </c>
    </row>
    <row r="1866" spans="1:11" ht="72" x14ac:dyDescent="0.3">
      <c r="A1866" s="1">
        <v>13986</v>
      </c>
      <c r="C1866" s="4" t="s">
        <v>9674</v>
      </c>
      <c r="D1866" s="4" t="s">
        <v>9675</v>
      </c>
      <c r="F1866" s="4" t="s">
        <v>9676</v>
      </c>
      <c r="G1866" s="4" t="s">
        <v>9677</v>
      </c>
      <c r="H1866" s="4" t="s">
        <v>9678</v>
      </c>
      <c r="I1866" s="4" t="s">
        <v>9679</v>
      </c>
      <c r="K1866" s="4" t="s">
        <v>9680</v>
      </c>
    </row>
    <row r="1867" spans="1:11" ht="86.4" x14ac:dyDescent="0.3">
      <c r="A1867" s="1">
        <v>13996</v>
      </c>
      <c r="B1867" s="1" t="s">
        <v>9681</v>
      </c>
      <c r="C1867" s="4" t="s">
        <v>9682</v>
      </c>
      <c r="D1867" s="4" t="s">
        <v>9683</v>
      </c>
      <c r="E1867" s="4" t="s">
        <v>9684</v>
      </c>
      <c r="F1867" s="4" t="s">
        <v>9685</v>
      </c>
      <c r="G1867" s="4" t="s">
        <v>9686</v>
      </c>
      <c r="H1867" s="4" t="s">
        <v>9687</v>
      </c>
      <c r="I1867" s="4" t="s">
        <v>9688</v>
      </c>
      <c r="K1867" s="4" t="s">
        <v>9689</v>
      </c>
    </row>
    <row r="1868" spans="1:11" ht="57.6" x14ac:dyDescent="0.3">
      <c r="A1868" s="1">
        <v>14001</v>
      </c>
      <c r="H1868" s="4" t="s">
        <v>9690</v>
      </c>
    </row>
    <row r="1869" spans="1:11" ht="43.2" x14ac:dyDescent="0.3">
      <c r="A1869" s="1">
        <v>14006</v>
      </c>
      <c r="C1869" s="4" t="s">
        <v>9691</v>
      </c>
      <c r="D1869" s="4" t="s">
        <v>9692</v>
      </c>
      <c r="E1869" s="4" t="s">
        <v>9693</v>
      </c>
      <c r="F1869" s="4" t="s">
        <v>9693</v>
      </c>
      <c r="G1869" s="4" t="s">
        <v>9694</v>
      </c>
      <c r="H1869" s="4" t="s">
        <v>9695</v>
      </c>
    </row>
    <row r="1870" spans="1:11" x14ac:dyDescent="0.3">
      <c r="A1870" s="1">
        <v>14011</v>
      </c>
      <c r="J1870" s="4" t="s">
        <v>9696</v>
      </c>
    </row>
    <row r="1871" spans="1:11" ht="86.4" x14ac:dyDescent="0.3">
      <c r="A1871" s="1">
        <v>14016</v>
      </c>
      <c r="C1871" s="4" t="e">
        <v>#NAME?</v>
      </c>
      <c r="D1871" s="4" t="e">
        <v>#NAME?</v>
      </c>
      <c r="G1871" s="4" t="s">
        <v>9697</v>
      </c>
      <c r="H1871" s="4" t="s">
        <v>9698</v>
      </c>
      <c r="I1871" s="4" t="s">
        <v>9699</v>
      </c>
      <c r="K1871" s="4" t="s">
        <v>9700</v>
      </c>
    </row>
    <row r="1872" spans="1:11" ht="86.4" x14ac:dyDescent="0.3">
      <c r="A1872" s="1">
        <v>14021</v>
      </c>
      <c r="C1872" s="4" t="s">
        <v>9701</v>
      </c>
      <c r="D1872" s="4" t="s">
        <v>9702</v>
      </c>
      <c r="E1872" s="4" t="s">
        <v>9703</v>
      </c>
      <c r="F1872" s="4" t="s">
        <v>9704</v>
      </c>
      <c r="G1872" s="4" t="s">
        <v>9705</v>
      </c>
      <c r="H1872" s="4" t="s">
        <v>9706</v>
      </c>
      <c r="I1872" s="4" t="s">
        <v>9707</v>
      </c>
      <c r="K1872" s="4" t="s">
        <v>9708</v>
      </c>
    </row>
    <row r="1873" spans="1:11" ht="28.8" x14ac:dyDescent="0.3">
      <c r="A1873" s="1">
        <v>14026</v>
      </c>
      <c r="C1873" s="4" t="s">
        <v>9709</v>
      </c>
      <c r="D1873" s="4" t="s">
        <v>9710</v>
      </c>
    </row>
    <row r="1874" spans="1:11" ht="28.8" x14ac:dyDescent="0.3">
      <c r="A1874" s="1">
        <v>14031</v>
      </c>
      <c r="C1874" s="4" t="s">
        <v>9711</v>
      </c>
      <c r="D1874" s="4" t="s">
        <v>9712</v>
      </c>
      <c r="E1874" s="4" t="s">
        <v>9713</v>
      </c>
      <c r="F1874" s="4" t="s">
        <v>9714</v>
      </c>
      <c r="G1874" s="4" t="s">
        <v>9715</v>
      </c>
      <c r="H1874" s="4" t="s">
        <v>9716</v>
      </c>
      <c r="I1874" s="4" t="s">
        <v>9717</v>
      </c>
    </row>
    <row r="1875" spans="1:11" ht="43.2" x14ac:dyDescent="0.3">
      <c r="A1875" s="1">
        <v>14036</v>
      </c>
      <c r="C1875" s="4" t="s">
        <v>9718</v>
      </c>
      <c r="K1875" s="4" t="s">
        <v>9719</v>
      </c>
    </row>
    <row r="1876" spans="1:11" ht="86.4" x14ac:dyDescent="0.3">
      <c r="A1876" s="1">
        <v>14041</v>
      </c>
      <c r="C1876" s="4" t="s">
        <v>9720</v>
      </c>
      <c r="D1876" s="4" t="s">
        <v>9721</v>
      </c>
      <c r="E1876" s="4" t="s">
        <v>9722</v>
      </c>
      <c r="F1876" s="4" t="s">
        <v>9723</v>
      </c>
      <c r="G1876" s="4" t="s">
        <v>9724</v>
      </c>
      <c r="H1876" s="4" t="s">
        <v>9725</v>
      </c>
      <c r="I1876" s="4" t="s">
        <v>9726</v>
      </c>
      <c r="K1876" s="4" t="s">
        <v>9727</v>
      </c>
    </row>
    <row r="1877" spans="1:11" ht="86.4" x14ac:dyDescent="0.3">
      <c r="A1877" s="1">
        <v>14046</v>
      </c>
      <c r="C1877" s="4" t="s">
        <v>9728</v>
      </c>
      <c r="D1877" s="4" t="s">
        <v>9729</v>
      </c>
      <c r="E1877" s="4" t="s">
        <v>9730</v>
      </c>
      <c r="F1877" s="4" t="s">
        <v>9731</v>
      </c>
      <c r="G1877" s="4" t="s">
        <v>9732</v>
      </c>
      <c r="H1877" s="4" t="s">
        <v>9733</v>
      </c>
      <c r="I1877" s="4" t="s">
        <v>9734</v>
      </c>
      <c r="K1877" s="4" t="s">
        <v>9735</v>
      </c>
    </row>
    <row r="1878" spans="1:11" ht="86.4" x14ac:dyDescent="0.3">
      <c r="A1878" s="1">
        <v>14051</v>
      </c>
      <c r="C1878" s="4" t="s">
        <v>9736</v>
      </c>
      <c r="D1878" s="4" t="s">
        <v>9737</v>
      </c>
      <c r="G1878" s="4" t="s">
        <v>9738</v>
      </c>
      <c r="H1878" s="4" t="s">
        <v>9739</v>
      </c>
      <c r="I1878" s="4" t="s">
        <v>9740</v>
      </c>
      <c r="K1878" s="4" t="s">
        <v>9741</v>
      </c>
    </row>
    <row r="1879" spans="1:11" ht="28.8" x14ac:dyDescent="0.3">
      <c r="A1879" s="1">
        <v>14056</v>
      </c>
      <c r="G1879" s="4" t="s">
        <v>9742</v>
      </c>
      <c r="H1879" s="4" t="s">
        <v>9743</v>
      </c>
    </row>
    <row r="1880" spans="1:11" x14ac:dyDescent="0.3">
      <c r="A1880" s="1">
        <v>14061</v>
      </c>
    </row>
    <row r="1881" spans="1:11" ht="72" x14ac:dyDescent="0.3">
      <c r="A1881" s="1">
        <v>14066</v>
      </c>
      <c r="C1881" s="4" t="s">
        <v>9744</v>
      </c>
      <c r="D1881" s="4" t="s">
        <v>9745</v>
      </c>
      <c r="G1881" s="4" t="s">
        <v>9746</v>
      </c>
      <c r="H1881" s="4" t="s">
        <v>9747</v>
      </c>
      <c r="J1881" s="4" t="s">
        <v>9748</v>
      </c>
      <c r="K1881" s="4" t="s">
        <v>9749</v>
      </c>
    </row>
    <row r="1882" spans="1:11" ht="72" x14ac:dyDescent="0.3">
      <c r="A1882" s="1">
        <v>14071</v>
      </c>
      <c r="C1882" s="4" t="s">
        <v>9750</v>
      </c>
      <c r="D1882" s="4" t="s">
        <v>9751</v>
      </c>
      <c r="E1882" s="4" t="s">
        <v>9752</v>
      </c>
      <c r="F1882" s="4" t="s">
        <v>9753</v>
      </c>
      <c r="G1882" s="4" t="s">
        <v>9754</v>
      </c>
      <c r="H1882" s="4" t="s">
        <v>9755</v>
      </c>
      <c r="I1882" s="4" t="s">
        <v>9756</v>
      </c>
      <c r="J1882" s="4" t="s">
        <v>6968</v>
      </c>
      <c r="K1882" s="4" t="s">
        <v>9757</v>
      </c>
    </row>
    <row r="1883" spans="1:11" ht="72" x14ac:dyDescent="0.3">
      <c r="A1883" s="1">
        <v>14076</v>
      </c>
      <c r="C1883" s="4" t="s">
        <v>9758</v>
      </c>
      <c r="D1883" s="4" t="s">
        <v>9759</v>
      </c>
      <c r="E1883" s="4" t="s">
        <v>9760</v>
      </c>
      <c r="G1883" s="4" t="s">
        <v>9761</v>
      </c>
      <c r="I1883" s="4" t="s">
        <v>9762</v>
      </c>
    </row>
    <row r="1884" spans="1:11" ht="72" x14ac:dyDescent="0.3">
      <c r="A1884" s="1">
        <v>14081</v>
      </c>
      <c r="C1884" s="4" t="s">
        <v>9763</v>
      </c>
      <c r="G1884" s="4" t="s">
        <v>9764</v>
      </c>
      <c r="J1884" s="4" t="s">
        <v>9765</v>
      </c>
      <c r="K1884" s="4" t="s">
        <v>9766</v>
      </c>
    </row>
    <row r="1885" spans="1:11" ht="86.4" x14ac:dyDescent="0.3">
      <c r="A1885" s="1">
        <v>14091</v>
      </c>
      <c r="C1885" s="4" t="s">
        <v>9767</v>
      </c>
      <c r="D1885" s="4" t="s">
        <v>9768</v>
      </c>
      <c r="E1885" s="4" t="s">
        <v>9769</v>
      </c>
      <c r="F1885" s="4" t="s">
        <v>9770</v>
      </c>
      <c r="G1885" s="4" t="s">
        <v>9771</v>
      </c>
      <c r="H1885" s="4" t="s">
        <v>9772</v>
      </c>
      <c r="I1885" s="4" t="s">
        <v>9773</v>
      </c>
      <c r="K1885" s="4" t="s">
        <v>9774</v>
      </c>
    </row>
    <row r="1886" spans="1:11" ht="43.2" x14ac:dyDescent="0.3">
      <c r="A1886" s="1">
        <v>14096</v>
      </c>
      <c r="C1886" s="4" t="s">
        <v>9775</v>
      </c>
      <c r="D1886" s="4" t="s">
        <v>9776</v>
      </c>
      <c r="E1886" s="4" t="s">
        <v>9777</v>
      </c>
      <c r="F1886" s="4" t="s">
        <v>9778</v>
      </c>
      <c r="G1886" s="4" t="s">
        <v>9779</v>
      </c>
    </row>
    <row r="1887" spans="1:11" ht="86.4" x14ac:dyDescent="0.3">
      <c r="A1887" s="1">
        <v>14111</v>
      </c>
      <c r="C1887" s="4" t="s">
        <v>9780</v>
      </c>
      <c r="D1887" s="4" t="s">
        <v>9781</v>
      </c>
      <c r="E1887" s="4" t="s">
        <v>9782</v>
      </c>
      <c r="F1887" s="4" t="s">
        <v>9783</v>
      </c>
      <c r="G1887" s="4" t="s">
        <v>9784</v>
      </c>
      <c r="H1887" s="4" t="s">
        <v>9785</v>
      </c>
      <c r="I1887" s="4" t="s">
        <v>9786</v>
      </c>
      <c r="K1887" s="4" t="s">
        <v>9787</v>
      </c>
    </row>
    <row r="1888" spans="1:11" ht="86.4" x14ac:dyDescent="0.3">
      <c r="A1888" s="1">
        <v>14116</v>
      </c>
      <c r="C1888" s="4" t="s">
        <v>9788</v>
      </c>
      <c r="K1888" s="4" t="s">
        <v>9789</v>
      </c>
    </row>
    <row r="1889" spans="1:11" ht="86.4" x14ac:dyDescent="0.3">
      <c r="A1889" s="1">
        <v>14121</v>
      </c>
      <c r="C1889" s="4" t="s">
        <v>9790</v>
      </c>
      <c r="D1889" s="4" t="s">
        <v>9791</v>
      </c>
      <c r="F1889" s="4" t="s">
        <v>9792</v>
      </c>
      <c r="G1889" s="4" t="s">
        <v>9793</v>
      </c>
      <c r="H1889" s="4" t="s">
        <v>9794</v>
      </c>
      <c r="J1889" s="4" t="s">
        <v>9795</v>
      </c>
      <c r="K1889" s="4" t="s">
        <v>9796</v>
      </c>
    </row>
    <row r="1890" spans="1:11" ht="72" x14ac:dyDescent="0.3">
      <c r="A1890" s="1">
        <v>14126</v>
      </c>
      <c r="C1890" s="4" t="s">
        <v>9797</v>
      </c>
      <c r="D1890" s="4" t="s">
        <v>9798</v>
      </c>
      <c r="K1890" s="4" t="s">
        <v>9799</v>
      </c>
    </row>
    <row r="1891" spans="1:11" ht="86.4" x14ac:dyDescent="0.3">
      <c r="A1891" s="1">
        <v>14131</v>
      </c>
      <c r="C1891" s="4" t="s">
        <v>9800</v>
      </c>
      <c r="D1891" s="4" t="s">
        <v>9801</v>
      </c>
      <c r="E1891" s="4" t="s">
        <v>9802</v>
      </c>
      <c r="F1891" s="4" t="s">
        <v>9803</v>
      </c>
      <c r="G1891" s="4" t="s">
        <v>9804</v>
      </c>
      <c r="H1891" s="4" t="s">
        <v>9805</v>
      </c>
      <c r="J1891" s="4" t="s">
        <v>9806</v>
      </c>
      <c r="K1891" s="4" t="s">
        <v>9807</v>
      </c>
    </row>
    <row r="1892" spans="1:11" ht="86.4" x14ac:dyDescent="0.3">
      <c r="A1892" s="1">
        <v>14136</v>
      </c>
      <c r="D1892" s="4" t="s">
        <v>9808</v>
      </c>
      <c r="H1892" s="4" t="s">
        <v>9809</v>
      </c>
      <c r="K1892" s="4" t="s">
        <v>9810</v>
      </c>
    </row>
    <row r="1893" spans="1:11" ht="86.4" x14ac:dyDescent="0.3">
      <c r="A1893" s="1">
        <v>14141</v>
      </c>
      <c r="C1893" s="4" t="s">
        <v>9811</v>
      </c>
      <c r="D1893" s="4" t="s">
        <v>9812</v>
      </c>
      <c r="E1893" s="4" t="s">
        <v>9813</v>
      </c>
      <c r="F1893" s="4" t="s">
        <v>9814</v>
      </c>
      <c r="G1893" s="4" t="s">
        <v>9815</v>
      </c>
      <c r="H1893" s="4" t="s">
        <v>9816</v>
      </c>
      <c r="K1893" s="4" t="s">
        <v>9817</v>
      </c>
    </row>
    <row r="1894" spans="1:11" ht="86.4" x14ac:dyDescent="0.3">
      <c r="A1894" s="1">
        <v>14151</v>
      </c>
      <c r="C1894" s="4" t="s">
        <v>9818</v>
      </c>
      <c r="D1894" s="4" t="s">
        <v>9819</v>
      </c>
      <c r="E1894" s="4" t="s">
        <v>9820</v>
      </c>
      <c r="F1894" s="4" t="s">
        <v>9821</v>
      </c>
      <c r="G1894" s="4" t="s">
        <v>9822</v>
      </c>
      <c r="H1894" s="4" t="s">
        <v>9823</v>
      </c>
      <c r="K1894" s="4" t="s">
        <v>9824</v>
      </c>
    </row>
    <row r="1895" spans="1:11" ht="86.4" x14ac:dyDescent="0.3">
      <c r="A1895" s="1">
        <v>14156</v>
      </c>
      <c r="C1895" s="4" t="s">
        <v>9825</v>
      </c>
      <c r="D1895" s="4" t="s">
        <v>9826</v>
      </c>
      <c r="E1895" s="4" t="s">
        <v>9827</v>
      </c>
      <c r="G1895" s="4" t="s">
        <v>9828</v>
      </c>
      <c r="I1895" s="4" t="s">
        <v>9829</v>
      </c>
      <c r="K1895" s="4" t="s">
        <v>9830</v>
      </c>
    </row>
    <row r="1896" spans="1:11" ht="86.4" x14ac:dyDescent="0.3">
      <c r="A1896" s="1">
        <v>14161</v>
      </c>
      <c r="C1896" s="4" t="s">
        <v>9831</v>
      </c>
      <c r="D1896" s="4" t="s">
        <v>9832</v>
      </c>
      <c r="E1896" s="4" t="s">
        <v>9833</v>
      </c>
      <c r="F1896" s="4" t="s">
        <v>9834</v>
      </c>
      <c r="G1896" s="4" t="s">
        <v>9835</v>
      </c>
      <c r="H1896" s="4" t="s">
        <v>9836</v>
      </c>
      <c r="I1896" s="4" t="s">
        <v>9837</v>
      </c>
      <c r="K1896" s="4" t="s">
        <v>9838</v>
      </c>
    </row>
    <row r="1897" spans="1:11" ht="86.4" x14ac:dyDescent="0.3">
      <c r="A1897" s="1">
        <v>14166</v>
      </c>
      <c r="C1897" s="4" t="s">
        <v>9839</v>
      </c>
      <c r="D1897" s="4" t="s">
        <v>9840</v>
      </c>
      <c r="E1897" s="4" t="s">
        <v>9841</v>
      </c>
      <c r="F1897" s="4" t="s">
        <v>9842</v>
      </c>
      <c r="G1897" s="4" t="s">
        <v>9843</v>
      </c>
      <c r="H1897" s="4" t="s">
        <v>9844</v>
      </c>
      <c r="I1897" s="4" t="s">
        <v>9845</v>
      </c>
      <c r="J1897" s="4" t="s">
        <v>9846</v>
      </c>
      <c r="K1897" s="4" t="s">
        <v>9847</v>
      </c>
    </row>
    <row r="1898" spans="1:11" ht="86.4" x14ac:dyDescent="0.3">
      <c r="A1898" s="1">
        <v>14176</v>
      </c>
      <c r="C1898" s="4" t="s">
        <v>9848</v>
      </c>
      <c r="D1898" s="4" t="s">
        <v>9849</v>
      </c>
      <c r="G1898" s="4" t="s">
        <v>9850</v>
      </c>
      <c r="H1898" s="4" t="s">
        <v>9851</v>
      </c>
      <c r="K1898" s="4" t="s">
        <v>9852</v>
      </c>
    </row>
    <row r="1899" spans="1:11" ht="72" x14ac:dyDescent="0.3">
      <c r="A1899" s="1">
        <v>14181</v>
      </c>
      <c r="C1899" s="4" t="s">
        <v>9853</v>
      </c>
      <c r="D1899" s="4" t="s">
        <v>9854</v>
      </c>
      <c r="F1899" s="4" t="s">
        <v>9855</v>
      </c>
      <c r="G1899" s="4" t="s">
        <v>9856</v>
      </c>
      <c r="H1899" s="4" t="s">
        <v>9857</v>
      </c>
      <c r="I1899" s="4" t="s">
        <v>9858</v>
      </c>
      <c r="K1899" s="4" t="s">
        <v>9859</v>
      </c>
    </row>
    <row r="1900" spans="1:11" ht="72" x14ac:dyDescent="0.3">
      <c r="A1900" s="1">
        <v>14191</v>
      </c>
      <c r="C1900" s="4" t="s">
        <v>9860</v>
      </c>
      <c r="D1900" s="4" t="s">
        <v>9861</v>
      </c>
      <c r="E1900" s="4" t="s">
        <v>9862</v>
      </c>
      <c r="F1900" s="4" t="s">
        <v>9863</v>
      </c>
      <c r="G1900" s="4" t="s">
        <v>9864</v>
      </c>
      <c r="H1900" s="4" t="s">
        <v>9864</v>
      </c>
      <c r="I1900" s="4" t="s">
        <v>9865</v>
      </c>
      <c r="K1900" s="4" t="s">
        <v>9866</v>
      </c>
    </row>
    <row r="1901" spans="1:11" x14ac:dyDescent="0.3">
      <c r="A1901" s="1">
        <v>14196</v>
      </c>
    </row>
    <row r="1902" spans="1:11" ht="86.4" x14ac:dyDescent="0.3">
      <c r="A1902" s="1">
        <v>14221</v>
      </c>
      <c r="C1902" s="4" t="s">
        <v>9867</v>
      </c>
      <c r="D1902" s="4" t="s">
        <v>9868</v>
      </c>
      <c r="G1902" s="4" t="s">
        <v>9869</v>
      </c>
      <c r="I1902" s="4" t="s">
        <v>9870</v>
      </c>
      <c r="K1902" s="4" t="s">
        <v>9871</v>
      </c>
    </row>
    <row r="1903" spans="1:11" ht="43.2" x14ac:dyDescent="0.3">
      <c r="A1903" s="1">
        <v>14226</v>
      </c>
      <c r="C1903" s="4" t="s">
        <v>9872</v>
      </c>
      <c r="D1903" s="4" t="s">
        <v>9873</v>
      </c>
      <c r="E1903" s="4" t="s">
        <v>9873</v>
      </c>
      <c r="F1903" s="4" t="s">
        <v>9873</v>
      </c>
      <c r="G1903" s="4" t="s">
        <v>9874</v>
      </c>
      <c r="H1903" s="4" t="s">
        <v>9875</v>
      </c>
      <c r="I1903" s="4" t="s">
        <v>9876</v>
      </c>
      <c r="J1903" s="4" t="s">
        <v>8751</v>
      </c>
      <c r="K1903" s="4" t="s">
        <v>9877</v>
      </c>
    </row>
    <row r="1904" spans="1:11" ht="57.6" x14ac:dyDescent="0.3">
      <c r="A1904" s="1">
        <v>14231</v>
      </c>
      <c r="C1904" s="4" t="s">
        <v>9878</v>
      </c>
      <c r="D1904" s="4" t="s">
        <v>9879</v>
      </c>
      <c r="E1904" s="4" t="s">
        <v>9880</v>
      </c>
      <c r="F1904" s="4" t="s">
        <v>9881</v>
      </c>
      <c r="G1904" s="4" t="s">
        <v>9882</v>
      </c>
      <c r="H1904" s="4" t="s">
        <v>9883</v>
      </c>
    </row>
    <row r="1905" spans="1:11" ht="86.4" x14ac:dyDescent="0.3">
      <c r="A1905" s="1">
        <v>14236</v>
      </c>
      <c r="C1905" s="4" t="s">
        <v>9884</v>
      </c>
      <c r="D1905" s="4" t="s">
        <v>9885</v>
      </c>
      <c r="E1905" s="4" t="s">
        <v>9886</v>
      </c>
      <c r="F1905" s="4" t="s">
        <v>9887</v>
      </c>
      <c r="G1905" s="4" t="s">
        <v>9888</v>
      </c>
      <c r="H1905" s="4" t="s">
        <v>9889</v>
      </c>
      <c r="I1905" s="4" t="s">
        <v>9890</v>
      </c>
      <c r="J1905" s="4" t="s">
        <v>9891</v>
      </c>
      <c r="K1905" s="4" t="s">
        <v>9892</v>
      </c>
    </row>
    <row r="1906" spans="1:11" ht="86.4" x14ac:dyDescent="0.3">
      <c r="A1906" s="1">
        <v>14241</v>
      </c>
      <c r="C1906" s="4" t="s">
        <v>9893</v>
      </c>
      <c r="D1906" s="4" t="s">
        <v>9894</v>
      </c>
      <c r="I1906" s="4" t="s">
        <v>9895</v>
      </c>
      <c r="K1906" s="4" t="s">
        <v>9896</v>
      </c>
    </row>
    <row r="1907" spans="1:11" ht="100.8" x14ac:dyDescent="0.3">
      <c r="A1907" s="1">
        <v>14251</v>
      </c>
      <c r="C1907" s="4" t="s">
        <v>9897</v>
      </c>
      <c r="D1907" s="4" t="s">
        <v>9898</v>
      </c>
      <c r="E1907" s="4" t="s">
        <v>9899</v>
      </c>
      <c r="F1907" s="4" t="s">
        <v>9900</v>
      </c>
      <c r="G1907" s="4" t="s">
        <v>9901</v>
      </c>
      <c r="I1907" s="4" t="s">
        <v>9902</v>
      </c>
      <c r="K1907" s="4" t="s">
        <v>9903</v>
      </c>
    </row>
    <row r="1908" spans="1:11" ht="86.4" x14ac:dyDescent="0.3">
      <c r="A1908" s="1">
        <v>14271</v>
      </c>
      <c r="C1908" s="4" t="s">
        <v>9904</v>
      </c>
      <c r="D1908" s="4" t="s">
        <v>9905</v>
      </c>
      <c r="E1908" s="4" t="s">
        <v>9906</v>
      </c>
    </row>
    <row r="1909" spans="1:11" ht="43.2" x14ac:dyDescent="0.3">
      <c r="A1909" s="1">
        <v>14276</v>
      </c>
      <c r="D1909" s="4" t="s">
        <v>9907</v>
      </c>
      <c r="F1909" s="4" t="s">
        <v>9908</v>
      </c>
      <c r="K1909" s="4" t="s">
        <v>9909</v>
      </c>
    </row>
    <row r="1910" spans="1:11" ht="86.4" x14ac:dyDescent="0.3">
      <c r="A1910" s="1">
        <v>14281</v>
      </c>
      <c r="C1910" s="4" t="s">
        <v>9910</v>
      </c>
      <c r="D1910" s="4" t="s">
        <v>9911</v>
      </c>
      <c r="E1910" s="4" t="s">
        <v>9912</v>
      </c>
      <c r="F1910" s="4" t="s">
        <v>9913</v>
      </c>
      <c r="G1910" s="4" t="s">
        <v>9914</v>
      </c>
      <c r="H1910" s="4" t="s">
        <v>9915</v>
      </c>
      <c r="I1910" s="4" t="s">
        <v>9916</v>
      </c>
      <c r="K1910" s="4" t="s">
        <v>9917</v>
      </c>
    </row>
    <row r="1911" spans="1:11" ht="57.6" x14ac:dyDescent="0.3">
      <c r="A1911" s="1">
        <v>14296</v>
      </c>
      <c r="C1911" s="4" t="s">
        <v>9918</v>
      </c>
      <c r="D1911" s="4" t="s">
        <v>9919</v>
      </c>
      <c r="E1911" s="4" t="s">
        <v>9920</v>
      </c>
      <c r="F1911" s="4" t="s">
        <v>9921</v>
      </c>
      <c r="G1911" s="4" t="s">
        <v>9922</v>
      </c>
      <c r="H1911" s="4" t="s">
        <v>9923</v>
      </c>
      <c r="I1911" s="4" t="s">
        <v>9924</v>
      </c>
      <c r="K1911" s="4" t="s">
        <v>9925</v>
      </c>
    </row>
    <row r="1912" spans="1:11" x14ac:dyDescent="0.3">
      <c r="A1912" s="1">
        <v>14316</v>
      </c>
    </row>
    <row r="1913" spans="1:11" ht="100.8" x14ac:dyDescent="0.3">
      <c r="A1913" s="1">
        <v>14321</v>
      </c>
      <c r="C1913" s="4" t="s">
        <v>9926</v>
      </c>
      <c r="D1913" s="4" t="s">
        <v>9927</v>
      </c>
      <c r="G1913" s="4" t="s">
        <v>9928</v>
      </c>
      <c r="K1913" s="4" t="s">
        <v>9929</v>
      </c>
    </row>
    <row r="1914" spans="1:11" ht="72" x14ac:dyDescent="0.3">
      <c r="A1914" s="1">
        <v>14326</v>
      </c>
      <c r="C1914" s="4" t="s">
        <v>9930</v>
      </c>
      <c r="E1914" s="4" t="s">
        <v>9931</v>
      </c>
      <c r="F1914" s="4" t="s">
        <v>9932</v>
      </c>
      <c r="G1914" s="4" t="s">
        <v>9933</v>
      </c>
      <c r="H1914" s="4" t="s">
        <v>9934</v>
      </c>
      <c r="K1914" s="4" t="s">
        <v>9935</v>
      </c>
    </row>
    <row r="1915" spans="1:11" ht="72" x14ac:dyDescent="0.3">
      <c r="A1915" s="1">
        <v>14341</v>
      </c>
      <c r="C1915" s="4" t="s">
        <v>9936</v>
      </c>
      <c r="D1915" s="4" t="s">
        <v>9937</v>
      </c>
      <c r="F1915" s="4" t="s">
        <v>9938</v>
      </c>
      <c r="G1915" s="4" t="s">
        <v>9939</v>
      </c>
      <c r="H1915" s="4" t="s">
        <v>9940</v>
      </c>
      <c r="K1915" s="4" t="s">
        <v>9941</v>
      </c>
    </row>
    <row r="1916" spans="1:11" ht="57.6" x14ac:dyDescent="0.3">
      <c r="A1916" s="1">
        <v>14361</v>
      </c>
      <c r="C1916" s="4" t="s">
        <v>9942</v>
      </c>
      <c r="D1916" s="4" t="s">
        <v>9943</v>
      </c>
      <c r="E1916" s="4" t="s">
        <v>9944</v>
      </c>
      <c r="F1916" s="4" t="s">
        <v>9945</v>
      </c>
      <c r="G1916" s="4" t="s">
        <v>9946</v>
      </c>
      <c r="H1916" s="4" t="s">
        <v>9947</v>
      </c>
      <c r="I1916" s="4" t="s">
        <v>9948</v>
      </c>
    </row>
    <row r="1917" spans="1:11" ht="86.4" x14ac:dyDescent="0.3">
      <c r="A1917" s="1">
        <v>14366</v>
      </c>
      <c r="C1917" s="4" t="s">
        <v>9949</v>
      </c>
      <c r="D1917" s="4" t="s">
        <v>9950</v>
      </c>
      <c r="F1917" s="4" t="s">
        <v>9951</v>
      </c>
      <c r="G1917" s="4" t="s">
        <v>9952</v>
      </c>
      <c r="H1917" s="4" t="s">
        <v>9953</v>
      </c>
      <c r="I1917" s="4" t="s">
        <v>9954</v>
      </c>
      <c r="K1917" s="4" t="s">
        <v>9955</v>
      </c>
    </row>
    <row r="1918" spans="1:11" ht="57.6" x14ac:dyDescent="0.3">
      <c r="A1918" s="1">
        <v>14371</v>
      </c>
      <c r="C1918" s="4" t="s">
        <v>9956</v>
      </c>
      <c r="D1918" s="4" t="s">
        <v>9957</v>
      </c>
      <c r="E1918" s="4" t="s">
        <v>9958</v>
      </c>
    </row>
    <row r="1919" spans="1:11" ht="57.6" x14ac:dyDescent="0.3">
      <c r="A1919" s="1">
        <v>14376</v>
      </c>
      <c r="D1919" s="4" t="s">
        <v>9959</v>
      </c>
      <c r="E1919" s="4" t="s">
        <v>9960</v>
      </c>
      <c r="G1919" s="4" t="s">
        <v>9961</v>
      </c>
      <c r="K1919" s="4" t="s">
        <v>9962</v>
      </c>
    </row>
    <row r="1920" spans="1:11" ht="72" x14ac:dyDescent="0.3">
      <c r="A1920" s="1">
        <v>14386</v>
      </c>
      <c r="C1920" s="4" t="s">
        <v>9963</v>
      </c>
      <c r="D1920" s="4" t="s">
        <v>9963</v>
      </c>
      <c r="F1920" s="4" t="s">
        <v>9964</v>
      </c>
      <c r="G1920" s="4" t="s">
        <v>9965</v>
      </c>
      <c r="I1920" s="4" t="s">
        <v>9966</v>
      </c>
      <c r="J1920" s="4" t="s">
        <v>9967</v>
      </c>
      <c r="K1920" s="4" t="s">
        <v>9963</v>
      </c>
    </row>
    <row r="1921" spans="1:11" ht="72" x14ac:dyDescent="0.3">
      <c r="A1921" s="1">
        <v>14391</v>
      </c>
      <c r="C1921" s="4" t="s">
        <v>9968</v>
      </c>
      <c r="D1921" s="4" t="s">
        <v>9969</v>
      </c>
      <c r="E1921" s="4" t="s">
        <v>9970</v>
      </c>
      <c r="K1921" s="4" t="s">
        <v>9971</v>
      </c>
    </row>
    <row r="1922" spans="1:11" ht="86.4" x14ac:dyDescent="0.3">
      <c r="A1922" s="1">
        <v>14411</v>
      </c>
      <c r="C1922" s="4" t="s">
        <v>9972</v>
      </c>
      <c r="D1922" s="4" t="s">
        <v>9973</v>
      </c>
      <c r="E1922" s="4" t="s">
        <v>9974</v>
      </c>
      <c r="F1922" s="4" t="s">
        <v>9975</v>
      </c>
      <c r="G1922" s="4" t="s">
        <v>9976</v>
      </c>
      <c r="H1922" s="4" t="s">
        <v>9977</v>
      </c>
      <c r="I1922" s="4" t="s">
        <v>9978</v>
      </c>
      <c r="J1922" s="4" t="s">
        <v>9979</v>
      </c>
    </row>
    <row r="1923" spans="1:11" ht="86.4" x14ac:dyDescent="0.3">
      <c r="A1923" s="1">
        <v>14416</v>
      </c>
      <c r="C1923" s="4" t="s">
        <v>9980</v>
      </c>
      <c r="D1923" s="4" t="s">
        <v>9981</v>
      </c>
      <c r="E1923" s="4" t="s">
        <v>9982</v>
      </c>
      <c r="G1923" s="4" t="s">
        <v>9983</v>
      </c>
      <c r="H1923" s="4" t="s">
        <v>9984</v>
      </c>
      <c r="I1923" s="4" t="s">
        <v>9985</v>
      </c>
      <c r="K1923" s="4" t="s">
        <v>9986</v>
      </c>
    </row>
    <row r="1924" spans="1:11" ht="57.6" x14ac:dyDescent="0.3">
      <c r="A1924" s="1">
        <v>14421</v>
      </c>
      <c r="C1924" s="4" t="s">
        <v>9987</v>
      </c>
      <c r="D1924" s="4" t="s">
        <v>9988</v>
      </c>
      <c r="E1924" s="4" t="s">
        <v>9989</v>
      </c>
      <c r="F1924" s="4" t="s">
        <v>7720</v>
      </c>
      <c r="G1924" s="4" t="s">
        <v>9990</v>
      </c>
      <c r="H1924" s="4" t="s">
        <v>9991</v>
      </c>
      <c r="I1924" s="4" t="s">
        <v>9992</v>
      </c>
      <c r="J1924" s="4" t="s">
        <v>9993</v>
      </c>
      <c r="K1924" s="4" t="s">
        <v>9994</v>
      </c>
    </row>
    <row r="1925" spans="1:11" x14ac:dyDescent="0.3">
      <c r="A1925" s="1">
        <v>14431</v>
      </c>
      <c r="D1925" s="4" t="s">
        <v>9995</v>
      </c>
    </row>
    <row r="1926" spans="1:11" ht="86.4" x14ac:dyDescent="0.3">
      <c r="A1926" s="1">
        <v>14441</v>
      </c>
      <c r="C1926" s="4" t="s">
        <v>9996</v>
      </c>
      <c r="D1926" s="4" t="s">
        <v>9997</v>
      </c>
      <c r="G1926" s="4" t="s">
        <v>9998</v>
      </c>
      <c r="H1926" s="4" t="s">
        <v>9999</v>
      </c>
      <c r="K1926" s="4" t="s">
        <v>10000</v>
      </c>
    </row>
    <row r="1927" spans="1:11" ht="57.6" x14ac:dyDescent="0.3">
      <c r="A1927" s="1">
        <v>14456</v>
      </c>
      <c r="H1927" s="4" t="s">
        <v>10001</v>
      </c>
    </row>
    <row r="1928" spans="1:11" ht="86.4" x14ac:dyDescent="0.3">
      <c r="A1928" s="1">
        <v>14471</v>
      </c>
      <c r="C1928" s="4" t="s">
        <v>10002</v>
      </c>
      <c r="D1928" s="4" t="s">
        <v>10003</v>
      </c>
      <c r="E1928" s="4" t="s">
        <v>10004</v>
      </c>
      <c r="F1928" s="4" t="s">
        <v>10005</v>
      </c>
      <c r="H1928" s="4" t="s">
        <v>10006</v>
      </c>
      <c r="I1928" s="4" t="s">
        <v>10007</v>
      </c>
      <c r="K1928" s="4" t="s">
        <v>10008</v>
      </c>
    </row>
    <row r="1929" spans="1:11" ht="72" x14ac:dyDescent="0.3">
      <c r="A1929" s="1">
        <v>14476</v>
      </c>
      <c r="B1929" s="1" t="s">
        <v>10009</v>
      </c>
      <c r="C1929" s="4" t="s">
        <v>10010</v>
      </c>
      <c r="D1929" s="4" t="s">
        <v>10011</v>
      </c>
      <c r="E1929" s="4" t="s">
        <v>10012</v>
      </c>
      <c r="F1929" s="4" t="s">
        <v>10013</v>
      </c>
      <c r="G1929" s="4" t="s">
        <v>10014</v>
      </c>
      <c r="H1929" s="4" t="s">
        <v>10015</v>
      </c>
      <c r="I1929" s="4" t="s">
        <v>10016</v>
      </c>
      <c r="K1929" s="4" t="s">
        <v>10017</v>
      </c>
    </row>
    <row r="1930" spans="1:11" ht="28.8" x14ac:dyDescent="0.3">
      <c r="A1930" s="1">
        <v>14481</v>
      </c>
      <c r="C1930" s="4" t="s">
        <v>10018</v>
      </c>
      <c r="D1930" s="4" t="s">
        <v>10019</v>
      </c>
      <c r="E1930" s="4" t="s">
        <v>10020</v>
      </c>
      <c r="F1930" s="4" t="s">
        <v>10021</v>
      </c>
      <c r="H1930" s="4" t="s">
        <v>10022</v>
      </c>
    </row>
    <row r="1931" spans="1:11" ht="86.4" x14ac:dyDescent="0.3">
      <c r="A1931" s="1">
        <v>14491</v>
      </c>
      <c r="C1931" s="4" t="s">
        <v>10023</v>
      </c>
      <c r="E1931" s="4" t="s">
        <v>10024</v>
      </c>
      <c r="F1931" s="4" t="s">
        <v>10025</v>
      </c>
      <c r="G1931" s="4" t="s">
        <v>10026</v>
      </c>
      <c r="H1931" s="4" t="s">
        <v>10027</v>
      </c>
    </row>
    <row r="1932" spans="1:11" ht="72" x14ac:dyDescent="0.3">
      <c r="A1932" s="1">
        <v>14496</v>
      </c>
      <c r="C1932" s="4" t="s">
        <v>10028</v>
      </c>
      <c r="D1932" s="4" t="s">
        <v>10029</v>
      </c>
      <c r="G1932" s="4" t="s">
        <v>10030</v>
      </c>
      <c r="H1932" s="4" t="s">
        <v>10031</v>
      </c>
      <c r="K1932" s="4" t="s">
        <v>10032</v>
      </c>
    </row>
    <row r="1933" spans="1:11" ht="86.4" x14ac:dyDescent="0.3">
      <c r="A1933" s="1">
        <v>14511</v>
      </c>
      <c r="C1933" s="4" t="s">
        <v>10033</v>
      </c>
      <c r="D1933" s="4" t="s">
        <v>10034</v>
      </c>
      <c r="E1933" s="4" t="s">
        <v>10035</v>
      </c>
      <c r="F1933" s="4" t="s">
        <v>10036</v>
      </c>
      <c r="G1933" s="4" t="s">
        <v>10037</v>
      </c>
      <c r="H1933" s="4" t="s">
        <v>10038</v>
      </c>
      <c r="I1933" s="4" t="s">
        <v>10039</v>
      </c>
      <c r="K1933" s="4" t="s">
        <v>10040</v>
      </c>
    </row>
    <row r="1934" spans="1:11" ht="86.4" x14ac:dyDescent="0.3">
      <c r="A1934" s="1">
        <v>14516</v>
      </c>
      <c r="C1934" s="4" t="s">
        <v>10041</v>
      </c>
      <c r="D1934" s="4" t="s">
        <v>10042</v>
      </c>
      <c r="E1934" s="4" t="s">
        <v>10043</v>
      </c>
      <c r="J1934" s="4" t="s">
        <v>10044</v>
      </c>
    </row>
    <row r="1935" spans="1:11" ht="72" x14ac:dyDescent="0.3">
      <c r="A1935" s="1">
        <v>14521</v>
      </c>
      <c r="C1935" s="4" t="s">
        <v>10045</v>
      </c>
      <c r="D1935" s="4" t="s">
        <v>10046</v>
      </c>
      <c r="E1935" s="4" t="s">
        <v>10047</v>
      </c>
      <c r="G1935" s="4" t="s">
        <v>10048</v>
      </c>
      <c r="H1935" s="4" t="s">
        <v>10049</v>
      </c>
      <c r="I1935" s="4" t="s">
        <v>10050</v>
      </c>
      <c r="J1935" s="4" t="s">
        <v>10051</v>
      </c>
      <c r="K1935" s="4" t="s">
        <v>10052</v>
      </c>
    </row>
    <row r="1936" spans="1:11" ht="86.4" x14ac:dyDescent="0.3">
      <c r="A1936" s="1">
        <v>14546</v>
      </c>
      <c r="C1936" s="4" t="s">
        <v>10053</v>
      </c>
      <c r="D1936" s="4" t="s">
        <v>10054</v>
      </c>
      <c r="G1936" s="4" t="s">
        <v>10055</v>
      </c>
      <c r="H1936" s="4" t="s">
        <v>10056</v>
      </c>
      <c r="J1936" s="4" t="s">
        <v>10057</v>
      </c>
      <c r="K1936" s="4" t="s">
        <v>10058</v>
      </c>
    </row>
    <row r="1937" spans="1:11" ht="57.6" x14ac:dyDescent="0.3">
      <c r="A1937" s="1">
        <v>14551</v>
      </c>
      <c r="K1937" s="4" t="s">
        <v>10059</v>
      </c>
    </row>
    <row r="1938" spans="1:11" ht="72" x14ac:dyDescent="0.3">
      <c r="A1938" s="1">
        <v>14561</v>
      </c>
      <c r="C1938" s="4" t="s">
        <v>10060</v>
      </c>
      <c r="D1938" s="4" t="s">
        <v>10061</v>
      </c>
      <c r="F1938" s="4" t="s">
        <v>10062</v>
      </c>
      <c r="G1938" s="4" t="s">
        <v>10063</v>
      </c>
      <c r="H1938" s="4" t="s">
        <v>10064</v>
      </c>
    </row>
    <row r="1939" spans="1:11" x14ac:dyDescent="0.3">
      <c r="A1939" s="1">
        <v>14566</v>
      </c>
      <c r="C1939" s="4" t="s">
        <v>10065</v>
      </c>
      <c r="G1939" s="4" t="s">
        <v>10066</v>
      </c>
      <c r="H1939" s="4" t="s">
        <v>10067</v>
      </c>
    </row>
    <row r="1940" spans="1:11" ht="28.8" x14ac:dyDescent="0.3">
      <c r="A1940" s="1">
        <v>14576</v>
      </c>
      <c r="G1940" s="4" t="s">
        <v>10068</v>
      </c>
    </row>
    <row r="1941" spans="1:11" ht="43.2" x14ac:dyDescent="0.3">
      <c r="A1941" s="1">
        <v>14586</v>
      </c>
      <c r="C1941" s="4" t="s">
        <v>10069</v>
      </c>
      <c r="D1941" s="4" t="s">
        <v>10070</v>
      </c>
      <c r="E1941" s="4" t="s">
        <v>1372</v>
      </c>
      <c r="F1941" s="4" t="s">
        <v>10071</v>
      </c>
      <c r="G1941" s="4" t="s">
        <v>10072</v>
      </c>
      <c r="H1941" s="4" t="s">
        <v>10073</v>
      </c>
      <c r="I1941" s="4" t="s">
        <v>10074</v>
      </c>
      <c r="K1941" s="4" t="s">
        <v>10075</v>
      </c>
    </row>
    <row r="1942" spans="1:11" ht="72" x14ac:dyDescent="0.3">
      <c r="A1942" s="1">
        <v>14591</v>
      </c>
      <c r="C1942" s="4" t="s">
        <v>10076</v>
      </c>
      <c r="D1942" s="4" t="s">
        <v>10077</v>
      </c>
      <c r="F1942" s="4" t="s">
        <v>10078</v>
      </c>
      <c r="K1942" s="4" t="s">
        <v>10079</v>
      </c>
    </row>
    <row r="1943" spans="1:11" ht="28.8" x14ac:dyDescent="0.3">
      <c r="A1943" s="1">
        <v>14606</v>
      </c>
      <c r="C1943" s="4" t="s">
        <v>10080</v>
      </c>
    </row>
    <row r="1944" spans="1:11" ht="28.8" x14ac:dyDescent="0.3">
      <c r="A1944" s="1">
        <v>14616</v>
      </c>
      <c r="C1944" s="4" t="s">
        <v>10081</v>
      </c>
      <c r="D1944" s="4" t="s">
        <v>10082</v>
      </c>
      <c r="F1944" s="4" t="s">
        <v>10083</v>
      </c>
      <c r="H1944" s="4" t="s">
        <v>10084</v>
      </c>
      <c r="I1944" s="4" t="s">
        <v>10085</v>
      </c>
      <c r="K1944" s="4" t="s">
        <v>10086</v>
      </c>
    </row>
    <row r="1945" spans="1:11" x14ac:dyDescent="0.3">
      <c r="A1945" s="1">
        <v>14621</v>
      </c>
    </row>
    <row r="1946" spans="1:11" ht="86.4" x14ac:dyDescent="0.3">
      <c r="A1946" s="1">
        <v>14626</v>
      </c>
      <c r="C1946" s="4" t="s">
        <v>10087</v>
      </c>
      <c r="D1946" s="4" t="s">
        <v>10088</v>
      </c>
      <c r="E1946" s="4" t="s">
        <v>10089</v>
      </c>
      <c r="F1946" s="4" t="s">
        <v>10089</v>
      </c>
      <c r="G1946" s="4" t="s">
        <v>10090</v>
      </c>
      <c r="H1946" s="4" t="s">
        <v>10091</v>
      </c>
      <c r="I1946" s="4" t="s">
        <v>10092</v>
      </c>
      <c r="K1946" s="4" t="s">
        <v>10093</v>
      </c>
    </row>
    <row r="1947" spans="1:11" ht="86.4" x14ac:dyDescent="0.3">
      <c r="A1947" s="1">
        <v>14641</v>
      </c>
      <c r="C1947" s="4" t="s">
        <v>10094</v>
      </c>
      <c r="D1947" s="4" t="s">
        <v>10095</v>
      </c>
      <c r="E1947" s="4" t="s">
        <v>10096</v>
      </c>
      <c r="G1947" s="4" t="s">
        <v>10097</v>
      </c>
      <c r="H1947" s="4" t="s">
        <v>10098</v>
      </c>
      <c r="I1947" s="4" t="s">
        <v>10099</v>
      </c>
      <c r="K1947" s="4" t="s">
        <v>10100</v>
      </c>
    </row>
    <row r="1948" spans="1:11" ht="28.8" x14ac:dyDescent="0.3">
      <c r="A1948" s="1">
        <v>14646</v>
      </c>
      <c r="C1948" s="4" t="s">
        <v>10101</v>
      </c>
      <c r="D1948" s="4" t="s">
        <v>10102</v>
      </c>
      <c r="F1948" s="4" t="s">
        <v>10103</v>
      </c>
      <c r="G1948" s="4" t="s">
        <v>10104</v>
      </c>
      <c r="H1948" s="4" t="s">
        <v>10105</v>
      </c>
      <c r="I1948" s="4" t="s">
        <v>10106</v>
      </c>
    </row>
    <row r="1949" spans="1:11" x14ac:dyDescent="0.3">
      <c r="A1949" s="1">
        <v>14661</v>
      </c>
    </row>
    <row r="1950" spans="1:11" ht="86.4" x14ac:dyDescent="0.3">
      <c r="A1950" s="1">
        <v>14666</v>
      </c>
      <c r="C1950" s="4" t="s">
        <v>10107</v>
      </c>
      <c r="D1950" s="4" t="s">
        <v>10108</v>
      </c>
      <c r="F1950" s="4" t="s">
        <v>10109</v>
      </c>
      <c r="H1950" s="4" t="s">
        <v>10110</v>
      </c>
      <c r="I1950" s="4" t="s">
        <v>10111</v>
      </c>
      <c r="K1950" s="4" t="s">
        <v>10112</v>
      </c>
    </row>
    <row r="1951" spans="1:11" ht="43.2" x14ac:dyDescent="0.3">
      <c r="A1951" s="1">
        <v>14671</v>
      </c>
      <c r="E1951" s="4" t="s">
        <v>10113</v>
      </c>
      <c r="F1951" s="4" t="s">
        <v>10114</v>
      </c>
      <c r="G1951" s="4" t="s">
        <v>10115</v>
      </c>
      <c r="H1951" s="4" t="s">
        <v>10116</v>
      </c>
    </row>
    <row r="1952" spans="1:11" ht="72" x14ac:dyDescent="0.3">
      <c r="A1952" s="1">
        <v>14676</v>
      </c>
      <c r="C1952" s="4" t="s">
        <v>10117</v>
      </c>
      <c r="D1952" s="4" t="s">
        <v>10118</v>
      </c>
      <c r="E1952" s="4" t="s">
        <v>10119</v>
      </c>
      <c r="F1952" s="4" t="s">
        <v>10120</v>
      </c>
      <c r="G1952" s="4" t="s">
        <v>10121</v>
      </c>
      <c r="H1952" s="4" t="s">
        <v>10122</v>
      </c>
      <c r="I1952" s="4" t="s">
        <v>10123</v>
      </c>
      <c r="K1952" s="4" t="s">
        <v>10124</v>
      </c>
    </row>
    <row r="1953" spans="1:11" ht="86.4" x14ac:dyDescent="0.3">
      <c r="A1953" s="1">
        <v>14681</v>
      </c>
      <c r="C1953" s="4" t="s">
        <v>10125</v>
      </c>
      <c r="D1953" s="4" t="s">
        <v>10126</v>
      </c>
      <c r="G1953" s="4" t="s">
        <v>10127</v>
      </c>
      <c r="H1953" s="4" t="s">
        <v>10128</v>
      </c>
      <c r="K1953" s="4" t="s">
        <v>10129</v>
      </c>
    </row>
    <row r="1954" spans="1:11" ht="86.4" x14ac:dyDescent="0.3">
      <c r="A1954" s="1">
        <v>14691</v>
      </c>
      <c r="C1954" s="4" t="s">
        <v>10130</v>
      </c>
      <c r="D1954" s="4" t="s">
        <v>10131</v>
      </c>
      <c r="E1954" s="4" t="s">
        <v>10132</v>
      </c>
      <c r="F1954" s="4" t="s">
        <v>10133</v>
      </c>
      <c r="H1954" s="4" t="s">
        <v>10134</v>
      </c>
      <c r="K1954" s="4" t="s">
        <v>10135</v>
      </c>
    </row>
    <row r="1955" spans="1:11" ht="72" x14ac:dyDescent="0.3">
      <c r="A1955" s="1">
        <v>14696</v>
      </c>
      <c r="C1955" s="4" t="s">
        <v>10136</v>
      </c>
      <c r="D1955" s="4" t="s">
        <v>10137</v>
      </c>
      <c r="E1955" s="4" t="s">
        <v>10138</v>
      </c>
      <c r="F1955" s="4" t="s">
        <v>10139</v>
      </c>
      <c r="H1955" s="4" t="s">
        <v>10140</v>
      </c>
      <c r="I1955" s="4" t="s">
        <v>10141</v>
      </c>
      <c r="K1955" s="4" t="s">
        <v>10142</v>
      </c>
    </row>
    <row r="1956" spans="1:11" ht="43.2" x14ac:dyDescent="0.3">
      <c r="A1956" s="1">
        <v>14701</v>
      </c>
      <c r="D1956" s="4" t="s">
        <v>10143</v>
      </c>
      <c r="F1956" s="4" t="s">
        <v>10144</v>
      </c>
    </row>
    <row r="1957" spans="1:11" ht="57.6" x14ac:dyDescent="0.3">
      <c r="A1957" s="1">
        <v>14706</v>
      </c>
      <c r="D1957" s="4" t="s">
        <v>10145</v>
      </c>
    </row>
    <row r="1958" spans="1:11" ht="72" x14ac:dyDescent="0.3">
      <c r="A1958" s="1">
        <v>14716</v>
      </c>
      <c r="C1958" s="4" t="s">
        <v>10146</v>
      </c>
      <c r="D1958" s="4" t="s">
        <v>10147</v>
      </c>
      <c r="G1958" s="4" t="s">
        <v>10148</v>
      </c>
      <c r="I1958" s="4" t="s">
        <v>10149</v>
      </c>
      <c r="K1958" s="4" t="s">
        <v>10150</v>
      </c>
    </row>
    <row r="1959" spans="1:11" ht="57.6" x14ac:dyDescent="0.3">
      <c r="A1959" s="1">
        <v>14731</v>
      </c>
      <c r="D1959" s="4" t="s">
        <v>10151</v>
      </c>
      <c r="F1959" s="4" t="s">
        <v>10152</v>
      </c>
      <c r="G1959" s="4" t="s">
        <v>10153</v>
      </c>
      <c r="H1959" s="4" t="s">
        <v>10154</v>
      </c>
    </row>
    <row r="1960" spans="1:11" ht="100.8" x14ac:dyDescent="0.3">
      <c r="A1960" s="1">
        <v>14736</v>
      </c>
      <c r="C1960" s="4" t="s">
        <v>10155</v>
      </c>
      <c r="D1960" s="4" t="s">
        <v>10156</v>
      </c>
      <c r="E1960" s="4" t="s">
        <v>10157</v>
      </c>
      <c r="F1960" s="4" t="s">
        <v>10158</v>
      </c>
      <c r="G1960" s="4" t="s">
        <v>10159</v>
      </c>
      <c r="H1960" s="4" t="s">
        <v>10160</v>
      </c>
      <c r="I1960" s="4" t="s">
        <v>10161</v>
      </c>
      <c r="K1960" s="4" t="s">
        <v>10162</v>
      </c>
    </row>
    <row r="1961" spans="1:11" ht="28.8" x14ac:dyDescent="0.3">
      <c r="A1961" s="1">
        <v>14746</v>
      </c>
      <c r="C1961" s="4" t="s">
        <v>10163</v>
      </c>
      <c r="K1961" s="4" t="s">
        <v>10164</v>
      </c>
    </row>
    <row r="1962" spans="1:11" ht="72" x14ac:dyDescent="0.3">
      <c r="A1962" s="1">
        <v>14751</v>
      </c>
      <c r="C1962" s="4" t="s">
        <v>10165</v>
      </c>
      <c r="D1962" s="4" t="s">
        <v>10166</v>
      </c>
      <c r="E1962" s="4" t="s">
        <v>10167</v>
      </c>
      <c r="F1962" s="4" t="s">
        <v>1895</v>
      </c>
      <c r="G1962" s="4" t="s">
        <v>10168</v>
      </c>
      <c r="H1962" s="4" t="s">
        <v>10169</v>
      </c>
      <c r="J1962" s="4" t="s">
        <v>10170</v>
      </c>
      <c r="K1962" s="4" t="s">
        <v>10171</v>
      </c>
    </row>
    <row r="1963" spans="1:11" ht="43.2" x14ac:dyDescent="0.3">
      <c r="A1963" s="1">
        <v>14761</v>
      </c>
      <c r="C1963" s="4" t="s">
        <v>10172</v>
      </c>
      <c r="D1963" s="4" t="s">
        <v>10173</v>
      </c>
      <c r="E1963" s="4" t="s">
        <v>10174</v>
      </c>
      <c r="F1963" s="4" t="s">
        <v>10175</v>
      </c>
      <c r="H1963" s="4" t="s">
        <v>10176</v>
      </c>
      <c r="I1963" s="4" t="s">
        <v>10177</v>
      </c>
    </row>
    <row r="1964" spans="1:11" x14ac:dyDescent="0.3">
      <c r="A1964" s="1">
        <v>14766</v>
      </c>
      <c r="C1964" s="4" t="s">
        <v>10178</v>
      </c>
      <c r="D1964" s="4" t="s">
        <v>10179</v>
      </c>
      <c r="G1964" s="4" t="s">
        <v>10180</v>
      </c>
      <c r="J1964" s="4" t="s">
        <v>10181</v>
      </c>
    </row>
    <row r="1965" spans="1:11" ht="72" x14ac:dyDescent="0.3">
      <c r="A1965" s="1">
        <v>14771</v>
      </c>
      <c r="C1965" s="4" t="s">
        <v>10182</v>
      </c>
      <c r="D1965" s="4" t="s">
        <v>10183</v>
      </c>
      <c r="F1965" s="4" t="s">
        <v>10184</v>
      </c>
      <c r="K1965" s="4" t="s">
        <v>10185</v>
      </c>
    </row>
    <row r="1966" spans="1:11" ht="57.6" x14ac:dyDescent="0.3">
      <c r="A1966" s="1">
        <v>14776</v>
      </c>
      <c r="C1966" s="4" t="s">
        <v>10186</v>
      </c>
      <c r="D1966" s="4" t="s">
        <v>10187</v>
      </c>
      <c r="F1966" s="4" t="s">
        <v>10188</v>
      </c>
      <c r="G1966" s="4" t="s">
        <v>10189</v>
      </c>
      <c r="H1966" s="4" t="s">
        <v>10190</v>
      </c>
      <c r="I1966" s="4" t="s">
        <v>10191</v>
      </c>
      <c r="K1966" s="4" t="s">
        <v>10192</v>
      </c>
    </row>
    <row r="1967" spans="1:11" ht="86.4" x14ac:dyDescent="0.3">
      <c r="A1967" s="1">
        <v>14781</v>
      </c>
      <c r="C1967" s="4" t="s">
        <v>10193</v>
      </c>
      <c r="D1967" s="4" t="s">
        <v>10194</v>
      </c>
      <c r="E1967" s="4" t="s">
        <v>10195</v>
      </c>
      <c r="F1967" s="4" t="s">
        <v>10196</v>
      </c>
      <c r="G1967" s="4" t="s">
        <v>10197</v>
      </c>
      <c r="H1967" s="4" t="s">
        <v>10198</v>
      </c>
      <c r="K1967" s="4" t="s">
        <v>10199</v>
      </c>
    </row>
    <row r="1968" spans="1:11" ht="28.8" x14ac:dyDescent="0.3">
      <c r="A1968" s="1">
        <v>14786</v>
      </c>
      <c r="D1968" s="4" t="s">
        <v>10200</v>
      </c>
      <c r="K1968" s="4" t="s">
        <v>10201</v>
      </c>
    </row>
    <row r="1969" spans="1:11" ht="86.4" x14ac:dyDescent="0.3">
      <c r="A1969" s="1">
        <v>14791</v>
      </c>
      <c r="C1969" s="4" t="s">
        <v>10202</v>
      </c>
      <c r="D1969" s="4" t="s">
        <v>10203</v>
      </c>
      <c r="E1969" s="4" t="s">
        <v>10204</v>
      </c>
      <c r="F1969" s="4" t="s">
        <v>10205</v>
      </c>
      <c r="G1969" s="4" t="s">
        <v>10206</v>
      </c>
      <c r="H1969" s="4" t="s">
        <v>10207</v>
      </c>
      <c r="I1969" s="4" t="s">
        <v>10208</v>
      </c>
      <c r="K1969" s="4" t="s">
        <v>10209</v>
      </c>
    </row>
    <row r="1970" spans="1:11" x14ac:dyDescent="0.3">
      <c r="A1970" s="1">
        <v>14796</v>
      </c>
      <c r="C1970" s="4" t="s">
        <v>10210</v>
      </c>
      <c r="D1970" s="4" t="s">
        <v>10211</v>
      </c>
      <c r="K1970" s="4" t="s">
        <v>10212</v>
      </c>
    </row>
    <row r="1971" spans="1:11" ht="72" x14ac:dyDescent="0.3">
      <c r="A1971" s="1">
        <v>14801</v>
      </c>
      <c r="D1971" s="4" t="s">
        <v>10213</v>
      </c>
      <c r="E1971" s="4" t="s">
        <v>10214</v>
      </c>
      <c r="F1971" s="4" t="s">
        <v>10215</v>
      </c>
      <c r="G1971" s="4" t="s">
        <v>10216</v>
      </c>
      <c r="H1971" s="4" t="s">
        <v>10217</v>
      </c>
      <c r="I1971" s="4" t="s">
        <v>10218</v>
      </c>
      <c r="K1971" s="4" t="s">
        <v>10219</v>
      </c>
    </row>
    <row r="1972" spans="1:11" ht="28.8" x14ac:dyDescent="0.3">
      <c r="A1972" s="1">
        <v>14806</v>
      </c>
      <c r="C1972" s="4" t="s">
        <v>10220</v>
      </c>
      <c r="G1972" s="4" t="s">
        <v>10221</v>
      </c>
      <c r="H1972" s="4" t="s">
        <v>10222</v>
      </c>
      <c r="K1972" s="4" t="s">
        <v>10223</v>
      </c>
    </row>
    <row r="1973" spans="1:11" ht="86.4" x14ac:dyDescent="0.3">
      <c r="A1973" s="1">
        <v>14811</v>
      </c>
      <c r="C1973" s="4" t="s">
        <v>10224</v>
      </c>
      <c r="D1973" s="4" t="s">
        <v>10225</v>
      </c>
      <c r="F1973" s="4" t="s">
        <v>10226</v>
      </c>
      <c r="G1973" s="4" t="s">
        <v>10227</v>
      </c>
      <c r="H1973" s="4" t="s">
        <v>10228</v>
      </c>
      <c r="K1973" s="4" t="s">
        <v>10229</v>
      </c>
    </row>
    <row r="1974" spans="1:11" ht="72" x14ac:dyDescent="0.3">
      <c r="A1974" s="1">
        <v>14816</v>
      </c>
      <c r="C1974" s="4" t="s">
        <v>10230</v>
      </c>
      <c r="D1974" s="4" t="s">
        <v>10231</v>
      </c>
      <c r="E1974" s="4" t="s">
        <v>10232</v>
      </c>
      <c r="F1974" s="4" t="s">
        <v>10233</v>
      </c>
      <c r="G1974" s="4" t="s">
        <v>10234</v>
      </c>
      <c r="H1974" s="4" t="s">
        <v>10235</v>
      </c>
      <c r="I1974" s="4" t="s">
        <v>10236</v>
      </c>
    </row>
    <row r="1975" spans="1:11" ht="72" x14ac:dyDescent="0.3">
      <c r="A1975" s="1">
        <v>14821</v>
      </c>
      <c r="C1975" s="4" t="s">
        <v>10237</v>
      </c>
      <c r="D1975" s="4" t="s">
        <v>10238</v>
      </c>
      <c r="G1975" s="4" t="s">
        <v>10239</v>
      </c>
      <c r="H1975" s="4" t="s">
        <v>10240</v>
      </c>
      <c r="I1975" s="4" t="s">
        <v>10241</v>
      </c>
      <c r="K1975" s="4" t="s">
        <v>10242</v>
      </c>
    </row>
    <row r="1976" spans="1:11" ht="86.4" x14ac:dyDescent="0.3">
      <c r="A1976" s="1">
        <v>14826</v>
      </c>
      <c r="C1976" s="4" t="s">
        <v>10243</v>
      </c>
      <c r="G1976" s="4" t="s">
        <v>10244</v>
      </c>
      <c r="H1976" s="4" t="s">
        <v>10245</v>
      </c>
      <c r="I1976" s="4" t="s">
        <v>10246</v>
      </c>
      <c r="K1976" s="4" t="s">
        <v>10247</v>
      </c>
    </row>
    <row r="1977" spans="1:11" ht="86.4" x14ac:dyDescent="0.3">
      <c r="A1977" s="1">
        <v>14836</v>
      </c>
      <c r="D1977" s="4" t="s">
        <v>10248</v>
      </c>
      <c r="E1977" s="4" t="s">
        <v>10249</v>
      </c>
      <c r="F1977" s="4" t="s">
        <v>10250</v>
      </c>
      <c r="G1977" s="4" t="s">
        <v>10251</v>
      </c>
      <c r="H1977" s="4" t="s">
        <v>10252</v>
      </c>
      <c r="I1977" s="4" t="s">
        <v>10253</v>
      </c>
      <c r="K1977" s="4" t="s">
        <v>10254</v>
      </c>
    </row>
    <row r="1978" spans="1:11" ht="86.4" x14ac:dyDescent="0.3">
      <c r="A1978" s="1">
        <v>14841</v>
      </c>
      <c r="C1978" s="4" t="s">
        <v>10255</v>
      </c>
      <c r="D1978" s="4" t="s">
        <v>10256</v>
      </c>
      <c r="E1978" s="4" t="s">
        <v>10257</v>
      </c>
      <c r="F1978" s="4" t="s">
        <v>10258</v>
      </c>
      <c r="G1978" s="4" t="s">
        <v>10259</v>
      </c>
      <c r="H1978" s="4" t="s">
        <v>10260</v>
      </c>
      <c r="I1978" s="4" t="s">
        <v>10261</v>
      </c>
      <c r="K1978" s="4" t="s">
        <v>10262</v>
      </c>
    </row>
    <row r="1979" spans="1:11" ht="86.4" x14ac:dyDescent="0.3">
      <c r="A1979" s="1">
        <v>14856</v>
      </c>
      <c r="C1979" s="4" t="s">
        <v>10263</v>
      </c>
      <c r="D1979" s="4" t="s">
        <v>10264</v>
      </c>
      <c r="E1979" s="4" t="s">
        <v>10265</v>
      </c>
      <c r="F1979" s="4" t="s">
        <v>10266</v>
      </c>
      <c r="G1979" s="4" t="s">
        <v>10267</v>
      </c>
      <c r="H1979" s="4" t="s">
        <v>10268</v>
      </c>
      <c r="I1979" s="4" t="s">
        <v>10269</v>
      </c>
      <c r="K1979" s="4" t="s">
        <v>10270</v>
      </c>
    </row>
    <row r="1980" spans="1:11" ht="28.8" x14ac:dyDescent="0.3">
      <c r="A1980" s="1">
        <v>14861</v>
      </c>
      <c r="F1980" s="4" t="s">
        <v>10271</v>
      </c>
    </row>
    <row r="1981" spans="1:11" ht="86.4" x14ac:dyDescent="0.3">
      <c r="A1981" s="1">
        <v>14866</v>
      </c>
      <c r="C1981" s="4" t="s">
        <v>10272</v>
      </c>
      <c r="D1981" s="4" t="s">
        <v>10273</v>
      </c>
      <c r="E1981" s="4" t="s">
        <v>10274</v>
      </c>
      <c r="F1981" s="4" t="s">
        <v>10275</v>
      </c>
      <c r="G1981" s="4" t="s">
        <v>10276</v>
      </c>
      <c r="H1981" s="4" t="s">
        <v>10277</v>
      </c>
      <c r="I1981" s="4" t="s">
        <v>10278</v>
      </c>
      <c r="K1981" s="4" t="s">
        <v>10279</v>
      </c>
    </row>
    <row r="1982" spans="1:11" ht="86.4" x14ac:dyDescent="0.3">
      <c r="A1982" s="1">
        <v>14871</v>
      </c>
      <c r="C1982" s="4" t="s">
        <v>10280</v>
      </c>
      <c r="D1982" s="4" t="s">
        <v>10281</v>
      </c>
      <c r="E1982" s="4" t="s">
        <v>10282</v>
      </c>
      <c r="F1982" s="4" t="s">
        <v>10283</v>
      </c>
      <c r="G1982" s="4" t="s">
        <v>10284</v>
      </c>
      <c r="H1982" s="4" t="s">
        <v>10285</v>
      </c>
      <c r="I1982" s="4" t="s">
        <v>10286</v>
      </c>
      <c r="J1982" s="4" t="s">
        <v>10287</v>
      </c>
      <c r="K1982" s="4" t="s">
        <v>10288</v>
      </c>
    </row>
    <row r="1983" spans="1:11" ht="43.2" x14ac:dyDescent="0.3">
      <c r="A1983" s="1">
        <v>14876</v>
      </c>
      <c r="C1983" s="4" t="s">
        <v>10289</v>
      </c>
      <c r="D1983" s="4" t="s">
        <v>10290</v>
      </c>
      <c r="H1983" s="4" t="s">
        <v>10291</v>
      </c>
      <c r="I1983" s="4" t="s">
        <v>10292</v>
      </c>
    </row>
    <row r="1984" spans="1:11" x14ac:dyDescent="0.3">
      <c r="A1984" s="1">
        <v>14881</v>
      </c>
    </row>
    <row r="1985" spans="1:11" ht="28.8" x14ac:dyDescent="0.3">
      <c r="A1985" s="1">
        <v>14886</v>
      </c>
      <c r="C1985" s="4" t="s">
        <v>10293</v>
      </c>
      <c r="D1985" s="4" t="s">
        <v>10294</v>
      </c>
      <c r="F1985" s="4" t="s">
        <v>10295</v>
      </c>
      <c r="G1985" s="4" t="s">
        <v>10296</v>
      </c>
      <c r="H1985" s="4" t="s">
        <v>10297</v>
      </c>
      <c r="J1985" s="4" t="s">
        <v>10298</v>
      </c>
      <c r="K1985" s="4" t="s">
        <v>10299</v>
      </c>
    </row>
    <row r="1986" spans="1:11" ht="57.6" x14ac:dyDescent="0.3">
      <c r="A1986" s="1">
        <v>14891</v>
      </c>
      <c r="D1986" s="4" t="s">
        <v>10300</v>
      </c>
      <c r="E1986" s="4" t="s">
        <v>10301</v>
      </c>
      <c r="F1986" s="4" t="s">
        <v>10302</v>
      </c>
      <c r="H1986" s="4" t="s">
        <v>10303</v>
      </c>
      <c r="I1986" s="4" t="s">
        <v>10304</v>
      </c>
      <c r="K1986" s="4" t="s">
        <v>10305</v>
      </c>
    </row>
    <row r="1987" spans="1:11" ht="28.8" x14ac:dyDescent="0.3">
      <c r="A1987" s="1">
        <v>14896</v>
      </c>
      <c r="C1987" s="4" t="s">
        <v>10306</v>
      </c>
      <c r="D1987" s="4" t="s">
        <v>10307</v>
      </c>
    </row>
    <row r="1988" spans="1:11" ht="28.8" x14ac:dyDescent="0.3">
      <c r="A1988" s="1">
        <v>14906</v>
      </c>
      <c r="D1988" s="4" t="s">
        <v>10308</v>
      </c>
    </row>
    <row r="1989" spans="1:11" ht="86.4" x14ac:dyDescent="0.3">
      <c r="A1989" s="1">
        <v>14911</v>
      </c>
      <c r="C1989" s="4" t="s">
        <v>10309</v>
      </c>
      <c r="D1989" s="4" t="s">
        <v>10310</v>
      </c>
      <c r="E1989" s="4" t="s">
        <v>10311</v>
      </c>
      <c r="F1989" s="4" t="s">
        <v>10312</v>
      </c>
      <c r="G1989" s="4" t="s">
        <v>10313</v>
      </c>
      <c r="H1989" s="4" t="s">
        <v>10314</v>
      </c>
      <c r="I1989" s="4" t="s">
        <v>10315</v>
      </c>
      <c r="K1989" s="4" t="s">
        <v>10316</v>
      </c>
    </row>
    <row r="1990" spans="1:11" ht="72" x14ac:dyDescent="0.3">
      <c r="A1990" s="1">
        <v>14916</v>
      </c>
      <c r="C1990" s="4" t="s">
        <v>10317</v>
      </c>
    </row>
    <row r="1991" spans="1:11" ht="72" x14ac:dyDescent="0.3">
      <c r="A1991" s="1">
        <v>14936</v>
      </c>
      <c r="E1991" s="4" t="s">
        <v>10318</v>
      </c>
      <c r="F1991" s="4" t="s">
        <v>10319</v>
      </c>
      <c r="H1991" s="4" t="s">
        <v>10320</v>
      </c>
    </row>
    <row r="1992" spans="1:11" ht="43.2" x14ac:dyDescent="0.3">
      <c r="A1992" s="1">
        <v>14941</v>
      </c>
      <c r="C1992" s="4" t="s">
        <v>10321</v>
      </c>
      <c r="D1992" s="4" t="s">
        <v>10322</v>
      </c>
      <c r="G1992" s="4" t="s">
        <v>10323</v>
      </c>
      <c r="H1992" s="4" t="s">
        <v>10324</v>
      </c>
      <c r="K1992" s="4" t="s">
        <v>10325</v>
      </c>
    </row>
    <row r="1993" spans="1:11" ht="72" x14ac:dyDescent="0.3">
      <c r="A1993" s="1">
        <v>14946</v>
      </c>
      <c r="C1993" s="4" t="s">
        <v>10326</v>
      </c>
      <c r="D1993" s="4" t="s">
        <v>10327</v>
      </c>
      <c r="E1993" s="4" t="s">
        <v>10328</v>
      </c>
      <c r="F1993" s="4" t="s">
        <v>10329</v>
      </c>
      <c r="G1993" s="4" t="s">
        <v>10330</v>
      </c>
      <c r="H1993" s="4" t="s">
        <v>10331</v>
      </c>
      <c r="I1993" s="4" t="s">
        <v>10332</v>
      </c>
      <c r="K1993" s="4" t="s">
        <v>10333</v>
      </c>
    </row>
    <row r="1994" spans="1:11" ht="72" x14ac:dyDescent="0.3">
      <c r="A1994" s="1">
        <v>14961</v>
      </c>
      <c r="B1994" s="1" t="s">
        <v>9377</v>
      </c>
      <c r="C1994" s="4" t="s">
        <v>10334</v>
      </c>
      <c r="D1994" s="4" t="s">
        <v>10335</v>
      </c>
      <c r="E1994" s="4" t="s">
        <v>10336</v>
      </c>
      <c r="F1994" s="4" t="s">
        <v>10337</v>
      </c>
      <c r="G1994" s="4" t="s">
        <v>10338</v>
      </c>
      <c r="H1994" s="4" t="s">
        <v>10339</v>
      </c>
      <c r="I1994" s="4" t="s">
        <v>10340</v>
      </c>
      <c r="K1994" s="4" t="s">
        <v>10341</v>
      </c>
    </row>
    <row r="1995" spans="1:11" ht="57.6" x14ac:dyDescent="0.3">
      <c r="A1995" s="1">
        <v>14966</v>
      </c>
      <c r="C1995" s="4" t="s">
        <v>10342</v>
      </c>
      <c r="D1995" s="4" t="s">
        <v>10343</v>
      </c>
      <c r="E1995" s="4" t="s">
        <v>10344</v>
      </c>
      <c r="F1995" s="4" t="s">
        <v>10345</v>
      </c>
      <c r="G1995" s="4" t="s">
        <v>10346</v>
      </c>
      <c r="I1995" s="4" t="s">
        <v>10347</v>
      </c>
    </row>
    <row r="1996" spans="1:11" ht="43.2" x14ac:dyDescent="0.3">
      <c r="A1996" s="1">
        <v>14971</v>
      </c>
      <c r="D1996" s="4" t="s">
        <v>10348</v>
      </c>
      <c r="E1996" s="4" t="s">
        <v>10349</v>
      </c>
      <c r="F1996" s="4" t="s">
        <v>10350</v>
      </c>
      <c r="K1996" s="4" t="s">
        <v>10351</v>
      </c>
    </row>
    <row r="1997" spans="1:11" ht="72" x14ac:dyDescent="0.3">
      <c r="A1997" s="1">
        <v>14976</v>
      </c>
      <c r="C1997" s="4" t="s">
        <v>10352</v>
      </c>
      <c r="D1997" s="4" t="s">
        <v>10353</v>
      </c>
      <c r="F1997" s="4" t="s">
        <v>10354</v>
      </c>
      <c r="G1997" s="4" t="s">
        <v>10355</v>
      </c>
      <c r="H1997" s="4" t="s">
        <v>10356</v>
      </c>
      <c r="I1997" s="4" t="s">
        <v>10357</v>
      </c>
      <c r="K1997" s="4" t="s">
        <v>10358</v>
      </c>
    </row>
    <row r="1998" spans="1:11" ht="57.6" x14ac:dyDescent="0.3">
      <c r="A1998" s="1">
        <v>14991</v>
      </c>
      <c r="C1998" s="4" t="s">
        <v>10359</v>
      </c>
      <c r="D1998" s="4" t="s">
        <v>10360</v>
      </c>
      <c r="F1998" s="4" t="s">
        <v>10361</v>
      </c>
      <c r="G1998" s="4" t="s">
        <v>10362</v>
      </c>
      <c r="H1998" s="4" t="s">
        <v>10363</v>
      </c>
      <c r="I1998" s="4" t="s">
        <v>10364</v>
      </c>
      <c r="J1998" s="4" t="s">
        <v>10365</v>
      </c>
      <c r="K1998" s="4" t="s">
        <v>10366</v>
      </c>
    </row>
    <row r="1999" spans="1:11" ht="72" x14ac:dyDescent="0.3">
      <c r="A1999" s="1">
        <v>15001</v>
      </c>
      <c r="C1999" s="4" t="s">
        <v>10367</v>
      </c>
      <c r="D1999" s="4" t="s">
        <v>10368</v>
      </c>
      <c r="E1999" s="4" t="s">
        <v>10369</v>
      </c>
      <c r="G1999" s="4" t="s">
        <v>10370</v>
      </c>
      <c r="H1999" s="4" t="s">
        <v>10370</v>
      </c>
      <c r="I1999" s="4" t="s">
        <v>10371</v>
      </c>
    </row>
    <row r="2000" spans="1:11" ht="86.4" x14ac:dyDescent="0.3">
      <c r="A2000" s="1">
        <v>15006</v>
      </c>
      <c r="C2000" s="4" t="s">
        <v>10372</v>
      </c>
      <c r="D2000" s="4" t="s">
        <v>10373</v>
      </c>
      <c r="G2000" s="4" t="s">
        <v>10374</v>
      </c>
      <c r="H2000" s="4" t="s">
        <v>10375</v>
      </c>
      <c r="J2000" s="4" t="s">
        <v>10376</v>
      </c>
    </row>
    <row r="2001" spans="1:11" ht="43.2" x14ac:dyDescent="0.3">
      <c r="A2001" s="1">
        <v>15016</v>
      </c>
      <c r="D2001" s="4" t="s">
        <v>10377</v>
      </c>
      <c r="E2001" s="4" t="s">
        <v>10378</v>
      </c>
      <c r="G2001" s="4" t="s">
        <v>10379</v>
      </c>
    </row>
    <row r="2002" spans="1:11" ht="86.4" x14ac:dyDescent="0.3">
      <c r="A2002" s="1">
        <v>15041</v>
      </c>
      <c r="C2002" s="4" t="s">
        <v>10380</v>
      </c>
      <c r="D2002" s="4" t="s">
        <v>10381</v>
      </c>
      <c r="E2002" s="4" t="s">
        <v>10382</v>
      </c>
      <c r="F2002" s="4" t="s">
        <v>4</v>
      </c>
      <c r="G2002" s="4" t="s">
        <v>10383</v>
      </c>
      <c r="H2002" s="4" t="s">
        <v>10384</v>
      </c>
      <c r="I2002" s="4" t="s">
        <v>2100</v>
      </c>
      <c r="K2002" s="4" t="s">
        <v>10385</v>
      </c>
    </row>
    <row r="2003" spans="1:11" ht="86.4" x14ac:dyDescent="0.3">
      <c r="A2003" s="1">
        <v>15046</v>
      </c>
      <c r="C2003" s="4" t="s">
        <v>10386</v>
      </c>
      <c r="D2003" s="4" t="s">
        <v>10387</v>
      </c>
      <c r="E2003" s="4" t="s">
        <v>10388</v>
      </c>
      <c r="F2003" s="4" t="s">
        <v>10389</v>
      </c>
      <c r="G2003" s="4" t="s">
        <v>10390</v>
      </c>
      <c r="H2003" s="4" t="s">
        <v>10391</v>
      </c>
      <c r="I2003" s="4" t="s">
        <v>10392</v>
      </c>
    </row>
    <row r="2004" spans="1:11" ht="43.2" x14ac:dyDescent="0.3">
      <c r="A2004" s="1">
        <v>15056</v>
      </c>
      <c r="C2004" s="4" t="s">
        <v>10393</v>
      </c>
      <c r="K2004" s="4" t="s">
        <v>10394</v>
      </c>
    </row>
    <row r="2005" spans="1:11" ht="57.6" x14ac:dyDescent="0.3">
      <c r="A2005" s="1">
        <v>15061</v>
      </c>
      <c r="D2005" s="4" t="s">
        <v>10395</v>
      </c>
      <c r="E2005" s="4" t="s">
        <v>10396</v>
      </c>
      <c r="F2005" s="4" t="s">
        <v>10397</v>
      </c>
      <c r="G2005" s="4" t="s">
        <v>10398</v>
      </c>
      <c r="K2005" s="4" t="s">
        <v>10399</v>
      </c>
    </row>
    <row r="2006" spans="1:11" ht="100.8" x14ac:dyDescent="0.3">
      <c r="A2006" s="1">
        <v>15071</v>
      </c>
      <c r="C2006" s="4" t="s">
        <v>10400</v>
      </c>
      <c r="E2006" s="4" t="s">
        <v>10401</v>
      </c>
      <c r="H2006" s="4" t="s">
        <v>10402</v>
      </c>
      <c r="I2006" s="4" t="s">
        <v>10403</v>
      </c>
      <c r="K2006" s="4" t="s">
        <v>10404</v>
      </c>
    </row>
    <row r="2007" spans="1:11" ht="72" x14ac:dyDescent="0.3">
      <c r="A2007" s="1">
        <v>15076</v>
      </c>
      <c r="C2007" s="4" t="s">
        <v>10405</v>
      </c>
      <c r="D2007" s="4" t="s">
        <v>10406</v>
      </c>
      <c r="F2007" s="4" t="s">
        <v>10407</v>
      </c>
      <c r="G2007" s="4" t="s">
        <v>10408</v>
      </c>
      <c r="H2007" s="4" t="s">
        <v>10409</v>
      </c>
      <c r="I2007" s="4" t="s">
        <v>10410</v>
      </c>
    </row>
    <row r="2008" spans="1:11" ht="100.8" x14ac:dyDescent="0.3">
      <c r="A2008" s="1">
        <v>15081</v>
      </c>
      <c r="G2008" s="4" t="s">
        <v>10411</v>
      </c>
      <c r="H2008" s="4" t="s">
        <v>10412</v>
      </c>
      <c r="K2008" s="4" t="s">
        <v>10413</v>
      </c>
    </row>
    <row r="2009" spans="1:11" ht="57.6" x14ac:dyDescent="0.3">
      <c r="A2009" s="1">
        <v>15101</v>
      </c>
      <c r="D2009" s="4" t="s">
        <v>10414</v>
      </c>
      <c r="G2009" s="4" t="s">
        <v>10415</v>
      </c>
      <c r="H2009" s="4" t="s">
        <v>10415</v>
      </c>
    </row>
    <row r="2010" spans="1:11" ht="86.4" x14ac:dyDescent="0.3">
      <c r="A2010" s="1">
        <v>15111</v>
      </c>
      <c r="C2010" s="4" t="s">
        <v>10416</v>
      </c>
      <c r="D2010" s="4" t="s">
        <v>10417</v>
      </c>
      <c r="E2010" s="4" t="s">
        <v>10418</v>
      </c>
      <c r="G2010" s="4" t="s">
        <v>10419</v>
      </c>
      <c r="H2010" s="4" t="s">
        <v>10420</v>
      </c>
      <c r="K2010" s="4" t="s">
        <v>10421</v>
      </c>
    </row>
    <row r="2011" spans="1:11" x14ac:dyDescent="0.3">
      <c r="A2011" s="1">
        <v>15121</v>
      </c>
    </row>
    <row r="2012" spans="1:11" ht="57.6" x14ac:dyDescent="0.3">
      <c r="A2012" s="1">
        <v>15126</v>
      </c>
      <c r="C2012" s="4" t="s">
        <v>10422</v>
      </c>
      <c r="D2012" s="4" t="s">
        <v>10423</v>
      </c>
      <c r="E2012" s="4" t="s">
        <v>10424</v>
      </c>
      <c r="F2012" s="4" t="s">
        <v>10425</v>
      </c>
      <c r="G2012" s="4" t="s">
        <v>10426</v>
      </c>
      <c r="H2012" s="4" t="s">
        <v>10426</v>
      </c>
      <c r="I2012" s="4" t="s">
        <v>10427</v>
      </c>
      <c r="K2012" s="4" t="s">
        <v>10428</v>
      </c>
    </row>
    <row r="2013" spans="1:11" ht="86.4" x14ac:dyDescent="0.3">
      <c r="A2013" s="1">
        <v>15131</v>
      </c>
      <c r="C2013" s="4" t="s">
        <v>10429</v>
      </c>
      <c r="D2013" s="4" t="s">
        <v>10430</v>
      </c>
      <c r="E2013" s="4" t="s">
        <v>10431</v>
      </c>
      <c r="F2013" s="4" t="s">
        <v>10432</v>
      </c>
      <c r="G2013" s="4" t="s">
        <v>10433</v>
      </c>
      <c r="H2013" s="4" t="s">
        <v>10433</v>
      </c>
      <c r="K2013" s="4" t="s">
        <v>10434</v>
      </c>
    </row>
    <row r="2014" spans="1:11" ht="86.4" x14ac:dyDescent="0.3">
      <c r="A2014" s="1">
        <v>15136</v>
      </c>
      <c r="C2014" s="4" t="s">
        <v>10435</v>
      </c>
      <c r="D2014" s="4" t="s">
        <v>10436</v>
      </c>
      <c r="E2014" s="4" t="s">
        <v>10437</v>
      </c>
      <c r="F2014" s="4" t="s">
        <v>10438</v>
      </c>
      <c r="G2014" s="4" t="s">
        <v>10439</v>
      </c>
      <c r="H2014" s="4" t="s">
        <v>10440</v>
      </c>
      <c r="I2014" s="4" t="s">
        <v>10441</v>
      </c>
      <c r="K2014" s="4" t="s">
        <v>10442</v>
      </c>
    </row>
    <row r="2015" spans="1:11" ht="72" x14ac:dyDescent="0.3">
      <c r="A2015" s="1">
        <v>15146</v>
      </c>
      <c r="C2015" s="4" t="s">
        <v>10443</v>
      </c>
      <c r="G2015" s="4" t="s">
        <v>10444</v>
      </c>
      <c r="H2015" s="4" t="s">
        <v>10445</v>
      </c>
      <c r="K2015" s="4" t="s">
        <v>10446</v>
      </c>
    </row>
    <row r="2016" spans="1:11" ht="72" x14ac:dyDescent="0.3">
      <c r="A2016" s="1">
        <v>15151</v>
      </c>
      <c r="C2016" s="4" t="s">
        <v>10447</v>
      </c>
      <c r="D2016" s="4" t="s">
        <v>10448</v>
      </c>
      <c r="E2016" s="4" t="s">
        <v>10449</v>
      </c>
      <c r="F2016" s="4" t="s">
        <v>10450</v>
      </c>
      <c r="G2016" s="4" t="s">
        <v>10451</v>
      </c>
      <c r="H2016" s="4" t="s">
        <v>10452</v>
      </c>
      <c r="I2016" s="4" t="s">
        <v>10453</v>
      </c>
      <c r="K2016" s="4" t="s">
        <v>10454</v>
      </c>
    </row>
    <row r="2017" spans="1:11" ht="72" x14ac:dyDescent="0.3">
      <c r="A2017" s="1">
        <v>15186</v>
      </c>
      <c r="C2017" s="4" t="s">
        <v>10455</v>
      </c>
      <c r="D2017" s="4" t="e">
        <v>#NAME?</v>
      </c>
      <c r="G2017" s="4" t="e">
        <v>#NAME?</v>
      </c>
      <c r="H2017" s="4" t="e">
        <v>#NAME?</v>
      </c>
      <c r="I2017" s="4" t="e">
        <v>#NAME?</v>
      </c>
      <c r="J2017" s="4" t="s">
        <v>10456</v>
      </c>
      <c r="K2017" s="4" t="s">
        <v>10457</v>
      </c>
    </row>
    <row r="2018" spans="1:11" ht="86.4" x14ac:dyDescent="0.3">
      <c r="A2018" s="1">
        <v>15191</v>
      </c>
      <c r="C2018" s="4" t="s">
        <v>10458</v>
      </c>
      <c r="D2018" s="4" t="s">
        <v>10459</v>
      </c>
      <c r="G2018" s="4" t="s">
        <v>10460</v>
      </c>
      <c r="H2018" s="4" t="s">
        <v>10461</v>
      </c>
      <c r="I2018" s="4" t="s">
        <v>10462</v>
      </c>
      <c r="J2018" s="4" t="s">
        <v>10463</v>
      </c>
      <c r="K2018" s="4" t="s">
        <v>10464</v>
      </c>
    </row>
    <row r="2019" spans="1:11" ht="86.4" x14ac:dyDescent="0.3">
      <c r="A2019" s="1">
        <v>15196</v>
      </c>
      <c r="C2019" s="4" t="s">
        <v>10465</v>
      </c>
      <c r="D2019" s="4" t="s">
        <v>10466</v>
      </c>
      <c r="G2019" s="4" t="s">
        <v>10467</v>
      </c>
      <c r="H2019" s="4" t="s">
        <v>10468</v>
      </c>
      <c r="I2019" s="4" t="s">
        <v>10469</v>
      </c>
      <c r="J2019" s="4" t="s">
        <v>10470</v>
      </c>
      <c r="K2019" s="4" t="s">
        <v>10471</v>
      </c>
    </row>
    <row r="2020" spans="1:11" ht="72" x14ac:dyDescent="0.3">
      <c r="A2020" s="1">
        <v>15201</v>
      </c>
      <c r="C2020" s="4" t="s">
        <v>10472</v>
      </c>
      <c r="D2020" s="4" t="e">
        <v>#NAME?</v>
      </c>
      <c r="G2020" s="4" t="e">
        <v>#NAME?</v>
      </c>
      <c r="H2020" s="4" t="e">
        <v>#NAME?</v>
      </c>
      <c r="I2020" s="4" t="e">
        <v>#NAME?</v>
      </c>
      <c r="J2020" s="4" t="s">
        <v>10473</v>
      </c>
      <c r="K2020" s="4" t="s">
        <v>10474</v>
      </c>
    </row>
    <row r="2021" spans="1:11" ht="86.4" x14ac:dyDescent="0.3">
      <c r="A2021" s="1">
        <v>15206</v>
      </c>
      <c r="C2021" s="4" t="s">
        <v>10475</v>
      </c>
      <c r="D2021" s="4" t="s">
        <v>10476</v>
      </c>
      <c r="G2021" s="4" t="s">
        <v>10477</v>
      </c>
      <c r="H2021" s="4" t="s">
        <v>10478</v>
      </c>
      <c r="I2021" s="4" t="s">
        <v>10479</v>
      </c>
      <c r="K2021" s="4" t="s">
        <v>10480</v>
      </c>
    </row>
    <row r="2022" spans="1:11" ht="86.4" x14ac:dyDescent="0.3">
      <c r="A2022" s="1">
        <v>15211</v>
      </c>
      <c r="C2022" s="4" t="e">
        <v>#NAME?</v>
      </c>
      <c r="D2022" s="4" t="s">
        <v>10481</v>
      </c>
      <c r="G2022" s="4" t="s">
        <v>10482</v>
      </c>
      <c r="H2022" s="4" t="s">
        <v>10483</v>
      </c>
      <c r="I2022" s="4" t="s">
        <v>10484</v>
      </c>
      <c r="J2022" s="4" t="s">
        <v>10485</v>
      </c>
      <c r="K2022" s="4" t="s">
        <v>10486</v>
      </c>
    </row>
    <row r="2023" spans="1:11" ht="86.4" x14ac:dyDescent="0.3">
      <c r="A2023" s="1">
        <v>15216</v>
      </c>
      <c r="C2023" s="4" t="s">
        <v>10487</v>
      </c>
      <c r="D2023" s="4" t="s">
        <v>10488</v>
      </c>
      <c r="G2023" s="4" t="s">
        <v>10489</v>
      </c>
      <c r="H2023" s="4" t="s">
        <v>10490</v>
      </c>
      <c r="I2023" s="4" t="s">
        <v>10491</v>
      </c>
      <c r="J2023" s="4" t="s">
        <v>10492</v>
      </c>
      <c r="K2023" s="4" t="s">
        <v>10493</v>
      </c>
    </row>
    <row r="2024" spans="1:11" ht="86.4" x14ac:dyDescent="0.3">
      <c r="A2024" s="1">
        <v>15221</v>
      </c>
      <c r="C2024" s="4" t="s">
        <v>10494</v>
      </c>
      <c r="D2024" s="4" t="s">
        <v>10495</v>
      </c>
      <c r="G2024" s="4" t="e">
        <v>#NAME?</v>
      </c>
      <c r="H2024" s="4" t="s">
        <v>10496</v>
      </c>
      <c r="I2024" s="4" t="e">
        <v>#NAME?</v>
      </c>
      <c r="K2024" s="4" t="s">
        <v>10497</v>
      </c>
    </row>
    <row r="2025" spans="1:11" ht="86.4" x14ac:dyDescent="0.3">
      <c r="A2025" s="1">
        <v>15231</v>
      </c>
      <c r="C2025" s="4" t="s">
        <v>10498</v>
      </c>
      <c r="D2025" s="4" t="s">
        <v>10499</v>
      </c>
      <c r="G2025" s="4" t="s">
        <v>10500</v>
      </c>
      <c r="H2025" s="4" t="s">
        <v>10501</v>
      </c>
      <c r="I2025" s="4" t="s">
        <v>10502</v>
      </c>
      <c r="J2025" s="4" t="s">
        <v>10503</v>
      </c>
      <c r="K2025" s="4" t="s">
        <v>10504</v>
      </c>
    </row>
    <row r="2026" spans="1:11" ht="72" x14ac:dyDescent="0.3">
      <c r="A2026" s="1">
        <v>15236</v>
      </c>
      <c r="C2026" s="4" t="s">
        <v>10505</v>
      </c>
      <c r="D2026" s="4" t="s">
        <v>10506</v>
      </c>
      <c r="G2026" s="4" t="s">
        <v>10507</v>
      </c>
      <c r="H2026" s="4" t="s">
        <v>10508</v>
      </c>
      <c r="I2026" s="4" t="s">
        <v>10509</v>
      </c>
      <c r="J2026" s="4" t="s">
        <v>10510</v>
      </c>
      <c r="K2026" s="4" t="s">
        <v>10511</v>
      </c>
    </row>
    <row r="2027" spans="1:11" ht="86.4" x14ac:dyDescent="0.3">
      <c r="A2027" s="1">
        <v>15241</v>
      </c>
      <c r="C2027" s="4" t="s">
        <v>10512</v>
      </c>
      <c r="D2027" s="4" t="s">
        <v>10513</v>
      </c>
      <c r="G2027" s="4" t="s">
        <v>10514</v>
      </c>
      <c r="H2027" s="4" t="s">
        <v>10515</v>
      </c>
      <c r="I2027" s="4" t="s">
        <v>10516</v>
      </c>
      <c r="J2027" s="4" t="s">
        <v>10517</v>
      </c>
      <c r="K2027" s="4" t="s">
        <v>10518</v>
      </c>
    </row>
    <row r="2028" spans="1:11" ht="57.6" x14ac:dyDescent="0.3">
      <c r="A2028" s="1">
        <v>15251</v>
      </c>
      <c r="C2028" s="4" t="s">
        <v>10519</v>
      </c>
      <c r="D2028" s="4" t="s">
        <v>10520</v>
      </c>
      <c r="G2028" s="4" t="e">
        <v>#NAME?</v>
      </c>
      <c r="H2028" s="4" t="e">
        <v>#NAME?</v>
      </c>
      <c r="I2028" s="4" t="e">
        <v>#NAME?</v>
      </c>
      <c r="J2028" s="4" t="s">
        <v>10521</v>
      </c>
      <c r="K2028" s="4" t="s">
        <v>10522</v>
      </c>
    </row>
    <row r="2029" spans="1:11" ht="86.4" x14ac:dyDescent="0.3">
      <c r="A2029" s="1">
        <v>15256</v>
      </c>
      <c r="C2029" s="4" t="s">
        <v>10523</v>
      </c>
      <c r="D2029" s="4" t="s">
        <v>10524</v>
      </c>
      <c r="G2029" s="4" t="s">
        <v>10525</v>
      </c>
      <c r="H2029" s="4" t="s">
        <v>10526</v>
      </c>
      <c r="I2029" s="4" t="s">
        <v>10527</v>
      </c>
      <c r="J2029" s="4" t="s">
        <v>10528</v>
      </c>
      <c r="K2029" s="4" t="s">
        <v>10529</v>
      </c>
    </row>
    <row r="2030" spans="1:11" ht="86.4" x14ac:dyDescent="0.3">
      <c r="A2030" s="1">
        <v>15276</v>
      </c>
      <c r="C2030" s="4" t="s">
        <v>10530</v>
      </c>
      <c r="D2030" s="4" t="s">
        <v>10531</v>
      </c>
      <c r="E2030" s="4" t="s">
        <v>10532</v>
      </c>
      <c r="F2030" s="4" t="s">
        <v>10533</v>
      </c>
      <c r="G2030" s="4" t="s">
        <v>10534</v>
      </c>
      <c r="H2030" s="4" t="s">
        <v>10535</v>
      </c>
      <c r="I2030" s="4" t="s">
        <v>10536</v>
      </c>
      <c r="J2030" s="4" t="s">
        <v>10537</v>
      </c>
      <c r="K2030" s="4" t="s">
        <v>10538</v>
      </c>
    </row>
    <row r="2031" spans="1:11" x14ac:dyDescent="0.3">
      <c r="A2031" s="1">
        <v>15286</v>
      </c>
    </row>
    <row r="2032" spans="1:11" ht="28.8" x14ac:dyDescent="0.3">
      <c r="A2032" s="1">
        <v>15291</v>
      </c>
      <c r="C2032" s="4" t="s">
        <v>10539</v>
      </c>
      <c r="D2032" s="4" t="s">
        <v>10540</v>
      </c>
      <c r="E2032" s="4" t="s">
        <v>10541</v>
      </c>
      <c r="F2032" s="4" t="s">
        <v>10542</v>
      </c>
    </row>
    <row r="2033" spans="1:11" ht="57.6" x14ac:dyDescent="0.3">
      <c r="A2033" s="1">
        <v>15296</v>
      </c>
      <c r="C2033" s="4" t="s">
        <v>10543</v>
      </c>
      <c r="D2033" s="4" t="s">
        <v>10544</v>
      </c>
      <c r="E2033" s="4" t="s">
        <v>10545</v>
      </c>
      <c r="F2033" s="4" t="s">
        <v>10546</v>
      </c>
      <c r="G2033" s="4" t="s">
        <v>10547</v>
      </c>
      <c r="K2033" s="4" t="s">
        <v>10548</v>
      </c>
    </row>
    <row r="2034" spans="1:11" ht="86.4" x14ac:dyDescent="0.3">
      <c r="A2034" s="1">
        <v>15306</v>
      </c>
      <c r="C2034" s="4" t="s">
        <v>10549</v>
      </c>
      <c r="D2034" s="4" t="s">
        <v>10550</v>
      </c>
      <c r="E2034" s="4" t="s">
        <v>10551</v>
      </c>
      <c r="F2034" s="4" t="s">
        <v>10552</v>
      </c>
      <c r="G2034" s="4" t="s">
        <v>10553</v>
      </c>
      <c r="H2034" s="4" t="s">
        <v>10554</v>
      </c>
      <c r="I2034" s="4" t="s">
        <v>10555</v>
      </c>
      <c r="K2034" s="4" t="s">
        <v>10556</v>
      </c>
    </row>
    <row r="2035" spans="1:11" ht="86.4" x14ac:dyDescent="0.3">
      <c r="A2035" s="1">
        <v>15311</v>
      </c>
      <c r="C2035" s="4" t="s">
        <v>10557</v>
      </c>
      <c r="D2035" s="4" t="s">
        <v>10558</v>
      </c>
      <c r="G2035" s="4" t="s">
        <v>10559</v>
      </c>
    </row>
    <row r="2036" spans="1:11" ht="43.2" x14ac:dyDescent="0.3">
      <c r="A2036" s="1">
        <v>15316</v>
      </c>
      <c r="C2036" s="4" t="s">
        <v>10560</v>
      </c>
      <c r="D2036" s="4" t="s">
        <v>10561</v>
      </c>
      <c r="E2036" s="4" t="s">
        <v>10562</v>
      </c>
      <c r="F2036" s="4" t="s">
        <v>10563</v>
      </c>
      <c r="G2036" s="4" t="s">
        <v>10564</v>
      </c>
      <c r="H2036" s="4" t="s">
        <v>10565</v>
      </c>
      <c r="I2036" s="4" t="s">
        <v>10566</v>
      </c>
      <c r="K2036" s="4" t="s">
        <v>10567</v>
      </c>
    </row>
    <row r="2037" spans="1:11" ht="86.4" x14ac:dyDescent="0.3">
      <c r="A2037" s="1">
        <v>15326</v>
      </c>
      <c r="C2037" s="4" t="s">
        <v>10568</v>
      </c>
      <c r="D2037" s="4" t="s">
        <v>10569</v>
      </c>
      <c r="E2037" s="4" t="s">
        <v>10570</v>
      </c>
      <c r="F2037" s="4" t="s">
        <v>10571</v>
      </c>
      <c r="K2037" s="4" t="s">
        <v>10572</v>
      </c>
    </row>
    <row r="2038" spans="1:11" ht="72" x14ac:dyDescent="0.3">
      <c r="A2038" s="1">
        <v>15331</v>
      </c>
      <c r="C2038" s="4" t="s">
        <v>10573</v>
      </c>
      <c r="D2038" s="4" t="s">
        <v>10574</v>
      </c>
      <c r="G2038" s="4" t="s">
        <v>10575</v>
      </c>
      <c r="H2038" s="4" t="s">
        <v>10576</v>
      </c>
      <c r="I2038" s="4" t="s">
        <v>10577</v>
      </c>
    </row>
    <row r="2039" spans="1:11" ht="86.4" x14ac:dyDescent="0.3">
      <c r="A2039" s="1">
        <v>15341</v>
      </c>
      <c r="C2039" s="4" t="s">
        <v>10578</v>
      </c>
      <c r="F2039" s="4" t="s">
        <v>10579</v>
      </c>
      <c r="G2039" s="4" t="s">
        <v>10580</v>
      </c>
      <c r="H2039" s="4" t="s">
        <v>10581</v>
      </c>
      <c r="I2039" s="4" t="s">
        <v>10582</v>
      </c>
      <c r="K2039" s="4" t="s">
        <v>10583</v>
      </c>
    </row>
    <row r="2040" spans="1:11" ht="86.4" x14ac:dyDescent="0.3">
      <c r="A2040" s="1">
        <v>15346</v>
      </c>
      <c r="D2040" s="4" t="s">
        <v>10584</v>
      </c>
      <c r="E2040" s="4" t="s">
        <v>10585</v>
      </c>
      <c r="F2040" s="4" t="s">
        <v>10586</v>
      </c>
      <c r="G2040" s="4" t="s">
        <v>10587</v>
      </c>
      <c r="H2040" s="4" t="s">
        <v>10588</v>
      </c>
      <c r="J2040" s="4" t="s">
        <v>10589</v>
      </c>
    </row>
    <row r="2041" spans="1:11" ht="86.4" x14ac:dyDescent="0.3">
      <c r="A2041" s="1">
        <v>15361</v>
      </c>
      <c r="C2041" s="4" t="s">
        <v>10590</v>
      </c>
      <c r="D2041" s="4" t="s">
        <v>10591</v>
      </c>
      <c r="E2041" s="4" t="s">
        <v>10592</v>
      </c>
      <c r="F2041" s="4" t="s">
        <v>10592</v>
      </c>
      <c r="G2041" s="4" t="s">
        <v>10593</v>
      </c>
      <c r="H2041" s="4" t="s">
        <v>10594</v>
      </c>
      <c r="I2041" s="4" t="s">
        <v>10595</v>
      </c>
      <c r="K2041" s="4" t="s">
        <v>10596</v>
      </c>
    </row>
    <row r="2042" spans="1:11" ht="86.4" x14ac:dyDescent="0.3">
      <c r="A2042" s="1">
        <v>15366</v>
      </c>
      <c r="C2042" s="4" t="s">
        <v>10597</v>
      </c>
      <c r="D2042" s="4" t="s">
        <v>10598</v>
      </c>
      <c r="E2042" s="4" t="s">
        <v>10599</v>
      </c>
      <c r="F2042" s="4" t="s">
        <v>10600</v>
      </c>
      <c r="G2042" s="4" t="s">
        <v>10601</v>
      </c>
      <c r="H2042" s="4" t="s">
        <v>10602</v>
      </c>
      <c r="K2042" s="4" t="s">
        <v>10603</v>
      </c>
    </row>
    <row r="2043" spans="1:11" ht="86.4" x14ac:dyDescent="0.3">
      <c r="A2043" s="1">
        <v>15371</v>
      </c>
      <c r="C2043" s="4" t="s">
        <v>10604</v>
      </c>
      <c r="D2043" s="4" t="s">
        <v>10605</v>
      </c>
      <c r="E2043" s="4" t="s">
        <v>10606</v>
      </c>
      <c r="F2043" s="4" t="s">
        <v>10607</v>
      </c>
      <c r="G2043" s="4" t="s">
        <v>10608</v>
      </c>
      <c r="H2043" s="4" t="s">
        <v>10609</v>
      </c>
      <c r="I2043" s="4" t="s">
        <v>10610</v>
      </c>
      <c r="K2043" s="4" t="s">
        <v>10611</v>
      </c>
    </row>
    <row r="2044" spans="1:11" ht="28.8" x14ac:dyDescent="0.3">
      <c r="A2044" s="1">
        <v>15376</v>
      </c>
      <c r="C2044" s="4" t="s">
        <v>10612</v>
      </c>
      <c r="D2044" s="4" t="s">
        <v>10613</v>
      </c>
      <c r="G2044" s="4" t="s">
        <v>10614</v>
      </c>
      <c r="K2044" s="4" t="s">
        <v>10615</v>
      </c>
    </row>
    <row r="2045" spans="1:11" ht="86.4" x14ac:dyDescent="0.3">
      <c r="A2045" s="1">
        <v>15381</v>
      </c>
      <c r="D2045" s="4" t="s">
        <v>10616</v>
      </c>
      <c r="I2045" s="4" t="s">
        <v>10617</v>
      </c>
    </row>
    <row r="2046" spans="1:11" ht="86.4" x14ac:dyDescent="0.3">
      <c r="A2046" s="1">
        <v>15391</v>
      </c>
      <c r="C2046" s="4" t="s">
        <v>10618</v>
      </c>
      <c r="D2046" s="4" t="s">
        <v>10619</v>
      </c>
      <c r="E2046" s="4" t="s">
        <v>10620</v>
      </c>
      <c r="F2046" s="4" t="s">
        <v>10621</v>
      </c>
      <c r="G2046" s="4" t="s">
        <v>10622</v>
      </c>
      <c r="H2046" s="4" t="s">
        <v>10623</v>
      </c>
      <c r="I2046" s="4" t="s">
        <v>10624</v>
      </c>
      <c r="K2046" s="4" t="s">
        <v>10625</v>
      </c>
    </row>
    <row r="2047" spans="1:11" ht="28.8" x14ac:dyDescent="0.3">
      <c r="A2047" s="1">
        <v>15396</v>
      </c>
      <c r="C2047" s="4" t="s">
        <v>10626</v>
      </c>
      <c r="D2047" s="4" t="s">
        <v>10627</v>
      </c>
      <c r="E2047" s="4" t="s">
        <v>10628</v>
      </c>
      <c r="F2047" s="4" t="s">
        <v>10628</v>
      </c>
      <c r="G2047" s="4" t="s">
        <v>10629</v>
      </c>
      <c r="H2047" s="4" t="s">
        <v>10630</v>
      </c>
      <c r="K2047" s="4" t="s">
        <v>10631</v>
      </c>
    </row>
    <row r="2048" spans="1:11" x14ac:dyDescent="0.3">
      <c r="A2048" s="1">
        <v>15411</v>
      </c>
      <c r="C2048" s="4" t="s">
        <v>10632</v>
      </c>
    </row>
    <row r="2049" spans="1:11" ht="72" x14ac:dyDescent="0.3">
      <c r="A2049" s="1">
        <v>15416</v>
      </c>
      <c r="C2049" s="4" t="s">
        <v>10633</v>
      </c>
      <c r="D2049" s="4" t="s">
        <v>10634</v>
      </c>
      <c r="F2049" s="4" t="s">
        <v>10635</v>
      </c>
      <c r="K2049" s="4" t="s">
        <v>10636</v>
      </c>
    </row>
    <row r="2050" spans="1:11" ht="86.4" x14ac:dyDescent="0.3">
      <c r="A2050" s="1">
        <v>15421</v>
      </c>
      <c r="C2050" s="4" t="s">
        <v>10637</v>
      </c>
      <c r="D2050" s="4" t="s">
        <v>10638</v>
      </c>
      <c r="E2050" s="4" t="s">
        <v>10639</v>
      </c>
      <c r="F2050" s="4" t="s">
        <v>10640</v>
      </c>
      <c r="G2050" s="4" t="s">
        <v>10641</v>
      </c>
      <c r="H2050" s="4" t="s">
        <v>10642</v>
      </c>
      <c r="I2050" s="4" t="s">
        <v>10643</v>
      </c>
      <c r="K2050" s="4" t="s">
        <v>10644</v>
      </c>
    </row>
    <row r="2051" spans="1:11" ht="86.4" x14ac:dyDescent="0.3">
      <c r="A2051" s="1">
        <v>15426</v>
      </c>
      <c r="C2051" s="4" t="s">
        <v>10645</v>
      </c>
      <c r="D2051" s="4" t="s">
        <v>10646</v>
      </c>
      <c r="E2051" s="4" t="s">
        <v>10647</v>
      </c>
      <c r="F2051" s="4" t="s">
        <v>10648</v>
      </c>
      <c r="G2051" s="4" t="s">
        <v>10649</v>
      </c>
      <c r="H2051" s="4" t="s">
        <v>10650</v>
      </c>
      <c r="I2051" s="4" t="s">
        <v>10651</v>
      </c>
      <c r="K2051" s="4" t="s">
        <v>10652</v>
      </c>
    </row>
    <row r="2052" spans="1:11" x14ac:dyDescent="0.3">
      <c r="A2052" s="1">
        <v>15436</v>
      </c>
    </row>
    <row r="2053" spans="1:11" x14ac:dyDescent="0.3">
      <c r="A2053" s="1">
        <v>15441</v>
      </c>
    </row>
    <row r="2054" spans="1:11" ht="28.8" x14ac:dyDescent="0.3">
      <c r="A2054" s="1">
        <v>15446</v>
      </c>
      <c r="D2054" s="4" t="s">
        <v>10653</v>
      </c>
    </row>
    <row r="2055" spans="1:11" ht="86.4" x14ac:dyDescent="0.3">
      <c r="A2055" s="1">
        <v>15456</v>
      </c>
      <c r="C2055" s="4" t="s">
        <v>10654</v>
      </c>
      <c r="D2055" s="4" t="s">
        <v>10655</v>
      </c>
      <c r="E2055" s="4" t="s">
        <v>10656</v>
      </c>
      <c r="G2055" s="4" t="s">
        <v>10657</v>
      </c>
      <c r="H2055" s="4" t="s">
        <v>10658</v>
      </c>
    </row>
    <row r="2056" spans="1:11" ht="100.8" x14ac:dyDescent="0.3">
      <c r="A2056" s="1">
        <v>15466</v>
      </c>
      <c r="C2056" s="4" t="s">
        <v>10659</v>
      </c>
      <c r="D2056" s="4" t="s">
        <v>10660</v>
      </c>
      <c r="E2056" s="4" t="s">
        <v>10661</v>
      </c>
      <c r="I2056" s="4" t="s">
        <v>10662</v>
      </c>
    </row>
    <row r="2057" spans="1:11" ht="86.4" x14ac:dyDescent="0.3">
      <c r="A2057" s="1">
        <v>15481</v>
      </c>
      <c r="C2057" s="4" t="s">
        <v>10663</v>
      </c>
      <c r="D2057" s="4" t="s">
        <v>10664</v>
      </c>
      <c r="F2057" s="4" t="s">
        <v>10665</v>
      </c>
      <c r="J2057" s="4" t="s">
        <v>10666</v>
      </c>
    </row>
    <row r="2058" spans="1:11" ht="86.4" x14ac:dyDescent="0.3">
      <c r="A2058" s="1">
        <v>15486</v>
      </c>
      <c r="C2058" s="4" t="s">
        <v>10667</v>
      </c>
      <c r="D2058" s="4" t="s">
        <v>10668</v>
      </c>
      <c r="F2058" s="4" t="s">
        <v>10669</v>
      </c>
      <c r="G2058" s="4" t="s">
        <v>10670</v>
      </c>
      <c r="I2058" s="4" t="s">
        <v>10671</v>
      </c>
    </row>
    <row r="2059" spans="1:11" x14ac:dyDescent="0.3">
      <c r="A2059" s="1">
        <v>15491</v>
      </c>
    </row>
    <row r="2060" spans="1:11" ht="72" x14ac:dyDescent="0.3">
      <c r="A2060" s="1">
        <v>15496</v>
      </c>
      <c r="D2060" s="4" t="s">
        <v>10672</v>
      </c>
      <c r="E2060" s="4" t="s">
        <v>10673</v>
      </c>
      <c r="F2060" s="4" t="s">
        <v>10674</v>
      </c>
      <c r="G2060" s="4" t="s">
        <v>10675</v>
      </c>
      <c r="H2060" s="4" t="s">
        <v>10676</v>
      </c>
      <c r="K2060" s="4" t="s">
        <v>10677</v>
      </c>
    </row>
    <row r="2061" spans="1:11" ht="43.2" x14ac:dyDescent="0.3">
      <c r="A2061" s="1">
        <v>15501</v>
      </c>
      <c r="C2061" s="4" t="s">
        <v>10678</v>
      </c>
      <c r="D2061" s="4" t="s">
        <v>10679</v>
      </c>
      <c r="E2061" s="4" t="s">
        <v>10680</v>
      </c>
      <c r="F2061" s="4" t="s">
        <v>10681</v>
      </c>
      <c r="G2061" s="4" t="s">
        <v>10682</v>
      </c>
      <c r="H2061" s="4" t="s">
        <v>10683</v>
      </c>
    </row>
    <row r="2062" spans="1:11" ht="57.6" x14ac:dyDescent="0.3">
      <c r="A2062" s="1">
        <v>15506</v>
      </c>
      <c r="D2062" s="4" t="s">
        <v>10684</v>
      </c>
      <c r="E2062" s="4" t="s">
        <v>10685</v>
      </c>
      <c r="G2062" s="4" t="s">
        <v>10686</v>
      </c>
      <c r="H2062" s="4" t="s">
        <v>10687</v>
      </c>
      <c r="I2062" s="4" t="s">
        <v>10688</v>
      </c>
      <c r="J2062" s="4" t="s">
        <v>10689</v>
      </c>
      <c r="K2062" s="4" t="s">
        <v>10690</v>
      </c>
    </row>
    <row r="2063" spans="1:11" ht="72" x14ac:dyDescent="0.3">
      <c r="A2063" s="1">
        <v>15516</v>
      </c>
      <c r="C2063" s="4" t="s">
        <v>10691</v>
      </c>
      <c r="D2063" s="4" t="s">
        <v>10692</v>
      </c>
      <c r="E2063" s="4" t="s">
        <v>10693</v>
      </c>
      <c r="G2063" s="4" t="s">
        <v>10694</v>
      </c>
      <c r="H2063" s="4" t="s">
        <v>10695</v>
      </c>
      <c r="I2063" s="4" t="s">
        <v>10696</v>
      </c>
      <c r="K2063" s="4" t="s">
        <v>10697</v>
      </c>
    </row>
    <row r="2064" spans="1:11" ht="86.4" x14ac:dyDescent="0.3">
      <c r="A2064" s="1">
        <v>15526</v>
      </c>
      <c r="C2064" s="4" t="s">
        <v>10698</v>
      </c>
      <c r="D2064" s="4" t="s">
        <v>10699</v>
      </c>
      <c r="E2064" s="4" t="s">
        <v>10700</v>
      </c>
      <c r="F2064" s="4" t="s">
        <v>10701</v>
      </c>
      <c r="G2064" s="4" t="s">
        <v>10702</v>
      </c>
      <c r="H2064" s="4" t="s">
        <v>10703</v>
      </c>
      <c r="I2064" s="4" t="s">
        <v>10704</v>
      </c>
      <c r="J2064" s="4" t="s">
        <v>10705</v>
      </c>
      <c r="K2064" s="4" t="s">
        <v>10706</v>
      </c>
    </row>
    <row r="2065" spans="1:11" ht="86.4" x14ac:dyDescent="0.3">
      <c r="A2065" s="1">
        <v>15531</v>
      </c>
      <c r="C2065" s="4" t="s">
        <v>10707</v>
      </c>
      <c r="E2065" s="4" t="s">
        <v>10708</v>
      </c>
      <c r="F2065" s="4" t="s">
        <v>10709</v>
      </c>
      <c r="G2065" s="4" t="s">
        <v>10710</v>
      </c>
      <c r="H2065" s="4" t="s">
        <v>10711</v>
      </c>
      <c r="I2065" s="4" t="s">
        <v>10712</v>
      </c>
      <c r="K2065" s="4" t="s">
        <v>10713</v>
      </c>
    </row>
    <row r="2066" spans="1:11" ht="86.4" x14ac:dyDescent="0.3">
      <c r="A2066" s="1">
        <v>15536</v>
      </c>
      <c r="C2066" s="4" t="s">
        <v>10714</v>
      </c>
      <c r="D2066" s="4" t="s">
        <v>10715</v>
      </c>
      <c r="E2066" s="4" t="s">
        <v>10716</v>
      </c>
      <c r="F2066" s="4" t="s">
        <v>10717</v>
      </c>
      <c r="G2066" s="4" t="s">
        <v>10718</v>
      </c>
      <c r="H2066" s="4" t="s">
        <v>10719</v>
      </c>
      <c r="I2066" s="4" t="s">
        <v>10720</v>
      </c>
      <c r="K2066" s="4" t="s">
        <v>10721</v>
      </c>
    </row>
    <row r="2067" spans="1:11" ht="72" x14ac:dyDescent="0.3">
      <c r="A2067" s="1">
        <v>15541</v>
      </c>
      <c r="C2067" s="4" t="s">
        <v>10722</v>
      </c>
    </row>
    <row r="2068" spans="1:11" ht="86.4" x14ac:dyDescent="0.3">
      <c r="A2068" s="1">
        <v>15546</v>
      </c>
      <c r="C2068" s="4" t="s">
        <v>10723</v>
      </c>
      <c r="D2068" s="4" t="s">
        <v>10724</v>
      </c>
      <c r="G2068" s="4" t="s">
        <v>10725</v>
      </c>
      <c r="H2068" s="4" t="s">
        <v>10726</v>
      </c>
      <c r="J2068" s="4" t="s">
        <v>10727</v>
      </c>
      <c r="K2068" s="4" t="s">
        <v>10728</v>
      </c>
    </row>
    <row r="2069" spans="1:11" ht="72" x14ac:dyDescent="0.3">
      <c r="A2069" s="1">
        <v>15556</v>
      </c>
      <c r="C2069" s="4" t="s">
        <v>10729</v>
      </c>
      <c r="D2069" s="4" t="s">
        <v>10730</v>
      </c>
      <c r="E2069" s="4" t="s">
        <v>10731</v>
      </c>
      <c r="F2069" s="4" t="s">
        <v>10732</v>
      </c>
      <c r="G2069" s="4" t="s">
        <v>10733</v>
      </c>
      <c r="H2069" s="4" t="s">
        <v>10734</v>
      </c>
      <c r="I2069" s="4" t="s">
        <v>10735</v>
      </c>
      <c r="J2069" s="4" t="s">
        <v>10736</v>
      </c>
      <c r="K2069" s="4" t="s">
        <v>10737</v>
      </c>
    </row>
    <row r="2070" spans="1:11" ht="43.2" x14ac:dyDescent="0.3">
      <c r="A2070" s="1">
        <v>15566</v>
      </c>
      <c r="G2070" s="4" t="s">
        <v>10738</v>
      </c>
      <c r="H2070" s="4" t="s">
        <v>10739</v>
      </c>
      <c r="K2070" s="4" t="s">
        <v>10740</v>
      </c>
    </row>
    <row r="2071" spans="1:11" ht="86.4" x14ac:dyDescent="0.3">
      <c r="A2071" s="1">
        <v>15576</v>
      </c>
      <c r="C2071" s="4" t="s">
        <v>10741</v>
      </c>
      <c r="D2071" s="4" t="s">
        <v>10742</v>
      </c>
      <c r="E2071" s="4" t="s">
        <v>10743</v>
      </c>
      <c r="F2071" s="4" t="s">
        <v>10744</v>
      </c>
      <c r="G2071" s="4" t="s">
        <v>10745</v>
      </c>
      <c r="H2071" s="4" t="s">
        <v>10746</v>
      </c>
      <c r="I2071" s="4" t="s">
        <v>10747</v>
      </c>
      <c r="J2071" s="4" t="s">
        <v>10748</v>
      </c>
      <c r="K2071" s="4" t="s">
        <v>10749</v>
      </c>
    </row>
    <row r="2072" spans="1:11" ht="86.4" x14ac:dyDescent="0.3">
      <c r="A2072" s="1">
        <v>15581</v>
      </c>
      <c r="C2072" s="4" t="s">
        <v>10750</v>
      </c>
      <c r="D2072" s="4" t="s">
        <v>10751</v>
      </c>
      <c r="E2072" s="4" t="s">
        <v>10752</v>
      </c>
      <c r="F2072" s="4" t="s">
        <v>10752</v>
      </c>
      <c r="G2072" s="4" t="s">
        <v>10753</v>
      </c>
      <c r="H2072" s="4" t="s">
        <v>10754</v>
      </c>
      <c r="I2072" s="4" t="s">
        <v>10755</v>
      </c>
      <c r="J2072" s="4" t="s">
        <v>10756</v>
      </c>
      <c r="K2072" s="4" t="s">
        <v>10757</v>
      </c>
    </row>
    <row r="2073" spans="1:11" ht="86.4" x14ac:dyDescent="0.3">
      <c r="A2073" s="1">
        <v>15591</v>
      </c>
      <c r="D2073" s="4" t="s">
        <v>10758</v>
      </c>
      <c r="E2073" s="4" t="s">
        <v>10759</v>
      </c>
      <c r="F2073" s="4" t="s">
        <v>10760</v>
      </c>
      <c r="G2073" s="4" t="s">
        <v>10761</v>
      </c>
      <c r="H2073" s="4" t="s">
        <v>10762</v>
      </c>
      <c r="I2073" s="4" t="s">
        <v>10763</v>
      </c>
      <c r="K2073" s="4" t="s">
        <v>10764</v>
      </c>
    </row>
    <row r="2074" spans="1:11" ht="72" x14ac:dyDescent="0.3">
      <c r="A2074" s="1">
        <v>15596</v>
      </c>
      <c r="H2074" s="4" t="s">
        <v>10765</v>
      </c>
      <c r="I2074" s="4" t="s">
        <v>10766</v>
      </c>
      <c r="J2074" s="4" t="s">
        <v>10767</v>
      </c>
      <c r="K2074" s="4" t="s">
        <v>10768</v>
      </c>
    </row>
    <row r="2075" spans="1:11" ht="57.6" x14ac:dyDescent="0.3">
      <c r="A2075" s="1">
        <v>15616</v>
      </c>
      <c r="C2075" s="4" t="s">
        <v>10769</v>
      </c>
      <c r="G2075" s="4" t="s">
        <v>10770</v>
      </c>
      <c r="I2075" s="4" t="s">
        <v>10771</v>
      </c>
    </row>
    <row r="2076" spans="1:11" ht="100.8" x14ac:dyDescent="0.3">
      <c r="A2076" s="1">
        <v>15621</v>
      </c>
      <c r="C2076" s="4" t="s">
        <v>10772</v>
      </c>
      <c r="D2076" s="4" t="s">
        <v>10773</v>
      </c>
      <c r="E2076" s="4" t="s">
        <v>10774</v>
      </c>
      <c r="F2076" s="4" t="s">
        <v>10775</v>
      </c>
      <c r="G2076" s="4" t="s">
        <v>10776</v>
      </c>
      <c r="H2076" s="4" t="s">
        <v>10777</v>
      </c>
    </row>
    <row r="2077" spans="1:11" ht="72" x14ac:dyDescent="0.3">
      <c r="A2077" s="1">
        <v>15626</v>
      </c>
      <c r="C2077" s="4" t="s">
        <v>10778</v>
      </c>
      <c r="D2077" s="4" t="s">
        <v>10779</v>
      </c>
      <c r="G2077" s="4" t="s">
        <v>10780</v>
      </c>
      <c r="H2077" s="4" t="s">
        <v>10781</v>
      </c>
      <c r="I2077" s="4" t="s">
        <v>10782</v>
      </c>
    </row>
    <row r="2078" spans="1:11" ht="57.6" x14ac:dyDescent="0.3">
      <c r="A2078" s="1">
        <v>15636</v>
      </c>
      <c r="C2078" s="4" t="s">
        <v>10783</v>
      </c>
      <c r="E2078" s="4" t="s">
        <v>10784</v>
      </c>
      <c r="H2078" s="4" t="s">
        <v>10785</v>
      </c>
    </row>
    <row r="2079" spans="1:11" x14ac:dyDescent="0.3">
      <c r="A2079" s="1">
        <v>15641</v>
      </c>
    </row>
    <row r="2080" spans="1:11" ht="72" x14ac:dyDescent="0.3">
      <c r="A2080" s="1">
        <v>15646</v>
      </c>
      <c r="D2080" s="4" t="s">
        <v>10786</v>
      </c>
      <c r="F2080" s="4" t="s">
        <v>10787</v>
      </c>
      <c r="I2080" s="4" t="s">
        <v>10788</v>
      </c>
      <c r="K2080" s="4" t="s">
        <v>10789</v>
      </c>
    </row>
    <row r="2081" spans="1:11" ht="28.8" x14ac:dyDescent="0.3">
      <c r="A2081" s="1">
        <v>15651</v>
      </c>
      <c r="C2081" s="4" t="s">
        <v>10790</v>
      </c>
      <c r="D2081" s="4" t="s">
        <v>10791</v>
      </c>
      <c r="E2081" s="4" t="s">
        <v>10792</v>
      </c>
      <c r="F2081" s="4" t="s">
        <v>10793</v>
      </c>
      <c r="G2081" s="4" t="s">
        <v>10794</v>
      </c>
      <c r="H2081" s="4" t="s">
        <v>10795</v>
      </c>
      <c r="I2081" s="4" t="s">
        <v>10796</v>
      </c>
      <c r="K2081" s="4" t="s">
        <v>10797</v>
      </c>
    </row>
    <row r="2082" spans="1:11" ht="43.2" x14ac:dyDescent="0.3">
      <c r="A2082" s="1">
        <v>15661</v>
      </c>
      <c r="C2082" s="4" t="s">
        <v>10798</v>
      </c>
      <c r="D2082" s="4" t="s">
        <v>10799</v>
      </c>
      <c r="H2082" s="4" t="s">
        <v>10800</v>
      </c>
      <c r="K2082" s="4" t="s">
        <v>10801</v>
      </c>
    </row>
    <row r="2083" spans="1:11" x14ac:dyDescent="0.3">
      <c r="A2083" s="1">
        <v>15666</v>
      </c>
    </row>
    <row r="2084" spans="1:11" ht="86.4" x14ac:dyDescent="0.3">
      <c r="A2084" s="1">
        <v>15676</v>
      </c>
      <c r="C2084" s="4" t="s">
        <v>10802</v>
      </c>
      <c r="D2084" s="4" t="s">
        <v>10803</v>
      </c>
      <c r="G2084" s="4" t="s">
        <v>10804</v>
      </c>
      <c r="I2084" s="4" t="s">
        <v>10805</v>
      </c>
      <c r="K2084" s="4" t="s">
        <v>10806</v>
      </c>
    </row>
    <row r="2085" spans="1:11" ht="43.2" x14ac:dyDescent="0.3">
      <c r="A2085" s="1">
        <v>15691</v>
      </c>
      <c r="C2085" s="4" t="s">
        <v>10807</v>
      </c>
      <c r="D2085" s="4" t="s">
        <v>10808</v>
      </c>
      <c r="F2085" s="4" t="s">
        <v>10809</v>
      </c>
      <c r="H2085" s="4" t="s">
        <v>10810</v>
      </c>
      <c r="I2085" s="4" t="s">
        <v>10811</v>
      </c>
    </row>
    <row r="2086" spans="1:11" ht="43.2" x14ac:dyDescent="0.3">
      <c r="A2086" s="1">
        <v>15701</v>
      </c>
      <c r="C2086" s="4" t="s">
        <v>10812</v>
      </c>
      <c r="H2086" s="4" t="s">
        <v>10813</v>
      </c>
    </row>
    <row r="2087" spans="1:11" ht="43.2" x14ac:dyDescent="0.3">
      <c r="A2087" s="1">
        <v>15706</v>
      </c>
      <c r="D2087" s="4" t="s">
        <v>10814</v>
      </c>
      <c r="F2087" s="4" t="s">
        <v>10815</v>
      </c>
      <c r="G2087" s="4" t="s">
        <v>10816</v>
      </c>
    </row>
    <row r="2088" spans="1:11" ht="72" x14ac:dyDescent="0.3">
      <c r="A2088" s="1">
        <v>15711</v>
      </c>
      <c r="C2088" s="4" t="s">
        <v>10817</v>
      </c>
      <c r="D2088" s="4" t="s">
        <v>10818</v>
      </c>
      <c r="E2088" s="4" t="s">
        <v>10819</v>
      </c>
      <c r="F2088" s="4" t="s">
        <v>10820</v>
      </c>
      <c r="G2088" s="4" t="s">
        <v>10821</v>
      </c>
      <c r="H2088" s="4" t="s">
        <v>10822</v>
      </c>
      <c r="I2088" s="4" t="s">
        <v>10823</v>
      </c>
      <c r="K2088" s="4" t="s">
        <v>10824</v>
      </c>
    </row>
    <row r="2089" spans="1:11" x14ac:dyDescent="0.3">
      <c r="A2089" s="1">
        <v>15716</v>
      </c>
    </row>
    <row r="2090" spans="1:11" ht="43.2" x14ac:dyDescent="0.3">
      <c r="A2090" s="1">
        <v>15721</v>
      </c>
      <c r="C2090" s="4" t="s">
        <v>10825</v>
      </c>
      <c r="G2090" s="4" t="s">
        <v>10826</v>
      </c>
      <c r="H2090" s="4" t="s">
        <v>10827</v>
      </c>
      <c r="K2090" s="4" t="s">
        <v>10828</v>
      </c>
    </row>
    <row r="2091" spans="1:11" ht="72" x14ac:dyDescent="0.3">
      <c r="A2091" s="1">
        <v>15726</v>
      </c>
      <c r="C2091" s="4" t="s">
        <v>10829</v>
      </c>
      <c r="G2091" s="4" t="s">
        <v>10830</v>
      </c>
      <c r="H2091" s="4" t="s">
        <v>10831</v>
      </c>
      <c r="K2091" s="4" t="s">
        <v>10832</v>
      </c>
    </row>
    <row r="2092" spans="1:11" x14ac:dyDescent="0.3">
      <c r="A2092" s="1">
        <v>15736</v>
      </c>
    </row>
    <row r="2093" spans="1:11" ht="57.6" x14ac:dyDescent="0.3">
      <c r="A2093" s="1">
        <v>15741</v>
      </c>
      <c r="C2093" s="4" t="s">
        <v>10833</v>
      </c>
      <c r="D2093" s="4" t="s">
        <v>10834</v>
      </c>
      <c r="E2093" s="4" t="s">
        <v>10835</v>
      </c>
      <c r="G2093" s="4" t="s">
        <v>10836</v>
      </c>
      <c r="I2093" s="4" t="s">
        <v>10837</v>
      </c>
    </row>
    <row r="2094" spans="1:11" ht="86.4" x14ac:dyDescent="0.3">
      <c r="A2094" s="1">
        <v>15746</v>
      </c>
      <c r="C2094" s="4" t="s">
        <v>10838</v>
      </c>
      <c r="D2094" s="4" t="s">
        <v>10839</v>
      </c>
      <c r="E2094" s="4" t="s">
        <v>10840</v>
      </c>
      <c r="F2094" s="4" t="s">
        <v>10841</v>
      </c>
      <c r="G2094" s="4" t="s">
        <v>10842</v>
      </c>
      <c r="I2094" s="4" t="s">
        <v>10843</v>
      </c>
      <c r="K2094" s="4" t="s">
        <v>10844</v>
      </c>
    </row>
    <row r="2095" spans="1:11" x14ac:dyDescent="0.3">
      <c r="A2095" s="1">
        <v>15751</v>
      </c>
    </row>
    <row r="2096" spans="1:11" ht="86.4" x14ac:dyDescent="0.3">
      <c r="A2096" s="1">
        <v>15766</v>
      </c>
      <c r="C2096" s="4" t="s">
        <v>10845</v>
      </c>
      <c r="D2096" s="4" t="s">
        <v>10846</v>
      </c>
      <c r="E2096" s="4" t="s">
        <v>10847</v>
      </c>
      <c r="F2096" s="4" t="s">
        <v>10848</v>
      </c>
      <c r="G2096" s="4" t="s">
        <v>10849</v>
      </c>
      <c r="H2096" s="4" t="s">
        <v>10850</v>
      </c>
      <c r="I2096" s="4" t="s">
        <v>10851</v>
      </c>
      <c r="J2096" s="4" t="s">
        <v>8751</v>
      </c>
      <c r="K2096" s="4" t="s">
        <v>10852</v>
      </c>
    </row>
    <row r="2097" spans="1:11" ht="86.4" x14ac:dyDescent="0.3">
      <c r="A2097" s="1">
        <v>15771</v>
      </c>
      <c r="C2097" s="4" t="s">
        <v>10853</v>
      </c>
      <c r="D2097" s="4" t="s">
        <v>10854</v>
      </c>
      <c r="G2097" s="4" t="s">
        <v>10855</v>
      </c>
      <c r="H2097" s="4" t="s">
        <v>10856</v>
      </c>
      <c r="K2097" s="4" t="s">
        <v>10857</v>
      </c>
    </row>
    <row r="2098" spans="1:11" ht="72" x14ac:dyDescent="0.3">
      <c r="A2098" s="1">
        <v>15776</v>
      </c>
      <c r="D2098" s="4" t="s">
        <v>10858</v>
      </c>
      <c r="E2098" s="4" t="s">
        <v>10859</v>
      </c>
      <c r="F2098" s="4" t="s">
        <v>10860</v>
      </c>
      <c r="G2098" s="4" t="s">
        <v>10861</v>
      </c>
      <c r="H2098" s="4" t="s">
        <v>10862</v>
      </c>
      <c r="K2098" s="4" t="s">
        <v>10863</v>
      </c>
    </row>
    <row r="2099" spans="1:11" ht="72" x14ac:dyDescent="0.3">
      <c r="A2099" s="1">
        <v>15786</v>
      </c>
      <c r="C2099" s="4" t="s">
        <v>10864</v>
      </c>
      <c r="D2099" s="4" t="s">
        <v>10865</v>
      </c>
      <c r="G2099" s="4" t="s">
        <v>10866</v>
      </c>
      <c r="H2099" s="4" t="s">
        <v>10867</v>
      </c>
      <c r="K2099" s="4" t="s">
        <v>10868</v>
      </c>
    </row>
    <row r="2100" spans="1:11" ht="86.4" x14ac:dyDescent="0.3">
      <c r="A2100" s="1">
        <v>15791</v>
      </c>
      <c r="C2100" s="4" t="s">
        <v>10869</v>
      </c>
      <c r="D2100" s="4" t="s">
        <v>10870</v>
      </c>
      <c r="E2100" s="4" t="s">
        <v>10871</v>
      </c>
      <c r="F2100" s="4" t="s">
        <v>10872</v>
      </c>
      <c r="G2100" s="4" t="s">
        <v>10873</v>
      </c>
      <c r="H2100" s="4" t="s">
        <v>10874</v>
      </c>
      <c r="I2100" s="4" t="s">
        <v>10875</v>
      </c>
      <c r="K2100" s="4" t="s">
        <v>10876</v>
      </c>
    </row>
    <row r="2101" spans="1:11" ht="86.4" x14ac:dyDescent="0.3">
      <c r="A2101" s="1">
        <v>15796</v>
      </c>
      <c r="C2101" s="4" t="s">
        <v>10877</v>
      </c>
      <c r="D2101" s="4" t="s">
        <v>10878</v>
      </c>
      <c r="G2101" s="4" t="s">
        <v>10879</v>
      </c>
      <c r="H2101" s="4" t="s">
        <v>10880</v>
      </c>
      <c r="I2101" s="4" t="s">
        <v>10881</v>
      </c>
      <c r="K2101" s="4" t="s">
        <v>10882</v>
      </c>
    </row>
    <row r="2102" spans="1:11" ht="43.2" x14ac:dyDescent="0.3">
      <c r="A2102" s="1">
        <v>15801</v>
      </c>
      <c r="C2102" s="4" t="s">
        <v>10883</v>
      </c>
      <c r="D2102" s="4" t="s">
        <v>10884</v>
      </c>
      <c r="E2102" s="4" t="s">
        <v>10885</v>
      </c>
    </row>
    <row r="2103" spans="1:11" x14ac:dyDescent="0.3">
      <c r="A2103" s="1">
        <v>15806</v>
      </c>
    </row>
    <row r="2104" spans="1:11" ht="86.4" x14ac:dyDescent="0.3">
      <c r="A2104" s="1">
        <v>15811</v>
      </c>
      <c r="C2104" s="4" t="s">
        <v>10886</v>
      </c>
      <c r="D2104" s="4" t="s">
        <v>10887</v>
      </c>
      <c r="H2104" s="4" t="s">
        <v>10888</v>
      </c>
      <c r="K2104" s="4" t="s">
        <v>10889</v>
      </c>
    </row>
    <row r="2105" spans="1:11" ht="86.4" x14ac:dyDescent="0.3">
      <c r="A2105" s="1">
        <v>15816</v>
      </c>
      <c r="C2105" s="4" t="s">
        <v>10890</v>
      </c>
      <c r="D2105" s="4" t="s">
        <v>10891</v>
      </c>
      <c r="E2105" s="4" t="s">
        <v>10892</v>
      </c>
      <c r="F2105" s="4" t="s">
        <v>10893</v>
      </c>
      <c r="G2105" s="4" t="s">
        <v>10894</v>
      </c>
      <c r="H2105" s="4" t="s">
        <v>10895</v>
      </c>
      <c r="I2105" s="4" t="s">
        <v>10896</v>
      </c>
      <c r="K2105" s="4" t="s">
        <v>10897</v>
      </c>
    </row>
    <row r="2106" spans="1:11" x14ac:dyDescent="0.3">
      <c r="A2106" s="1">
        <v>15821</v>
      </c>
    </row>
    <row r="2107" spans="1:11" ht="43.2" x14ac:dyDescent="0.3">
      <c r="A2107" s="1">
        <v>15826</v>
      </c>
      <c r="G2107" s="4" t="s">
        <v>10898</v>
      </c>
    </row>
    <row r="2108" spans="1:11" ht="28.8" x14ac:dyDescent="0.3">
      <c r="A2108" s="1">
        <v>15836</v>
      </c>
      <c r="D2108" s="4" t="s">
        <v>10899</v>
      </c>
    </row>
    <row r="2109" spans="1:11" ht="43.2" x14ac:dyDescent="0.3">
      <c r="A2109" s="1">
        <v>15841</v>
      </c>
      <c r="D2109" s="4" t="s">
        <v>10900</v>
      </c>
      <c r="E2109" s="4" t="s">
        <v>10901</v>
      </c>
      <c r="F2109" s="4" t="s">
        <v>10902</v>
      </c>
      <c r="K2109" s="4" t="s">
        <v>10903</v>
      </c>
    </row>
    <row r="2110" spans="1:11" ht="86.4" x14ac:dyDescent="0.3">
      <c r="A2110" s="1">
        <v>15856</v>
      </c>
      <c r="C2110" s="4" t="s">
        <v>10904</v>
      </c>
      <c r="D2110" s="4" t="s">
        <v>10905</v>
      </c>
      <c r="E2110" s="4" t="s">
        <v>10906</v>
      </c>
      <c r="F2110" s="4" t="s">
        <v>10907</v>
      </c>
      <c r="G2110" s="4" t="s">
        <v>10908</v>
      </c>
      <c r="H2110" s="4" t="s">
        <v>10909</v>
      </c>
      <c r="K2110" s="4" t="s">
        <v>10910</v>
      </c>
    </row>
    <row r="2111" spans="1:11" ht="86.4" x14ac:dyDescent="0.3">
      <c r="A2111" s="1">
        <v>15861</v>
      </c>
      <c r="C2111" s="4" t="s">
        <v>10911</v>
      </c>
      <c r="D2111" s="4" t="s">
        <v>10912</v>
      </c>
      <c r="E2111" s="4" t="s">
        <v>10913</v>
      </c>
      <c r="F2111" s="4" t="s">
        <v>10914</v>
      </c>
      <c r="G2111" s="4" t="s">
        <v>10915</v>
      </c>
      <c r="H2111" s="4" t="s">
        <v>10916</v>
      </c>
      <c r="I2111" s="4" t="s">
        <v>10917</v>
      </c>
      <c r="K2111" s="4" t="s">
        <v>10918</v>
      </c>
    </row>
    <row r="2112" spans="1:11" ht="86.4" x14ac:dyDescent="0.3">
      <c r="A2112" s="1">
        <v>15866</v>
      </c>
      <c r="C2112" s="4" t="s">
        <v>10919</v>
      </c>
      <c r="G2112" s="4" t="s">
        <v>10920</v>
      </c>
      <c r="H2112" s="4" t="s">
        <v>10921</v>
      </c>
    </row>
    <row r="2113" spans="1:11" ht="28.8" x14ac:dyDescent="0.3">
      <c r="A2113" s="1">
        <v>15871</v>
      </c>
      <c r="C2113" s="4" t="s">
        <v>10922</v>
      </c>
      <c r="D2113" s="4" t="s">
        <v>10923</v>
      </c>
      <c r="E2113" s="4" t="s">
        <v>10924</v>
      </c>
      <c r="F2113" s="4" t="s">
        <v>10925</v>
      </c>
      <c r="G2113" s="4" t="s">
        <v>10926</v>
      </c>
      <c r="H2113" s="4" t="s">
        <v>10927</v>
      </c>
      <c r="K2113" s="4" t="s">
        <v>10928</v>
      </c>
    </row>
    <row r="2114" spans="1:11" ht="86.4" x14ac:dyDescent="0.3">
      <c r="A2114" s="1">
        <v>15876</v>
      </c>
      <c r="D2114" s="4" t="s">
        <v>10929</v>
      </c>
      <c r="E2114" s="4" t="s">
        <v>10930</v>
      </c>
      <c r="G2114" s="4" t="s">
        <v>10931</v>
      </c>
      <c r="H2114" s="4" t="s">
        <v>10932</v>
      </c>
      <c r="I2114" s="4" t="s">
        <v>10933</v>
      </c>
      <c r="J2114" s="4" t="s">
        <v>10934</v>
      </c>
    </row>
    <row r="2115" spans="1:11" ht="72" x14ac:dyDescent="0.3">
      <c r="A2115" s="1">
        <v>15881</v>
      </c>
      <c r="D2115" s="4" t="s">
        <v>10935</v>
      </c>
      <c r="E2115" s="4" t="s">
        <v>10936</v>
      </c>
    </row>
    <row r="2116" spans="1:11" ht="43.2" x14ac:dyDescent="0.3">
      <c r="A2116" s="1">
        <v>15886</v>
      </c>
      <c r="C2116" s="4" t="s">
        <v>10937</v>
      </c>
    </row>
    <row r="2117" spans="1:11" ht="86.4" x14ac:dyDescent="0.3">
      <c r="A2117" s="1">
        <v>15896</v>
      </c>
      <c r="C2117" s="4" t="s">
        <v>10938</v>
      </c>
      <c r="D2117" s="4" t="s">
        <v>10939</v>
      </c>
      <c r="E2117" s="4" t="s">
        <v>10940</v>
      </c>
      <c r="F2117" s="4" t="s">
        <v>10941</v>
      </c>
      <c r="G2117" s="4" t="s">
        <v>10942</v>
      </c>
      <c r="H2117" s="4" t="s">
        <v>10943</v>
      </c>
      <c r="I2117" s="4" t="s">
        <v>10944</v>
      </c>
      <c r="K2117" s="4" t="s">
        <v>10945</v>
      </c>
    </row>
    <row r="2118" spans="1:11" ht="86.4" x14ac:dyDescent="0.3">
      <c r="A2118" s="1">
        <v>15911</v>
      </c>
      <c r="D2118" s="4" t="s">
        <v>10946</v>
      </c>
      <c r="G2118" s="4" t="s">
        <v>10947</v>
      </c>
      <c r="I2118" s="4" t="s">
        <v>10948</v>
      </c>
      <c r="K2118" s="4" t="s">
        <v>10949</v>
      </c>
    </row>
    <row r="2119" spans="1:11" ht="28.8" x14ac:dyDescent="0.3">
      <c r="A2119" s="1">
        <v>15921</v>
      </c>
      <c r="C2119" s="4" t="s">
        <v>10950</v>
      </c>
      <c r="D2119" s="4" t="s">
        <v>10951</v>
      </c>
      <c r="E2119" s="4" t="s">
        <v>10952</v>
      </c>
      <c r="G2119" s="4" t="s">
        <v>10953</v>
      </c>
      <c r="H2119" s="4" t="s">
        <v>10954</v>
      </c>
      <c r="I2119" s="4" t="s">
        <v>10955</v>
      </c>
    </row>
    <row r="2120" spans="1:11" ht="57.6" x14ac:dyDescent="0.3">
      <c r="A2120" s="1">
        <v>15931</v>
      </c>
      <c r="C2120" s="4" t="s">
        <v>10956</v>
      </c>
      <c r="D2120" s="4" t="s">
        <v>10957</v>
      </c>
      <c r="E2120" s="4" t="s">
        <v>10958</v>
      </c>
      <c r="F2120" s="4" t="s">
        <v>10959</v>
      </c>
      <c r="G2120" s="4" t="s">
        <v>10960</v>
      </c>
      <c r="H2120" s="4" t="s">
        <v>10961</v>
      </c>
    </row>
    <row r="2121" spans="1:11" ht="72" x14ac:dyDescent="0.3">
      <c r="A2121" s="1">
        <v>15936</v>
      </c>
      <c r="C2121" s="4" t="s">
        <v>10962</v>
      </c>
      <c r="D2121" s="4" t="s">
        <v>10963</v>
      </c>
      <c r="E2121" s="4" t="s">
        <v>10964</v>
      </c>
      <c r="G2121" s="4" t="s">
        <v>10965</v>
      </c>
      <c r="H2121" s="4" t="s">
        <v>10966</v>
      </c>
      <c r="I2121" s="4" t="s">
        <v>10967</v>
      </c>
      <c r="J2121" s="4" t="s">
        <v>10968</v>
      </c>
      <c r="K2121" s="4" t="s">
        <v>10969</v>
      </c>
    </row>
    <row r="2122" spans="1:11" ht="100.8" x14ac:dyDescent="0.3">
      <c r="A2122" s="1">
        <v>15941</v>
      </c>
      <c r="C2122" s="4" t="s">
        <v>10970</v>
      </c>
      <c r="D2122" s="4" t="s">
        <v>10971</v>
      </c>
      <c r="E2122" s="4" t="s">
        <v>10972</v>
      </c>
      <c r="F2122" s="4" t="s">
        <v>10973</v>
      </c>
      <c r="H2122" s="4" t="s">
        <v>10974</v>
      </c>
      <c r="I2122" s="4" t="s">
        <v>10975</v>
      </c>
      <c r="K2122" s="4" t="s">
        <v>10976</v>
      </c>
    </row>
    <row r="2123" spans="1:11" ht="57.6" x14ac:dyDescent="0.3">
      <c r="A2123" s="1">
        <v>15946</v>
      </c>
      <c r="C2123" s="4" t="s">
        <v>10977</v>
      </c>
      <c r="D2123" s="4" t="s">
        <v>10978</v>
      </c>
      <c r="E2123" s="4" t="s">
        <v>10979</v>
      </c>
      <c r="F2123" s="4" t="s">
        <v>10980</v>
      </c>
      <c r="G2123" s="4" t="s">
        <v>10981</v>
      </c>
      <c r="H2123" s="4" t="s">
        <v>10982</v>
      </c>
      <c r="I2123" s="4" t="s">
        <v>10983</v>
      </c>
      <c r="K2123" s="4" t="s">
        <v>10984</v>
      </c>
    </row>
    <row r="2124" spans="1:11" ht="28.8" x14ac:dyDescent="0.3">
      <c r="A2124" s="1">
        <v>15966</v>
      </c>
      <c r="C2124" s="4" t="s">
        <v>10985</v>
      </c>
      <c r="D2124" s="4" t="s">
        <v>10986</v>
      </c>
      <c r="E2124" s="4" t="s">
        <v>10987</v>
      </c>
      <c r="F2124" s="4" t="s">
        <v>10988</v>
      </c>
      <c r="G2124" s="4" t="s">
        <v>10989</v>
      </c>
      <c r="H2124" s="4" t="s">
        <v>10990</v>
      </c>
    </row>
    <row r="2125" spans="1:11" x14ac:dyDescent="0.3">
      <c r="A2125" s="1">
        <v>15971</v>
      </c>
    </row>
    <row r="2126" spans="1:11" ht="57.6" x14ac:dyDescent="0.3">
      <c r="A2126" s="1">
        <v>15976</v>
      </c>
      <c r="C2126" s="4" t="s">
        <v>10991</v>
      </c>
      <c r="D2126" s="4" t="s">
        <v>10992</v>
      </c>
      <c r="G2126" s="4" t="s">
        <v>10993</v>
      </c>
    </row>
    <row r="2127" spans="1:11" ht="115.2" x14ac:dyDescent="0.3">
      <c r="A2127" s="1">
        <v>16001</v>
      </c>
      <c r="C2127" s="4" t="s">
        <v>10994</v>
      </c>
      <c r="D2127" s="4" t="s">
        <v>10995</v>
      </c>
      <c r="I2127" s="4" t="s">
        <v>10996</v>
      </c>
    </row>
    <row r="2128" spans="1:11" ht="28.8" x14ac:dyDescent="0.3">
      <c r="A2128" s="1">
        <v>16006</v>
      </c>
      <c r="C2128" s="4" t="s">
        <v>10997</v>
      </c>
      <c r="D2128" s="4" t="s">
        <v>10998</v>
      </c>
      <c r="E2128" s="4" t="s">
        <v>10999</v>
      </c>
      <c r="F2128" s="4" t="s">
        <v>11000</v>
      </c>
      <c r="G2128" s="4" t="s">
        <v>11001</v>
      </c>
      <c r="H2128" s="4" t="s">
        <v>11002</v>
      </c>
      <c r="I2128" s="4" t="s">
        <v>11003</v>
      </c>
      <c r="K2128" s="4" t="s">
        <v>11004</v>
      </c>
    </row>
    <row r="2129" spans="1:11" x14ac:dyDescent="0.3">
      <c r="A2129" s="1">
        <v>16011</v>
      </c>
    </row>
    <row r="2130" spans="1:11" ht="28.8" x14ac:dyDescent="0.3">
      <c r="A2130" s="1">
        <v>16021</v>
      </c>
      <c r="C2130" s="4" t="s">
        <v>11005</v>
      </c>
    </row>
    <row r="2131" spans="1:11" ht="72" x14ac:dyDescent="0.3">
      <c r="A2131" s="1">
        <v>16026</v>
      </c>
      <c r="C2131" s="4" t="s">
        <v>11006</v>
      </c>
      <c r="D2131" s="4" t="s">
        <v>11007</v>
      </c>
      <c r="E2131" s="4" t="s">
        <v>11008</v>
      </c>
      <c r="F2131" s="4" t="s">
        <v>11009</v>
      </c>
      <c r="G2131" s="4" t="s">
        <v>11010</v>
      </c>
      <c r="H2131" s="4" t="s">
        <v>11011</v>
      </c>
      <c r="I2131" s="4" t="s">
        <v>11012</v>
      </c>
    </row>
    <row r="2132" spans="1:11" ht="72" x14ac:dyDescent="0.3">
      <c r="A2132" s="1">
        <v>16041</v>
      </c>
      <c r="C2132" s="4" t="s">
        <v>11013</v>
      </c>
      <c r="F2132" s="4" t="s">
        <v>11014</v>
      </c>
      <c r="G2132" s="4" t="s">
        <v>11015</v>
      </c>
      <c r="H2132" s="4" t="s">
        <v>11016</v>
      </c>
      <c r="K2132" s="4" t="s">
        <v>11017</v>
      </c>
    </row>
    <row r="2133" spans="1:11" ht="72" x14ac:dyDescent="0.3">
      <c r="A2133" s="1">
        <v>16051</v>
      </c>
      <c r="D2133" s="4" t="s">
        <v>11018</v>
      </c>
      <c r="E2133" s="4" t="s">
        <v>11019</v>
      </c>
      <c r="F2133" s="4" t="s">
        <v>11020</v>
      </c>
      <c r="G2133" s="4" t="s">
        <v>11021</v>
      </c>
      <c r="I2133" s="4" t="s">
        <v>11022</v>
      </c>
    </row>
    <row r="2134" spans="1:11" ht="86.4" x14ac:dyDescent="0.3">
      <c r="A2134" s="1">
        <v>16056</v>
      </c>
      <c r="C2134" s="4" t="s">
        <v>11023</v>
      </c>
      <c r="D2134" s="4" t="s">
        <v>11024</v>
      </c>
      <c r="E2134" s="4" t="s">
        <v>11025</v>
      </c>
      <c r="F2134" s="4" t="s">
        <v>11026</v>
      </c>
      <c r="G2134" s="4" t="s">
        <v>11027</v>
      </c>
      <c r="H2134" s="4" t="s">
        <v>11028</v>
      </c>
      <c r="I2134" s="4" t="s">
        <v>11029</v>
      </c>
      <c r="K2134" s="4" t="s">
        <v>11030</v>
      </c>
    </row>
    <row r="2135" spans="1:11" x14ac:dyDescent="0.3">
      <c r="A2135" s="1">
        <v>16061</v>
      </c>
    </row>
    <row r="2136" spans="1:11" ht="86.4" x14ac:dyDescent="0.3">
      <c r="A2136" s="1">
        <v>16066</v>
      </c>
      <c r="C2136" s="4" t="s">
        <v>11031</v>
      </c>
      <c r="D2136" s="4" t="s">
        <v>11032</v>
      </c>
      <c r="E2136" s="4" t="s">
        <v>11033</v>
      </c>
      <c r="G2136" s="4" t="s">
        <v>11034</v>
      </c>
      <c r="H2136" s="4" t="s">
        <v>11035</v>
      </c>
      <c r="I2136" s="4" t="s">
        <v>11036</v>
      </c>
      <c r="K2136" s="4" t="s">
        <v>11037</v>
      </c>
    </row>
    <row r="2137" spans="1:11" ht="72" x14ac:dyDescent="0.3">
      <c r="A2137" s="1">
        <v>16071</v>
      </c>
      <c r="D2137" s="4" t="s">
        <v>11038</v>
      </c>
      <c r="E2137" s="4" t="s">
        <v>11039</v>
      </c>
      <c r="G2137" s="4" t="s">
        <v>11040</v>
      </c>
      <c r="H2137" s="4" t="s">
        <v>11041</v>
      </c>
      <c r="I2137" s="4" t="s">
        <v>11042</v>
      </c>
      <c r="K2137" s="4" t="s">
        <v>11043</v>
      </c>
    </row>
    <row r="2138" spans="1:11" ht="100.8" x14ac:dyDescent="0.3">
      <c r="A2138" s="1">
        <v>16081</v>
      </c>
      <c r="C2138" s="4" t="s">
        <v>11044</v>
      </c>
      <c r="D2138" s="4" t="s">
        <v>11045</v>
      </c>
      <c r="E2138" s="4" t="s">
        <v>11046</v>
      </c>
      <c r="G2138" s="4" t="s">
        <v>11047</v>
      </c>
      <c r="J2138" s="4" t="s">
        <v>11048</v>
      </c>
      <c r="K2138" s="4" t="s">
        <v>11049</v>
      </c>
    </row>
    <row r="2139" spans="1:11" x14ac:dyDescent="0.3">
      <c r="A2139" s="1">
        <v>16091</v>
      </c>
    </row>
    <row r="2140" spans="1:11" x14ac:dyDescent="0.3">
      <c r="A2140" s="1">
        <v>16096</v>
      </c>
    </row>
    <row r="2141" spans="1:11" ht="72" x14ac:dyDescent="0.3">
      <c r="A2141" s="1">
        <v>16101</v>
      </c>
      <c r="C2141" s="4" t="s">
        <v>11050</v>
      </c>
      <c r="D2141" s="4" t="s">
        <v>11051</v>
      </c>
      <c r="E2141" s="4" t="s">
        <v>11052</v>
      </c>
      <c r="F2141" s="4" t="s">
        <v>1287</v>
      </c>
      <c r="G2141" s="4" t="s">
        <v>11053</v>
      </c>
      <c r="I2141" s="4" t="s">
        <v>11054</v>
      </c>
    </row>
    <row r="2142" spans="1:11" ht="86.4" x14ac:dyDescent="0.3">
      <c r="A2142" s="1">
        <v>16111</v>
      </c>
      <c r="C2142" s="4" t="s">
        <v>11055</v>
      </c>
      <c r="E2142" s="4" t="s">
        <v>11056</v>
      </c>
      <c r="F2142" s="4" t="s">
        <v>1287</v>
      </c>
      <c r="H2142" s="4" t="s">
        <v>11057</v>
      </c>
      <c r="I2142" s="4" t="s">
        <v>11058</v>
      </c>
    </row>
    <row r="2143" spans="1:11" x14ac:dyDescent="0.3">
      <c r="A2143" s="1">
        <v>16116</v>
      </c>
    </row>
    <row r="2144" spans="1:11" ht="86.4" x14ac:dyDescent="0.3">
      <c r="A2144" s="1">
        <v>16121</v>
      </c>
      <c r="C2144" s="4" t="s">
        <v>11059</v>
      </c>
      <c r="D2144" s="4" t="s">
        <v>11060</v>
      </c>
      <c r="E2144" s="4" t="s">
        <v>11061</v>
      </c>
      <c r="F2144" s="4" t="s">
        <v>11062</v>
      </c>
      <c r="G2144" s="4" t="s">
        <v>11063</v>
      </c>
      <c r="H2144" s="4" t="s">
        <v>11064</v>
      </c>
      <c r="I2144" s="4" t="s">
        <v>11065</v>
      </c>
      <c r="K2144" s="4" t="s">
        <v>11066</v>
      </c>
    </row>
    <row r="2145" spans="1:11" ht="86.4" x14ac:dyDescent="0.3">
      <c r="A2145" s="1">
        <v>16126</v>
      </c>
      <c r="C2145" s="4" t="s">
        <v>11067</v>
      </c>
      <c r="D2145" s="4" t="s">
        <v>11068</v>
      </c>
      <c r="E2145" s="4" t="s">
        <v>11069</v>
      </c>
      <c r="F2145" s="4" t="s">
        <v>11070</v>
      </c>
      <c r="G2145" s="4" t="s">
        <v>11071</v>
      </c>
      <c r="I2145" s="4" t="s">
        <v>11072</v>
      </c>
      <c r="K2145" s="4" t="s">
        <v>11073</v>
      </c>
    </row>
    <row r="2146" spans="1:11" ht="72" x14ac:dyDescent="0.3">
      <c r="A2146" s="1">
        <v>16131</v>
      </c>
      <c r="C2146" s="4" t="s">
        <v>11074</v>
      </c>
      <c r="D2146" s="4" t="s">
        <v>11075</v>
      </c>
      <c r="E2146" s="4" t="s">
        <v>11076</v>
      </c>
      <c r="F2146" s="4" t="s">
        <v>11077</v>
      </c>
      <c r="G2146" s="4" t="s">
        <v>11078</v>
      </c>
      <c r="H2146" s="4" t="s">
        <v>11079</v>
      </c>
      <c r="I2146" s="4" t="s">
        <v>11080</v>
      </c>
      <c r="K2146" s="4" t="s">
        <v>11081</v>
      </c>
    </row>
    <row r="2147" spans="1:11" ht="86.4" x14ac:dyDescent="0.3">
      <c r="A2147" s="1">
        <v>16136</v>
      </c>
      <c r="C2147" s="4" t="s">
        <v>11082</v>
      </c>
      <c r="E2147" s="4" t="s">
        <v>11083</v>
      </c>
      <c r="K2147" s="4" t="s">
        <v>11084</v>
      </c>
    </row>
    <row r="2148" spans="1:11" ht="72" x14ac:dyDescent="0.3">
      <c r="A2148" s="1">
        <v>16146</v>
      </c>
      <c r="C2148" s="4" t="s">
        <v>11085</v>
      </c>
      <c r="D2148" s="4" t="s">
        <v>11086</v>
      </c>
      <c r="E2148" s="4" t="s">
        <v>11087</v>
      </c>
      <c r="G2148" s="4" t="s">
        <v>11088</v>
      </c>
      <c r="K2148" s="4" t="s">
        <v>11089</v>
      </c>
    </row>
    <row r="2149" spans="1:11" ht="86.4" x14ac:dyDescent="0.3">
      <c r="A2149" s="1">
        <v>16156</v>
      </c>
      <c r="C2149" s="4" t="s">
        <v>11090</v>
      </c>
      <c r="D2149" s="4" t="s">
        <v>11091</v>
      </c>
      <c r="E2149" s="4" t="s">
        <v>11092</v>
      </c>
      <c r="F2149" s="4" t="s">
        <v>11093</v>
      </c>
      <c r="G2149" s="4" t="s">
        <v>11094</v>
      </c>
      <c r="H2149" s="4" t="s">
        <v>11095</v>
      </c>
      <c r="I2149" s="4" t="s">
        <v>11096</v>
      </c>
      <c r="K2149" s="4" t="s">
        <v>11097</v>
      </c>
    </row>
    <row r="2150" spans="1:11" ht="43.2" x14ac:dyDescent="0.3">
      <c r="A2150" s="1">
        <v>16161</v>
      </c>
      <c r="C2150" s="4" t="s">
        <v>11098</v>
      </c>
      <c r="D2150" s="4" t="s">
        <v>11099</v>
      </c>
      <c r="E2150" s="4" t="s">
        <v>11100</v>
      </c>
      <c r="H2150" s="4" t="s">
        <v>11101</v>
      </c>
      <c r="J2150" s="4" t="s">
        <v>11102</v>
      </c>
      <c r="K2150" s="4" t="s">
        <v>11103</v>
      </c>
    </row>
    <row r="2151" spans="1:11" ht="86.4" x14ac:dyDescent="0.3">
      <c r="A2151" s="1">
        <v>16171</v>
      </c>
      <c r="C2151" s="4" t="s">
        <v>11104</v>
      </c>
      <c r="D2151" s="4" t="s">
        <v>11105</v>
      </c>
      <c r="E2151" s="4" t="s">
        <v>11106</v>
      </c>
      <c r="F2151" s="4" t="s">
        <v>11107</v>
      </c>
      <c r="G2151" s="4" t="s">
        <v>11108</v>
      </c>
      <c r="H2151" s="4" t="s">
        <v>11109</v>
      </c>
      <c r="I2151" s="4" t="s">
        <v>11110</v>
      </c>
      <c r="K2151" s="4" t="s">
        <v>23182</v>
      </c>
    </row>
    <row r="2152" spans="1:11" ht="72" x14ac:dyDescent="0.3">
      <c r="A2152" s="1">
        <v>16176</v>
      </c>
      <c r="C2152" s="4" t="s">
        <v>11111</v>
      </c>
      <c r="D2152" s="4" t="s">
        <v>11112</v>
      </c>
      <c r="K2152" s="4" t="s">
        <v>11113</v>
      </c>
    </row>
    <row r="2153" spans="1:11" ht="43.2" x14ac:dyDescent="0.3">
      <c r="A2153" s="1">
        <v>16181</v>
      </c>
      <c r="C2153" s="4" t="s">
        <v>11114</v>
      </c>
      <c r="D2153" s="4" t="s">
        <v>11115</v>
      </c>
      <c r="E2153" s="4" t="s">
        <v>11116</v>
      </c>
      <c r="F2153" s="4" t="s">
        <v>11117</v>
      </c>
      <c r="H2153" s="4" t="s">
        <v>11118</v>
      </c>
    </row>
    <row r="2154" spans="1:11" ht="57.6" x14ac:dyDescent="0.3">
      <c r="A2154" s="1">
        <v>16191</v>
      </c>
      <c r="C2154" s="4" t="s">
        <v>11119</v>
      </c>
      <c r="D2154" s="4" t="s">
        <v>11120</v>
      </c>
    </row>
    <row r="2155" spans="1:11" ht="86.4" x14ac:dyDescent="0.3">
      <c r="A2155" s="1">
        <v>16196</v>
      </c>
      <c r="C2155" s="4" t="s">
        <v>11121</v>
      </c>
      <c r="D2155" s="4" t="s">
        <v>11122</v>
      </c>
      <c r="E2155" s="4" t="s">
        <v>11123</v>
      </c>
      <c r="F2155" s="4" t="s">
        <v>11124</v>
      </c>
      <c r="G2155" s="4" t="s">
        <v>11125</v>
      </c>
      <c r="H2155" s="4" t="s">
        <v>11126</v>
      </c>
      <c r="I2155" s="4" t="s">
        <v>11127</v>
      </c>
      <c r="K2155" s="4" t="s">
        <v>11128</v>
      </c>
    </row>
    <row r="2156" spans="1:11" ht="28.8" x14ac:dyDescent="0.3">
      <c r="A2156" s="1">
        <v>16206</v>
      </c>
      <c r="C2156" s="4" t="s">
        <v>11129</v>
      </c>
      <c r="D2156" s="4" t="s">
        <v>11130</v>
      </c>
      <c r="E2156" s="4" t="s">
        <v>11131</v>
      </c>
      <c r="F2156" s="4" t="s">
        <v>11132</v>
      </c>
      <c r="I2156" s="4" t="s">
        <v>11133</v>
      </c>
      <c r="K2156" s="4" t="s">
        <v>11134</v>
      </c>
    </row>
    <row r="2157" spans="1:11" ht="86.4" x14ac:dyDescent="0.3">
      <c r="A2157" s="1">
        <v>16216</v>
      </c>
      <c r="C2157" s="4" t="s">
        <v>11135</v>
      </c>
      <c r="D2157" s="4" t="s">
        <v>11136</v>
      </c>
      <c r="E2157" s="4" t="s">
        <v>11137</v>
      </c>
      <c r="F2157" s="4" t="s">
        <v>11138</v>
      </c>
      <c r="G2157" s="4" t="s">
        <v>11139</v>
      </c>
    </row>
    <row r="2158" spans="1:11" x14ac:dyDescent="0.3">
      <c r="A2158" s="1">
        <v>16221</v>
      </c>
    </row>
    <row r="2159" spans="1:11" ht="28.8" x14ac:dyDescent="0.3">
      <c r="A2159" s="1">
        <v>16236</v>
      </c>
      <c r="D2159" s="4" t="s">
        <v>11140</v>
      </c>
      <c r="K2159" s="4" t="s">
        <v>11141</v>
      </c>
    </row>
    <row r="2160" spans="1:11" ht="86.4" x14ac:dyDescent="0.3">
      <c r="A2160" s="1">
        <v>16241</v>
      </c>
      <c r="C2160" s="4" t="s">
        <v>11142</v>
      </c>
      <c r="D2160" s="4" t="s">
        <v>11143</v>
      </c>
      <c r="E2160" s="4" t="s">
        <v>11144</v>
      </c>
      <c r="F2160" s="4" t="s">
        <v>11145</v>
      </c>
      <c r="G2160" s="4" t="s">
        <v>11146</v>
      </c>
      <c r="H2160" s="4" t="s">
        <v>11147</v>
      </c>
      <c r="I2160" s="4" t="s">
        <v>11148</v>
      </c>
      <c r="K2160" s="4" t="s">
        <v>11149</v>
      </c>
    </row>
    <row r="2161" spans="1:11" ht="72" x14ac:dyDescent="0.3">
      <c r="A2161" s="1">
        <v>16266</v>
      </c>
      <c r="C2161" s="4" t="s">
        <v>11150</v>
      </c>
      <c r="D2161" s="4" t="s">
        <v>11151</v>
      </c>
      <c r="G2161" s="4" t="s">
        <v>11152</v>
      </c>
      <c r="H2161" s="4" t="s">
        <v>11153</v>
      </c>
      <c r="I2161" s="4" t="s">
        <v>11154</v>
      </c>
    </row>
    <row r="2162" spans="1:11" ht="43.2" x14ac:dyDescent="0.3">
      <c r="A2162" s="1">
        <v>16276</v>
      </c>
      <c r="C2162" s="4" t="s">
        <v>11155</v>
      </c>
      <c r="D2162" s="4" t="s">
        <v>11156</v>
      </c>
      <c r="E2162" s="4" t="s">
        <v>11157</v>
      </c>
      <c r="F2162" s="4" t="s">
        <v>11158</v>
      </c>
      <c r="G2162" s="4" t="s">
        <v>11159</v>
      </c>
      <c r="H2162" s="4" t="s">
        <v>11160</v>
      </c>
      <c r="K2162" s="4" t="s">
        <v>11161</v>
      </c>
    </row>
    <row r="2163" spans="1:11" ht="43.2" x14ac:dyDescent="0.3">
      <c r="A2163" s="1">
        <v>16281</v>
      </c>
      <c r="D2163" s="4" t="s">
        <v>11162</v>
      </c>
      <c r="G2163" s="4" t="s">
        <v>11163</v>
      </c>
      <c r="H2163" s="4" t="s">
        <v>11164</v>
      </c>
      <c r="I2163" s="4" t="s">
        <v>11165</v>
      </c>
      <c r="K2163" s="4" t="s">
        <v>11166</v>
      </c>
    </row>
    <row r="2164" spans="1:11" ht="57.6" x14ac:dyDescent="0.3">
      <c r="A2164" s="1">
        <v>16286</v>
      </c>
      <c r="G2164" s="4" t="s">
        <v>11167</v>
      </c>
    </row>
    <row r="2165" spans="1:11" ht="86.4" x14ac:dyDescent="0.3">
      <c r="A2165" s="1">
        <v>16296</v>
      </c>
      <c r="C2165" s="4" t="s">
        <v>11168</v>
      </c>
      <c r="D2165" s="4" t="s">
        <v>11169</v>
      </c>
      <c r="E2165" s="4" t="s">
        <v>11170</v>
      </c>
      <c r="F2165" s="4" t="s">
        <v>11171</v>
      </c>
      <c r="H2165" s="4" t="s">
        <v>11172</v>
      </c>
      <c r="I2165" s="4" t="s">
        <v>11173</v>
      </c>
      <c r="K2165" s="4" t="s">
        <v>11174</v>
      </c>
    </row>
    <row r="2166" spans="1:11" ht="43.2" x14ac:dyDescent="0.3">
      <c r="A2166" s="1">
        <v>16301</v>
      </c>
      <c r="C2166" s="4" t="s">
        <v>11175</v>
      </c>
      <c r="D2166" s="4" t="s">
        <v>11176</v>
      </c>
      <c r="G2166" s="4" t="s">
        <v>11177</v>
      </c>
      <c r="H2166" s="4" t="s">
        <v>11178</v>
      </c>
      <c r="K2166" s="4" t="s">
        <v>11179</v>
      </c>
    </row>
    <row r="2167" spans="1:11" x14ac:dyDescent="0.3">
      <c r="A2167" s="1">
        <v>16306</v>
      </c>
    </row>
    <row r="2168" spans="1:11" ht="100.8" x14ac:dyDescent="0.3">
      <c r="A2168" s="1">
        <v>16321</v>
      </c>
      <c r="C2168" s="4" t="s">
        <v>11180</v>
      </c>
      <c r="D2168" s="4" t="s">
        <v>11181</v>
      </c>
      <c r="E2168" s="4" t="s">
        <v>11182</v>
      </c>
      <c r="F2168" s="4" t="s">
        <v>11183</v>
      </c>
      <c r="G2168" s="4" t="s">
        <v>11184</v>
      </c>
      <c r="H2168" s="4" t="s">
        <v>11185</v>
      </c>
      <c r="I2168" s="4" t="s">
        <v>11186</v>
      </c>
      <c r="K2168" s="4" t="s">
        <v>11187</v>
      </c>
    </row>
    <row r="2169" spans="1:11" ht="43.2" x14ac:dyDescent="0.3">
      <c r="A2169" s="1">
        <v>16331</v>
      </c>
      <c r="C2169" s="4" t="s">
        <v>11188</v>
      </c>
      <c r="D2169" s="4" t="s">
        <v>11189</v>
      </c>
      <c r="E2169" s="4" t="s">
        <v>11190</v>
      </c>
      <c r="F2169" s="4" t="s">
        <v>11191</v>
      </c>
      <c r="G2169" s="4" t="s">
        <v>11192</v>
      </c>
      <c r="K2169" s="4" t="s">
        <v>11193</v>
      </c>
    </row>
    <row r="2170" spans="1:11" ht="57.6" x14ac:dyDescent="0.3">
      <c r="A2170" s="1">
        <v>16356</v>
      </c>
      <c r="C2170" s="4" t="s">
        <v>11194</v>
      </c>
      <c r="D2170" s="4" t="s">
        <v>11195</v>
      </c>
      <c r="G2170" s="4" t="s">
        <v>11196</v>
      </c>
      <c r="H2170" s="4" t="s">
        <v>11197</v>
      </c>
      <c r="K2170" s="4" t="s">
        <v>11198</v>
      </c>
    </row>
    <row r="2171" spans="1:11" ht="28.8" x14ac:dyDescent="0.3">
      <c r="A2171" s="1">
        <v>16361</v>
      </c>
      <c r="C2171" s="4" t="s">
        <v>11199</v>
      </c>
      <c r="D2171" s="4" t="s">
        <v>11200</v>
      </c>
      <c r="E2171" s="4" t="s">
        <v>11201</v>
      </c>
      <c r="G2171" s="4" t="s">
        <v>11202</v>
      </c>
      <c r="H2171" s="4" t="s">
        <v>11203</v>
      </c>
      <c r="I2171" s="4" t="s">
        <v>11204</v>
      </c>
      <c r="K2171" s="4" t="s">
        <v>11205</v>
      </c>
    </row>
    <row r="2172" spans="1:11" ht="86.4" x14ac:dyDescent="0.3">
      <c r="A2172" s="1">
        <v>16376</v>
      </c>
      <c r="C2172" s="4" t="s">
        <v>11206</v>
      </c>
      <c r="D2172" s="4" t="s">
        <v>11207</v>
      </c>
      <c r="E2172" s="4" t="s">
        <v>11208</v>
      </c>
      <c r="F2172" s="4" t="s">
        <v>11209</v>
      </c>
      <c r="G2172" s="4" t="s">
        <v>11210</v>
      </c>
      <c r="H2172" s="4" t="s">
        <v>11211</v>
      </c>
      <c r="I2172" s="4" t="s">
        <v>11212</v>
      </c>
      <c r="K2172" s="4" t="s">
        <v>11213</v>
      </c>
    </row>
    <row r="2173" spans="1:11" ht="57.6" x14ac:dyDescent="0.3">
      <c r="A2173" s="1">
        <v>16381</v>
      </c>
      <c r="C2173" s="4" t="s">
        <v>11214</v>
      </c>
      <c r="D2173" s="4" t="s">
        <v>11215</v>
      </c>
      <c r="G2173" s="4" t="s">
        <v>11216</v>
      </c>
      <c r="H2173" s="4" t="s">
        <v>11217</v>
      </c>
    </row>
    <row r="2174" spans="1:11" ht="72" x14ac:dyDescent="0.3">
      <c r="A2174" s="1">
        <v>16386</v>
      </c>
      <c r="C2174" s="4" t="s">
        <v>11218</v>
      </c>
      <c r="D2174" s="4" t="s">
        <v>11219</v>
      </c>
      <c r="E2174" s="4" t="s">
        <v>11220</v>
      </c>
      <c r="H2174" s="4" t="s">
        <v>11221</v>
      </c>
      <c r="K2174" s="4" t="s">
        <v>11222</v>
      </c>
    </row>
    <row r="2175" spans="1:11" ht="72" x14ac:dyDescent="0.3">
      <c r="A2175" s="1">
        <v>16406</v>
      </c>
      <c r="C2175" s="4" t="s">
        <v>11223</v>
      </c>
      <c r="E2175" s="4" t="s">
        <v>11224</v>
      </c>
      <c r="G2175" s="4" t="s">
        <v>11225</v>
      </c>
      <c r="H2175" s="4" t="s">
        <v>11226</v>
      </c>
      <c r="I2175" s="4" t="s">
        <v>11227</v>
      </c>
      <c r="K2175" s="4" t="s">
        <v>11228</v>
      </c>
    </row>
    <row r="2176" spans="1:11" ht="86.4" x14ac:dyDescent="0.3">
      <c r="A2176" s="1">
        <v>16426</v>
      </c>
      <c r="C2176" s="4" t="s">
        <v>11229</v>
      </c>
      <c r="D2176" s="4" t="s">
        <v>11230</v>
      </c>
      <c r="E2176" s="4" t="s">
        <v>11231</v>
      </c>
      <c r="F2176" s="4" t="s">
        <v>11232</v>
      </c>
      <c r="G2176" s="4" t="s">
        <v>11233</v>
      </c>
      <c r="H2176" s="4" t="s">
        <v>11234</v>
      </c>
      <c r="I2176" s="4" t="s">
        <v>11235</v>
      </c>
      <c r="J2176" s="4" t="s">
        <v>11236</v>
      </c>
      <c r="K2176" s="4" t="s">
        <v>11237</v>
      </c>
    </row>
    <row r="2177" spans="1:11" ht="57.6" x14ac:dyDescent="0.3">
      <c r="A2177" s="1">
        <v>16431</v>
      </c>
      <c r="C2177" s="4" t="s">
        <v>11238</v>
      </c>
      <c r="D2177" s="4" t="s">
        <v>11239</v>
      </c>
      <c r="E2177" s="4" t="s">
        <v>11240</v>
      </c>
      <c r="F2177" s="4" t="s">
        <v>11241</v>
      </c>
      <c r="G2177" s="4" t="s">
        <v>11242</v>
      </c>
      <c r="H2177" s="4" t="s">
        <v>11243</v>
      </c>
      <c r="I2177" s="4" t="s">
        <v>11244</v>
      </c>
      <c r="J2177" s="4" t="s">
        <v>11245</v>
      </c>
      <c r="K2177" s="4" t="s">
        <v>11246</v>
      </c>
    </row>
    <row r="2178" spans="1:11" ht="72" x14ac:dyDescent="0.3">
      <c r="A2178" s="1">
        <v>16441</v>
      </c>
      <c r="C2178" s="4" t="s">
        <v>11247</v>
      </c>
      <c r="D2178" s="4" t="s">
        <v>11248</v>
      </c>
      <c r="K2178" s="4" t="s">
        <v>11249</v>
      </c>
    </row>
    <row r="2179" spans="1:11" ht="86.4" x14ac:dyDescent="0.3">
      <c r="A2179" s="1">
        <v>16446</v>
      </c>
      <c r="D2179" s="4" t="s">
        <v>11250</v>
      </c>
      <c r="E2179" s="4" t="s">
        <v>11251</v>
      </c>
      <c r="F2179" s="4" t="s">
        <v>11252</v>
      </c>
      <c r="G2179" s="4" t="s">
        <v>11253</v>
      </c>
      <c r="H2179" s="4" t="s">
        <v>11254</v>
      </c>
      <c r="J2179" s="4" t="s">
        <v>11255</v>
      </c>
      <c r="K2179" s="4" t="s">
        <v>11256</v>
      </c>
    </row>
    <row r="2180" spans="1:11" x14ac:dyDescent="0.3">
      <c r="A2180" s="1">
        <v>16456</v>
      </c>
    </row>
    <row r="2181" spans="1:11" ht="72" x14ac:dyDescent="0.3">
      <c r="A2181" s="1">
        <v>16471</v>
      </c>
      <c r="D2181" s="4" t="s">
        <v>11257</v>
      </c>
      <c r="F2181" s="4" t="s">
        <v>11258</v>
      </c>
      <c r="G2181" s="4" t="s">
        <v>11259</v>
      </c>
      <c r="H2181" s="4" t="s">
        <v>11260</v>
      </c>
    </row>
    <row r="2182" spans="1:11" ht="43.2" x14ac:dyDescent="0.3">
      <c r="A2182" s="1">
        <v>16476</v>
      </c>
      <c r="B2182" s="1" t="s">
        <v>9681</v>
      </c>
      <c r="C2182" s="4" t="s">
        <v>11261</v>
      </c>
      <c r="D2182" s="4" t="s">
        <v>11262</v>
      </c>
      <c r="E2182" s="4" t="s">
        <v>11262</v>
      </c>
      <c r="F2182" s="4" t="s">
        <v>11263</v>
      </c>
      <c r="G2182" s="4" t="s">
        <v>11264</v>
      </c>
      <c r="I2182" s="4" t="s">
        <v>11265</v>
      </c>
    </row>
    <row r="2183" spans="1:11" ht="86.4" x14ac:dyDescent="0.3">
      <c r="A2183" s="1">
        <v>16486</v>
      </c>
      <c r="C2183" s="4" t="s">
        <v>11266</v>
      </c>
      <c r="D2183" s="4" t="s">
        <v>11267</v>
      </c>
      <c r="E2183" s="4" t="s">
        <v>11268</v>
      </c>
      <c r="F2183" s="4" t="s">
        <v>11269</v>
      </c>
      <c r="G2183" s="4" t="s">
        <v>11270</v>
      </c>
      <c r="H2183" s="4" t="s">
        <v>11271</v>
      </c>
      <c r="K2183" s="4" t="s">
        <v>11272</v>
      </c>
    </row>
    <row r="2184" spans="1:11" ht="72" x14ac:dyDescent="0.3">
      <c r="A2184" s="1">
        <v>16491</v>
      </c>
      <c r="C2184" s="4" t="s">
        <v>11273</v>
      </c>
      <c r="G2184" s="4" t="s">
        <v>11274</v>
      </c>
      <c r="H2184" s="4" t="s">
        <v>11275</v>
      </c>
    </row>
    <row r="2185" spans="1:11" ht="43.2" x14ac:dyDescent="0.3">
      <c r="A2185" s="1">
        <v>16496</v>
      </c>
      <c r="F2185" s="4" t="s">
        <v>11276</v>
      </c>
      <c r="G2185" s="4" t="s">
        <v>11277</v>
      </c>
      <c r="H2185" s="4" t="s">
        <v>11277</v>
      </c>
      <c r="I2185" s="4" t="s">
        <v>11278</v>
      </c>
      <c r="K2185" s="4" t="s">
        <v>11279</v>
      </c>
    </row>
    <row r="2186" spans="1:11" ht="86.4" x14ac:dyDescent="0.3">
      <c r="A2186" s="1">
        <v>16511</v>
      </c>
      <c r="C2186" s="4" t="s">
        <v>11280</v>
      </c>
      <c r="D2186" s="4" t="s">
        <v>11281</v>
      </c>
      <c r="E2186" s="4" t="s">
        <v>11282</v>
      </c>
      <c r="F2186" s="4" t="s">
        <v>11283</v>
      </c>
      <c r="J2186" s="4" t="s">
        <v>11284</v>
      </c>
      <c r="K2186" s="4" t="s">
        <v>11285</v>
      </c>
    </row>
    <row r="2187" spans="1:11" ht="72" x14ac:dyDescent="0.3">
      <c r="A2187" s="1">
        <v>16521</v>
      </c>
      <c r="C2187" s="4" t="s">
        <v>11286</v>
      </c>
      <c r="D2187" s="4" t="s">
        <v>11287</v>
      </c>
      <c r="E2187" s="4" t="s">
        <v>11288</v>
      </c>
      <c r="F2187" s="4" t="s">
        <v>11289</v>
      </c>
      <c r="G2187" s="4" t="s">
        <v>11290</v>
      </c>
    </row>
    <row r="2188" spans="1:11" ht="86.4" x14ac:dyDescent="0.3">
      <c r="A2188" s="1">
        <v>16526</v>
      </c>
      <c r="C2188" s="4" t="s">
        <v>11291</v>
      </c>
      <c r="D2188" s="4" t="s">
        <v>11292</v>
      </c>
      <c r="E2188" s="4" t="s">
        <v>11293</v>
      </c>
      <c r="F2188" s="4" t="s">
        <v>11294</v>
      </c>
      <c r="G2188" s="4" t="s">
        <v>11295</v>
      </c>
      <c r="H2188" s="4" t="s">
        <v>11296</v>
      </c>
      <c r="I2188" s="4" t="s">
        <v>11297</v>
      </c>
      <c r="K2188" s="4" t="s">
        <v>11291</v>
      </c>
    </row>
    <row r="2189" spans="1:11" x14ac:dyDescent="0.3">
      <c r="A2189" s="1">
        <v>16531</v>
      </c>
    </row>
    <row r="2190" spans="1:11" ht="57.6" x14ac:dyDescent="0.3">
      <c r="A2190" s="1">
        <v>16536</v>
      </c>
      <c r="C2190" s="4" t="s">
        <v>11298</v>
      </c>
      <c r="D2190" s="4" t="s">
        <v>11299</v>
      </c>
      <c r="E2190" s="4" t="s">
        <v>11300</v>
      </c>
      <c r="F2190" s="4" t="s">
        <v>11301</v>
      </c>
      <c r="G2190" s="4" t="s">
        <v>11302</v>
      </c>
      <c r="H2190" s="4" t="s">
        <v>11303</v>
      </c>
      <c r="K2190" s="4" t="s">
        <v>11304</v>
      </c>
    </row>
    <row r="2191" spans="1:11" ht="28.8" x14ac:dyDescent="0.3">
      <c r="A2191" s="1">
        <v>16546</v>
      </c>
      <c r="D2191" s="4" t="s">
        <v>11305</v>
      </c>
      <c r="E2191" s="4" t="s">
        <v>11306</v>
      </c>
    </row>
    <row r="2192" spans="1:11" ht="86.4" x14ac:dyDescent="0.3">
      <c r="A2192" s="1">
        <v>16556</v>
      </c>
      <c r="C2192" s="4" t="s">
        <v>11307</v>
      </c>
      <c r="D2192" s="4" t="s">
        <v>11308</v>
      </c>
      <c r="E2192" s="4" t="s">
        <v>11309</v>
      </c>
      <c r="F2192" s="4" t="s">
        <v>11310</v>
      </c>
      <c r="G2192" s="4" t="s">
        <v>11311</v>
      </c>
      <c r="H2192" s="4" t="s">
        <v>11312</v>
      </c>
      <c r="I2192" s="4" t="s">
        <v>11313</v>
      </c>
      <c r="K2192" s="4" t="s">
        <v>11314</v>
      </c>
    </row>
    <row r="2193" spans="1:11" ht="72" x14ac:dyDescent="0.3">
      <c r="A2193" s="1">
        <v>16561</v>
      </c>
      <c r="C2193" s="4" t="s">
        <v>11315</v>
      </c>
      <c r="D2193" s="4" t="s">
        <v>11316</v>
      </c>
      <c r="E2193" s="4" t="s">
        <v>11317</v>
      </c>
      <c r="F2193" s="4" t="s">
        <v>11318</v>
      </c>
      <c r="G2193" s="4" t="s">
        <v>11319</v>
      </c>
    </row>
    <row r="2194" spans="1:11" x14ac:dyDescent="0.3">
      <c r="A2194" s="1">
        <v>16576</v>
      </c>
    </row>
    <row r="2195" spans="1:11" ht="72" x14ac:dyDescent="0.3">
      <c r="A2195" s="1">
        <v>16581</v>
      </c>
      <c r="D2195" s="4" t="s">
        <v>11320</v>
      </c>
      <c r="E2195" s="4" t="s">
        <v>11321</v>
      </c>
      <c r="F2195" s="4" t="s">
        <v>11322</v>
      </c>
      <c r="G2195" s="4" t="s">
        <v>11323</v>
      </c>
      <c r="H2195" s="4" t="s">
        <v>11324</v>
      </c>
    </row>
    <row r="2196" spans="1:11" ht="86.4" x14ac:dyDescent="0.3">
      <c r="A2196" s="1">
        <v>16596</v>
      </c>
      <c r="C2196" s="4" t="s">
        <v>11325</v>
      </c>
      <c r="H2196" s="4" t="s">
        <v>11326</v>
      </c>
      <c r="K2196" s="4" t="s">
        <v>11327</v>
      </c>
    </row>
    <row r="2197" spans="1:11" ht="43.2" x14ac:dyDescent="0.3">
      <c r="A2197" s="1">
        <v>16606</v>
      </c>
      <c r="E2197" s="4" t="s">
        <v>11328</v>
      </c>
      <c r="K2197" s="4" t="s">
        <v>11329</v>
      </c>
    </row>
    <row r="2198" spans="1:11" ht="86.4" x14ac:dyDescent="0.3">
      <c r="A2198" s="1">
        <v>16611</v>
      </c>
      <c r="C2198" s="4" t="s">
        <v>11330</v>
      </c>
      <c r="D2198" s="4" t="s">
        <v>11331</v>
      </c>
      <c r="E2198" s="4" t="s">
        <v>11332</v>
      </c>
      <c r="F2198" s="4" t="s">
        <v>11333</v>
      </c>
      <c r="G2198" s="4" t="s">
        <v>11334</v>
      </c>
      <c r="H2198" s="4" t="s">
        <v>11335</v>
      </c>
      <c r="I2198" s="4" t="s">
        <v>11336</v>
      </c>
      <c r="K2198" s="4" t="s">
        <v>11337</v>
      </c>
    </row>
    <row r="2199" spans="1:11" ht="57.6" x14ac:dyDescent="0.3">
      <c r="A2199" s="1">
        <v>16626</v>
      </c>
      <c r="C2199" s="4" t="s">
        <v>11338</v>
      </c>
      <c r="D2199" s="4" t="s">
        <v>11339</v>
      </c>
      <c r="G2199" s="4" t="s">
        <v>11340</v>
      </c>
      <c r="H2199" s="4" t="s">
        <v>11341</v>
      </c>
      <c r="I2199" s="4" t="s">
        <v>11342</v>
      </c>
      <c r="K2199" s="4" t="s">
        <v>11343</v>
      </c>
    </row>
    <row r="2200" spans="1:11" ht="86.4" x14ac:dyDescent="0.3">
      <c r="A2200" s="1">
        <v>16641</v>
      </c>
      <c r="C2200" s="4" t="s">
        <v>11344</v>
      </c>
      <c r="D2200" s="4" t="s">
        <v>11345</v>
      </c>
      <c r="G2200" s="4" t="s">
        <v>11346</v>
      </c>
      <c r="I2200" s="4" t="s">
        <v>11347</v>
      </c>
    </row>
    <row r="2201" spans="1:11" ht="72" x14ac:dyDescent="0.3">
      <c r="A2201" s="1">
        <v>16646</v>
      </c>
      <c r="C2201" s="4" t="s">
        <v>11348</v>
      </c>
      <c r="D2201" s="4" t="s">
        <v>11349</v>
      </c>
      <c r="E2201" s="4" t="s">
        <v>11350</v>
      </c>
      <c r="F2201" s="4" t="s">
        <v>11351</v>
      </c>
      <c r="G2201" s="4" t="s">
        <v>11352</v>
      </c>
      <c r="H2201" s="4" t="s">
        <v>11353</v>
      </c>
      <c r="I2201" s="4" t="s">
        <v>11354</v>
      </c>
      <c r="J2201" s="4" t="s">
        <v>11355</v>
      </c>
      <c r="K2201" s="4" t="s">
        <v>1113</v>
      </c>
    </row>
    <row r="2202" spans="1:11" ht="43.2" x14ac:dyDescent="0.3">
      <c r="A2202" s="1">
        <v>16651</v>
      </c>
      <c r="C2202" s="4" t="s">
        <v>11356</v>
      </c>
    </row>
    <row r="2203" spans="1:11" ht="86.4" x14ac:dyDescent="0.3">
      <c r="A2203" s="1">
        <v>16656</v>
      </c>
      <c r="C2203" s="4" t="s">
        <v>11357</v>
      </c>
      <c r="D2203" s="4" t="s">
        <v>11358</v>
      </c>
      <c r="E2203" s="4" t="s">
        <v>11359</v>
      </c>
      <c r="G2203" s="4" t="s">
        <v>11360</v>
      </c>
      <c r="H2203" s="4" t="s">
        <v>11361</v>
      </c>
      <c r="I2203" s="4" t="s">
        <v>11362</v>
      </c>
      <c r="J2203" s="4" t="s">
        <v>11363</v>
      </c>
      <c r="K2203" s="4" t="s">
        <v>11364</v>
      </c>
    </row>
    <row r="2204" spans="1:11" ht="86.4" x14ac:dyDescent="0.3">
      <c r="A2204" s="1">
        <v>16661</v>
      </c>
      <c r="C2204" s="4" t="s">
        <v>11365</v>
      </c>
      <c r="D2204" s="4" t="s">
        <v>11366</v>
      </c>
      <c r="E2204" s="4" t="s">
        <v>11367</v>
      </c>
      <c r="F2204" s="4" t="s">
        <v>11368</v>
      </c>
      <c r="G2204" s="4" t="s">
        <v>11369</v>
      </c>
      <c r="H2204" s="4" t="s">
        <v>11370</v>
      </c>
      <c r="I2204" s="4" t="s">
        <v>11371</v>
      </c>
      <c r="K2204" s="4" t="s">
        <v>11372</v>
      </c>
    </row>
    <row r="2205" spans="1:11" ht="86.4" x14ac:dyDescent="0.3">
      <c r="A2205" s="1">
        <v>16671</v>
      </c>
      <c r="C2205" s="4" t="s">
        <v>11373</v>
      </c>
      <c r="D2205" s="4" t="s">
        <v>11374</v>
      </c>
      <c r="E2205" s="4" t="s">
        <v>11375</v>
      </c>
      <c r="F2205" s="4" t="s">
        <v>11376</v>
      </c>
      <c r="G2205" s="4" t="s">
        <v>11377</v>
      </c>
      <c r="H2205" s="4" t="s">
        <v>11378</v>
      </c>
      <c r="J2205" s="4" t="s">
        <v>11379</v>
      </c>
      <c r="K2205" s="4" t="s">
        <v>11380</v>
      </c>
    </row>
    <row r="2206" spans="1:11" ht="57.6" x14ac:dyDescent="0.3">
      <c r="A2206" s="1">
        <v>16676</v>
      </c>
      <c r="C2206" s="4" t="s">
        <v>11381</v>
      </c>
      <c r="D2206" s="4" t="s">
        <v>11382</v>
      </c>
      <c r="E2206" s="4" t="s">
        <v>11383</v>
      </c>
      <c r="F2206" s="4" t="s">
        <v>11384</v>
      </c>
      <c r="G2206" s="4" t="s">
        <v>11385</v>
      </c>
      <c r="H2206" s="4" t="s">
        <v>11386</v>
      </c>
      <c r="I2206" s="4" t="s">
        <v>11387</v>
      </c>
      <c r="K2206" s="4" t="s">
        <v>11388</v>
      </c>
    </row>
    <row r="2207" spans="1:11" ht="86.4" x14ac:dyDescent="0.3">
      <c r="A2207" s="1">
        <v>16686</v>
      </c>
      <c r="C2207" s="4" t="s">
        <v>11389</v>
      </c>
      <c r="D2207" s="4" t="s">
        <v>11390</v>
      </c>
      <c r="G2207" s="4" t="s">
        <v>11391</v>
      </c>
      <c r="H2207" s="4" t="s">
        <v>11392</v>
      </c>
      <c r="K2207" s="4" t="s">
        <v>11393</v>
      </c>
    </row>
    <row r="2208" spans="1:11" x14ac:dyDescent="0.3">
      <c r="A2208" s="1">
        <v>16691</v>
      </c>
    </row>
    <row r="2209" spans="1:11" ht="86.4" x14ac:dyDescent="0.3">
      <c r="A2209" s="1">
        <v>16696</v>
      </c>
      <c r="C2209" s="4" t="s">
        <v>11394</v>
      </c>
      <c r="D2209" s="4" t="s">
        <v>11395</v>
      </c>
      <c r="E2209" s="4" t="s">
        <v>11396</v>
      </c>
      <c r="F2209" s="4" t="s">
        <v>11397</v>
      </c>
      <c r="G2209" s="4" t="s">
        <v>11398</v>
      </c>
      <c r="H2209" s="4" t="s">
        <v>11399</v>
      </c>
      <c r="I2209" s="4" t="s">
        <v>11400</v>
      </c>
      <c r="K2209" s="4" t="s">
        <v>11401</v>
      </c>
    </row>
    <row r="2210" spans="1:11" ht="72" x14ac:dyDescent="0.3">
      <c r="A2210" s="1">
        <v>16706</v>
      </c>
      <c r="C2210" s="4" t="s">
        <v>11402</v>
      </c>
      <c r="E2210" s="4" t="s">
        <v>11403</v>
      </c>
      <c r="G2210" s="4" t="s">
        <v>11404</v>
      </c>
      <c r="H2210" s="4" t="s">
        <v>11405</v>
      </c>
      <c r="I2210" s="4" t="s">
        <v>11406</v>
      </c>
      <c r="J2210" s="4" t="s">
        <v>11407</v>
      </c>
      <c r="K2210" s="4" t="s">
        <v>11408</v>
      </c>
    </row>
    <row r="2211" spans="1:11" ht="43.2" x14ac:dyDescent="0.3">
      <c r="A2211" s="1">
        <v>16711</v>
      </c>
      <c r="C2211" s="4" t="s">
        <v>11409</v>
      </c>
      <c r="D2211" s="4" t="s">
        <v>11410</v>
      </c>
      <c r="E2211" s="4" t="s">
        <v>11411</v>
      </c>
      <c r="F2211" s="4" t="s">
        <v>11412</v>
      </c>
      <c r="G2211" s="4" t="s">
        <v>11413</v>
      </c>
      <c r="H2211" s="4" t="s">
        <v>11414</v>
      </c>
    </row>
    <row r="2212" spans="1:11" ht="72" x14ac:dyDescent="0.3">
      <c r="A2212" s="1">
        <v>16716</v>
      </c>
      <c r="C2212" s="4" t="s">
        <v>11415</v>
      </c>
      <c r="D2212" s="4" t="s">
        <v>11416</v>
      </c>
      <c r="E2212" s="4" t="s">
        <v>11417</v>
      </c>
      <c r="F2212" s="4" t="s">
        <v>11418</v>
      </c>
      <c r="G2212" s="4" t="s">
        <v>11419</v>
      </c>
      <c r="H2212" s="4" t="s">
        <v>11420</v>
      </c>
      <c r="I2212" s="4" t="s">
        <v>11421</v>
      </c>
      <c r="K2212" s="4" t="s">
        <v>11422</v>
      </c>
    </row>
    <row r="2213" spans="1:11" ht="43.2" x14ac:dyDescent="0.3">
      <c r="A2213" s="1">
        <v>16726</v>
      </c>
      <c r="C2213" s="4" t="s">
        <v>11423</v>
      </c>
      <c r="D2213" s="4" t="s">
        <v>11424</v>
      </c>
      <c r="E2213" s="4" t="s">
        <v>11425</v>
      </c>
      <c r="F2213" s="4" t="s">
        <v>5931</v>
      </c>
      <c r="G2213" s="4" t="s">
        <v>11426</v>
      </c>
      <c r="H2213" s="4" t="s">
        <v>11427</v>
      </c>
    </row>
    <row r="2214" spans="1:11" ht="86.4" x14ac:dyDescent="0.3">
      <c r="A2214" s="1">
        <v>16731</v>
      </c>
      <c r="C2214" s="4" t="s">
        <v>11428</v>
      </c>
      <c r="D2214" s="4" t="s">
        <v>11429</v>
      </c>
      <c r="E2214" s="4" t="s">
        <v>11430</v>
      </c>
      <c r="F2214" s="4" t="s">
        <v>11431</v>
      </c>
      <c r="G2214" s="4" t="s">
        <v>11432</v>
      </c>
      <c r="H2214" s="4" t="s">
        <v>11433</v>
      </c>
      <c r="I2214" s="4" t="s">
        <v>11434</v>
      </c>
      <c r="J2214" s="4" t="s">
        <v>11435</v>
      </c>
      <c r="K2214" s="4" t="s">
        <v>11436</v>
      </c>
    </row>
    <row r="2215" spans="1:11" ht="28.8" x14ac:dyDescent="0.3">
      <c r="A2215" s="1">
        <v>16756</v>
      </c>
      <c r="D2215" s="4" t="s">
        <v>11437</v>
      </c>
      <c r="G2215" s="4" t="s">
        <v>11438</v>
      </c>
    </row>
    <row r="2216" spans="1:11" ht="86.4" x14ac:dyDescent="0.3">
      <c r="A2216" s="1">
        <v>16761</v>
      </c>
      <c r="C2216" s="4" t="s">
        <v>11439</v>
      </c>
      <c r="D2216" s="4" t="s">
        <v>11440</v>
      </c>
      <c r="E2216" s="4" t="s">
        <v>11441</v>
      </c>
      <c r="F2216" s="4" t="s">
        <v>11442</v>
      </c>
      <c r="G2216" s="4" t="s">
        <v>11443</v>
      </c>
      <c r="H2216" s="4" t="s">
        <v>11444</v>
      </c>
      <c r="I2216" s="4" t="s">
        <v>11445</v>
      </c>
      <c r="J2216" s="4" t="s">
        <v>2499</v>
      </c>
      <c r="K2216" s="4" t="s">
        <v>11446</v>
      </c>
    </row>
    <row r="2217" spans="1:11" ht="86.4" x14ac:dyDescent="0.3">
      <c r="A2217" s="1">
        <v>16766</v>
      </c>
      <c r="G2217" s="4" t="s">
        <v>11447</v>
      </c>
      <c r="H2217" s="4" t="s">
        <v>11448</v>
      </c>
      <c r="K2217" s="4" t="s">
        <v>11449</v>
      </c>
    </row>
    <row r="2218" spans="1:11" ht="28.8" x14ac:dyDescent="0.3">
      <c r="A2218" s="1">
        <v>16776</v>
      </c>
      <c r="D2218" s="4" t="s">
        <v>11450</v>
      </c>
      <c r="E2218" s="4" t="s">
        <v>11451</v>
      </c>
      <c r="F2218" s="4" t="s">
        <v>11452</v>
      </c>
      <c r="G2218" s="4" t="s">
        <v>11453</v>
      </c>
      <c r="H2218" s="4" t="s">
        <v>11454</v>
      </c>
    </row>
    <row r="2219" spans="1:11" ht="72" x14ac:dyDescent="0.3">
      <c r="A2219" s="1">
        <v>16781</v>
      </c>
      <c r="C2219" s="4" t="s">
        <v>11455</v>
      </c>
      <c r="D2219" s="4" t="s">
        <v>11456</v>
      </c>
      <c r="E2219" s="4" t="s">
        <v>11457</v>
      </c>
      <c r="G2219" s="4" t="s">
        <v>11458</v>
      </c>
      <c r="H2219" s="4" t="s">
        <v>11459</v>
      </c>
      <c r="I2219" s="4" t="s">
        <v>11460</v>
      </c>
      <c r="K2219" s="4" t="s">
        <v>11461</v>
      </c>
    </row>
    <row r="2220" spans="1:11" ht="86.4" x14ac:dyDescent="0.3">
      <c r="A2220" s="1">
        <v>16786</v>
      </c>
      <c r="B2220" s="1" t="s">
        <v>11462</v>
      </c>
      <c r="C2220" s="4" t="s">
        <v>11463</v>
      </c>
      <c r="D2220" s="4" t="s">
        <v>11464</v>
      </c>
      <c r="E2220" s="4" t="s">
        <v>11465</v>
      </c>
      <c r="F2220" s="4" t="s">
        <v>11466</v>
      </c>
      <c r="G2220" s="4" t="s">
        <v>11467</v>
      </c>
      <c r="H2220" s="4" t="s">
        <v>11468</v>
      </c>
      <c r="I2220" s="4" t="s">
        <v>11469</v>
      </c>
      <c r="K2220" s="4" t="s">
        <v>11470</v>
      </c>
    </row>
    <row r="2221" spans="1:11" x14ac:dyDescent="0.3">
      <c r="A2221" s="1">
        <v>16806</v>
      </c>
    </row>
    <row r="2222" spans="1:11" ht="72" x14ac:dyDescent="0.3">
      <c r="A2222" s="1">
        <v>16811</v>
      </c>
      <c r="C2222" s="4" t="s">
        <v>11471</v>
      </c>
      <c r="D2222" s="4" t="s">
        <v>11472</v>
      </c>
      <c r="G2222" s="4" t="s">
        <v>11473</v>
      </c>
      <c r="H2222" s="4" t="s">
        <v>11474</v>
      </c>
      <c r="I2222" s="4" t="s">
        <v>11475</v>
      </c>
      <c r="K2222" s="4" t="s">
        <v>11476</v>
      </c>
    </row>
    <row r="2223" spans="1:11" ht="86.4" x14ac:dyDescent="0.3">
      <c r="A2223" s="1">
        <v>16816</v>
      </c>
      <c r="C2223" s="4" t="s">
        <v>11477</v>
      </c>
      <c r="E2223" s="4" t="s">
        <v>11478</v>
      </c>
      <c r="F2223" s="4" t="s">
        <v>23183</v>
      </c>
      <c r="G2223" s="4" t="s">
        <v>11479</v>
      </c>
      <c r="H2223" s="4" t="s">
        <v>11480</v>
      </c>
      <c r="I2223" s="4" t="s">
        <v>11481</v>
      </c>
      <c r="K2223" s="4" t="s">
        <v>11482</v>
      </c>
    </row>
    <row r="2224" spans="1:11" ht="72" x14ac:dyDescent="0.3">
      <c r="A2224" s="1">
        <v>16826</v>
      </c>
      <c r="C2224" s="4" t="s">
        <v>11483</v>
      </c>
      <c r="D2224" s="4" t="s">
        <v>11484</v>
      </c>
      <c r="F2224" s="4" t="s">
        <v>7462</v>
      </c>
      <c r="G2224" s="4" t="s">
        <v>11485</v>
      </c>
      <c r="H2224" s="4" t="s">
        <v>11486</v>
      </c>
      <c r="K2224" s="4" t="s">
        <v>11487</v>
      </c>
    </row>
    <row r="2225" spans="1:11" ht="86.4" x14ac:dyDescent="0.3">
      <c r="A2225" s="1">
        <v>16841</v>
      </c>
      <c r="C2225" s="4" t="s">
        <v>11488</v>
      </c>
      <c r="E2225" s="4" t="s">
        <v>11489</v>
      </c>
    </row>
    <row r="2226" spans="1:11" ht="57.6" x14ac:dyDescent="0.3">
      <c r="A2226" s="1">
        <v>16851</v>
      </c>
      <c r="C2226" s="4" t="s">
        <v>11490</v>
      </c>
      <c r="D2226" s="4" t="s">
        <v>11491</v>
      </c>
      <c r="E2226" s="4" t="s">
        <v>11492</v>
      </c>
      <c r="F2226" s="4" t="s">
        <v>11493</v>
      </c>
      <c r="G2226" s="4" t="s">
        <v>11494</v>
      </c>
      <c r="H2226" s="4" t="s">
        <v>11495</v>
      </c>
    </row>
    <row r="2227" spans="1:11" ht="57.6" x14ac:dyDescent="0.3">
      <c r="A2227" s="1">
        <v>16856</v>
      </c>
      <c r="C2227" s="4" t="s">
        <v>11496</v>
      </c>
      <c r="G2227" s="4" t="s">
        <v>11497</v>
      </c>
      <c r="H2227" s="4" t="s">
        <v>11498</v>
      </c>
      <c r="I2227" s="4" t="s">
        <v>11499</v>
      </c>
    </row>
    <row r="2228" spans="1:11" x14ac:dyDescent="0.3">
      <c r="A2228" s="1">
        <v>16861</v>
      </c>
      <c r="C2228" s="4" t="s">
        <v>11500</v>
      </c>
    </row>
    <row r="2229" spans="1:11" x14ac:dyDescent="0.3">
      <c r="A2229" s="1">
        <v>16866</v>
      </c>
    </row>
    <row r="2230" spans="1:11" ht="43.2" x14ac:dyDescent="0.3">
      <c r="A2230" s="1">
        <v>16871</v>
      </c>
      <c r="C2230" s="4" t="s">
        <v>11501</v>
      </c>
      <c r="D2230" s="4" t="s">
        <v>11502</v>
      </c>
      <c r="E2230" s="4" t="s">
        <v>11503</v>
      </c>
      <c r="F2230" s="4" t="s">
        <v>11504</v>
      </c>
      <c r="H2230" s="4" t="s">
        <v>11505</v>
      </c>
    </row>
    <row r="2231" spans="1:11" ht="86.4" x14ac:dyDescent="0.3">
      <c r="A2231" s="1">
        <v>16876</v>
      </c>
      <c r="C2231" s="4" t="s">
        <v>11506</v>
      </c>
      <c r="D2231" s="4" t="s">
        <v>11507</v>
      </c>
      <c r="E2231" s="4" t="s">
        <v>11508</v>
      </c>
      <c r="F2231" s="4" t="s">
        <v>11509</v>
      </c>
      <c r="G2231" s="4" t="s">
        <v>11510</v>
      </c>
      <c r="H2231" s="4" t="s">
        <v>11511</v>
      </c>
      <c r="I2231" s="4" t="s">
        <v>11512</v>
      </c>
      <c r="K2231" s="4" t="s">
        <v>11513</v>
      </c>
    </row>
    <row r="2232" spans="1:11" ht="86.4" x14ac:dyDescent="0.3">
      <c r="A2232" s="1">
        <v>16881</v>
      </c>
      <c r="C2232" s="4" t="s">
        <v>11514</v>
      </c>
      <c r="E2232" s="4" t="s">
        <v>11515</v>
      </c>
      <c r="F2232" s="4" t="s">
        <v>11516</v>
      </c>
      <c r="G2232" s="4" t="s">
        <v>11517</v>
      </c>
      <c r="H2232" s="4" t="s">
        <v>11518</v>
      </c>
      <c r="I2232" s="4" t="s">
        <v>11519</v>
      </c>
      <c r="K2232" s="4" t="s">
        <v>11520</v>
      </c>
    </row>
    <row r="2233" spans="1:11" ht="43.2" x14ac:dyDescent="0.3">
      <c r="A2233" s="1">
        <v>16886</v>
      </c>
      <c r="C2233" s="4" t="s">
        <v>11521</v>
      </c>
      <c r="D2233" s="4" t="s">
        <v>11522</v>
      </c>
      <c r="G2233" s="4" t="s">
        <v>11523</v>
      </c>
      <c r="H2233" s="4" t="s">
        <v>11524</v>
      </c>
      <c r="I2233" s="4" t="s">
        <v>11525</v>
      </c>
      <c r="K2233" s="4" t="s">
        <v>11526</v>
      </c>
    </row>
    <row r="2234" spans="1:11" ht="86.4" x14ac:dyDescent="0.3">
      <c r="A2234" s="1">
        <v>16891</v>
      </c>
      <c r="C2234" s="4" t="s">
        <v>11527</v>
      </c>
      <c r="D2234" s="4" t="s">
        <v>11528</v>
      </c>
      <c r="E2234" s="4" t="s">
        <v>11529</v>
      </c>
      <c r="F2234" s="4" t="s">
        <v>11530</v>
      </c>
      <c r="G2234" s="4" t="s">
        <v>11531</v>
      </c>
      <c r="H2234" s="4" t="s">
        <v>11532</v>
      </c>
      <c r="I2234" s="4" t="s">
        <v>11533</v>
      </c>
      <c r="K2234" s="4" t="s">
        <v>11534</v>
      </c>
    </row>
    <row r="2235" spans="1:11" ht="43.2" x14ac:dyDescent="0.3">
      <c r="A2235" s="1">
        <v>16896</v>
      </c>
      <c r="K2235" s="4" t="s">
        <v>11535</v>
      </c>
    </row>
    <row r="2236" spans="1:11" ht="57.6" x14ac:dyDescent="0.3">
      <c r="A2236" s="1">
        <v>16911</v>
      </c>
      <c r="C2236" s="4" t="s">
        <v>11536</v>
      </c>
      <c r="D2236" s="4" t="s">
        <v>11537</v>
      </c>
      <c r="F2236" s="4" t="s">
        <v>11538</v>
      </c>
      <c r="H2236" s="4" t="s">
        <v>11539</v>
      </c>
      <c r="I2236" s="4" t="s">
        <v>11540</v>
      </c>
      <c r="K2236" s="4" t="s">
        <v>11541</v>
      </c>
    </row>
    <row r="2237" spans="1:11" ht="72" x14ac:dyDescent="0.3">
      <c r="A2237" s="1">
        <v>16916</v>
      </c>
      <c r="D2237" s="4" t="s">
        <v>11542</v>
      </c>
      <c r="E2237" s="4" t="s">
        <v>11543</v>
      </c>
      <c r="I2237" s="4" t="s">
        <v>11544</v>
      </c>
      <c r="J2237" s="4" t="s">
        <v>11545</v>
      </c>
    </row>
    <row r="2238" spans="1:11" ht="86.4" x14ac:dyDescent="0.3">
      <c r="A2238" s="1">
        <v>16921</v>
      </c>
      <c r="C2238" s="4" t="s">
        <v>11546</v>
      </c>
      <c r="D2238" s="4" t="s">
        <v>11547</v>
      </c>
      <c r="E2238" s="4" t="s">
        <v>11548</v>
      </c>
      <c r="F2238" s="4" t="s">
        <v>11549</v>
      </c>
      <c r="G2238" s="4" t="s">
        <v>11550</v>
      </c>
      <c r="H2238" s="4" t="s">
        <v>11551</v>
      </c>
      <c r="I2238" s="4" t="s">
        <v>11552</v>
      </c>
      <c r="K2238" s="4" t="s">
        <v>11553</v>
      </c>
    </row>
    <row r="2239" spans="1:11" ht="86.4" x14ac:dyDescent="0.3">
      <c r="A2239" s="1">
        <v>16931</v>
      </c>
      <c r="C2239" s="4" t="s">
        <v>11554</v>
      </c>
      <c r="D2239" s="4" t="s">
        <v>11555</v>
      </c>
      <c r="E2239" s="4" t="s">
        <v>11556</v>
      </c>
      <c r="F2239" s="4" t="s">
        <v>11556</v>
      </c>
      <c r="G2239" s="4" t="s">
        <v>11557</v>
      </c>
      <c r="H2239" s="4" t="s">
        <v>11558</v>
      </c>
      <c r="K2239" s="4" t="s">
        <v>11559</v>
      </c>
    </row>
    <row r="2240" spans="1:11" ht="72" x14ac:dyDescent="0.3">
      <c r="A2240" s="1">
        <v>16941</v>
      </c>
      <c r="C2240" s="4" t="s">
        <v>11560</v>
      </c>
    </row>
    <row r="2241" spans="1:11" ht="43.2" x14ac:dyDescent="0.3">
      <c r="A2241" s="1">
        <v>16951</v>
      </c>
      <c r="C2241" s="4" t="s">
        <v>11561</v>
      </c>
      <c r="D2241" s="4" t="s">
        <v>11562</v>
      </c>
      <c r="E2241" s="4" t="s">
        <v>11563</v>
      </c>
      <c r="G2241" s="4" t="s">
        <v>11564</v>
      </c>
      <c r="H2241" s="4" t="s">
        <v>11565</v>
      </c>
      <c r="K2241" s="4" t="s">
        <v>11566</v>
      </c>
    </row>
    <row r="2242" spans="1:11" x14ac:dyDescent="0.3">
      <c r="A2242" s="1">
        <v>16956</v>
      </c>
      <c r="C2242" s="4" t="s">
        <v>11567</v>
      </c>
    </row>
    <row r="2243" spans="1:11" ht="72" x14ac:dyDescent="0.3">
      <c r="A2243" s="1">
        <v>16966</v>
      </c>
      <c r="D2243" s="4" t="s">
        <v>11568</v>
      </c>
      <c r="G2243" s="4" t="s">
        <v>11569</v>
      </c>
      <c r="H2243" s="4" t="s">
        <v>11570</v>
      </c>
      <c r="I2243" s="4" t="s">
        <v>11571</v>
      </c>
      <c r="K2243" s="4" t="s">
        <v>11572</v>
      </c>
    </row>
    <row r="2244" spans="1:11" x14ac:dyDescent="0.3">
      <c r="A2244" s="1">
        <v>16971</v>
      </c>
    </row>
    <row r="2245" spans="1:11" ht="72" x14ac:dyDescent="0.3">
      <c r="A2245" s="1">
        <v>16976</v>
      </c>
      <c r="C2245" s="4" t="s">
        <v>11573</v>
      </c>
      <c r="G2245" s="4" t="s">
        <v>11574</v>
      </c>
      <c r="I2245" s="4" t="s">
        <v>11575</v>
      </c>
      <c r="K2245" s="4" t="s">
        <v>11576</v>
      </c>
    </row>
    <row r="2246" spans="1:11" s="5" customFormat="1" ht="86.4" x14ac:dyDescent="0.3">
      <c r="A2246" s="5">
        <v>16986</v>
      </c>
      <c r="C2246" s="6" t="s">
        <v>11577</v>
      </c>
      <c r="D2246" s="6"/>
      <c r="E2246" s="6"/>
      <c r="F2246" s="6"/>
      <c r="G2246" s="6" t="s">
        <v>11578</v>
      </c>
      <c r="H2246" s="6" t="s">
        <v>11579</v>
      </c>
      <c r="I2246" s="6"/>
      <c r="J2246" s="6"/>
      <c r="K2246" s="6" t="s">
        <v>11580</v>
      </c>
    </row>
    <row r="2247" spans="1:11" ht="72" x14ac:dyDescent="0.3">
      <c r="A2247" s="1">
        <v>16991</v>
      </c>
      <c r="C2247" s="4" t="s">
        <v>11581</v>
      </c>
      <c r="D2247" s="4" t="s">
        <v>11582</v>
      </c>
      <c r="H2247" s="4" t="s">
        <v>11583</v>
      </c>
      <c r="I2247" s="4" t="s">
        <v>11584</v>
      </c>
      <c r="K2247" s="4" t="s">
        <v>11585</v>
      </c>
    </row>
    <row r="2248" spans="1:11" ht="86.4" x14ac:dyDescent="0.3">
      <c r="A2248" s="1">
        <v>16996</v>
      </c>
      <c r="C2248" s="4" t="s">
        <v>11586</v>
      </c>
      <c r="D2248" s="4" t="s">
        <v>11587</v>
      </c>
      <c r="E2248" s="4" t="s">
        <v>11588</v>
      </c>
      <c r="F2248" s="4" t="s">
        <v>11589</v>
      </c>
      <c r="G2248" s="4" t="s">
        <v>11590</v>
      </c>
      <c r="H2248" s="4" t="s">
        <v>11591</v>
      </c>
      <c r="I2248" s="4" t="s">
        <v>11592</v>
      </c>
      <c r="J2248" s="4" t="s">
        <v>11593</v>
      </c>
      <c r="K2248" s="4" t="s">
        <v>11594</v>
      </c>
    </row>
    <row r="2249" spans="1:11" ht="43.2" x14ac:dyDescent="0.3">
      <c r="A2249" s="1">
        <v>17001</v>
      </c>
      <c r="C2249" s="4" t="s">
        <v>11595</v>
      </c>
      <c r="D2249" s="4" t="s">
        <v>11596</v>
      </c>
      <c r="G2249" s="4" t="s">
        <v>11597</v>
      </c>
    </row>
    <row r="2250" spans="1:11" ht="86.4" x14ac:dyDescent="0.3">
      <c r="A2250" s="1">
        <v>17006</v>
      </c>
      <c r="C2250" s="4" t="s">
        <v>11598</v>
      </c>
      <c r="F2250" s="4" t="s">
        <v>11599</v>
      </c>
      <c r="G2250" s="4" t="s">
        <v>11600</v>
      </c>
      <c r="H2250" s="4" t="s">
        <v>11601</v>
      </c>
      <c r="I2250" s="4" t="s">
        <v>11602</v>
      </c>
      <c r="K2250" s="4" t="s">
        <v>11603</v>
      </c>
    </row>
    <row r="2251" spans="1:11" ht="72" x14ac:dyDescent="0.3">
      <c r="A2251" s="1">
        <v>17026</v>
      </c>
      <c r="C2251" s="4" t="s">
        <v>11604</v>
      </c>
      <c r="D2251" s="4" t="s">
        <v>11605</v>
      </c>
      <c r="E2251" s="4" t="s">
        <v>11606</v>
      </c>
      <c r="F2251" s="4" t="s">
        <v>11607</v>
      </c>
      <c r="G2251" s="4" t="s">
        <v>11608</v>
      </c>
      <c r="H2251" s="4" t="s">
        <v>11609</v>
      </c>
      <c r="I2251" s="4" t="s">
        <v>11610</v>
      </c>
      <c r="K2251" s="4" t="s">
        <v>11611</v>
      </c>
    </row>
    <row r="2252" spans="1:11" ht="57.6" x14ac:dyDescent="0.3">
      <c r="A2252" s="1">
        <v>17031</v>
      </c>
      <c r="C2252" s="4" t="s">
        <v>11612</v>
      </c>
      <c r="D2252" s="4" t="s">
        <v>11613</v>
      </c>
      <c r="E2252" s="4" t="s">
        <v>11614</v>
      </c>
      <c r="F2252" s="4" t="s">
        <v>11615</v>
      </c>
      <c r="G2252" s="4" t="s">
        <v>11616</v>
      </c>
      <c r="H2252" s="4" t="s">
        <v>11617</v>
      </c>
      <c r="I2252" s="4" t="s">
        <v>11618</v>
      </c>
      <c r="J2252" s="4" t="s">
        <v>11619</v>
      </c>
      <c r="K2252" s="4" t="s">
        <v>11620</v>
      </c>
    </row>
    <row r="2253" spans="1:11" ht="72" x14ac:dyDescent="0.3">
      <c r="A2253" s="1">
        <v>17036</v>
      </c>
      <c r="J2253" s="4" t="s">
        <v>11621</v>
      </c>
      <c r="K2253" s="4" t="s">
        <v>11622</v>
      </c>
    </row>
    <row r="2254" spans="1:11" ht="86.4" x14ac:dyDescent="0.3">
      <c r="A2254" s="1">
        <v>17051</v>
      </c>
      <c r="C2254" s="4" t="s">
        <v>11623</v>
      </c>
      <c r="D2254" s="4" t="s">
        <v>11624</v>
      </c>
      <c r="E2254" s="4" t="s">
        <v>11625</v>
      </c>
      <c r="F2254" s="4" t="s">
        <v>11626</v>
      </c>
      <c r="G2254" s="4" t="s">
        <v>11627</v>
      </c>
      <c r="H2254" s="4" t="s">
        <v>11627</v>
      </c>
      <c r="I2254" s="4" t="s">
        <v>11628</v>
      </c>
      <c r="K2254" s="4" t="s">
        <v>11629</v>
      </c>
    </row>
    <row r="2255" spans="1:11" ht="86.4" x14ac:dyDescent="0.3">
      <c r="A2255" s="1">
        <v>17056</v>
      </c>
      <c r="C2255" s="4" t="s">
        <v>11630</v>
      </c>
      <c r="D2255" s="4" t="s">
        <v>11631</v>
      </c>
      <c r="E2255" s="4" t="s">
        <v>11632</v>
      </c>
      <c r="F2255" s="4" t="s">
        <v>11633</v>
      </c>
      <c r="G2255" s="4" t="s">
        <v>11634</v>
      </c>
      <c r="H2255" s="4" t="s">
        <v>11635</v>
      </c>
      <c r="I2255" s="4" t="s">
        <v>11636</v>
      </c>
      <c r="J2255" s="4" t="s">
        <v>11637</v>
      </c>
      <c r="K2255" s="4" t="s">
        <v>11638</v>
      </c>
    </row>
    <row r="2256" spans="1:11" x14ac:dyDescent="0.3">
      <c r="A2256" s="1">
        <v>17061</v>
      </c>
    </row>
    <row r="2257" spans="1:11" ht="86.4" x14ac:dyDescent="0.3">
      <c r="A2257" s="1">
        <v>17076</v>
      </c>
      <c r="C2257" s="4" t="s">
        <v>11639</v>
      </c>
      <c r="E2257" s="4" t="s">
        <v>11640</v>
      </c>
      <c r="F2257" s="4" t="s">
        <v>11641</v>
      </c>
      <c r="H2257" s="4" t="s">
        <v>11642</v>
      </c>
    </row>
    <row r="2258" spans="1:11" ht="86.4" x14ac:dyDescent="0.3">
      <c r="A2258" s="1">
        <v>17081</v>
      </c>
      <c r="C2258" s="4" t="s">
        <v>11643</v>
      </c>
      <c r="D2258" s="4" t="s">
        <v>11644</v>
      </c>
      <c r="E2258" s="4" t="s">
        <v>11645</v>
      </c>
      <c r="F2258" s="4" t="s">
        <v>11646</v>
      </c>
      <c r="G2258" s="4" t="s">
        <v>11647</v>
      </c>
      <c r="K2258" s="4" t="s">
        <v>11645</v>
      </c>
    </row>
    <row r="2259" spans="1:11" ht="86.4" x14ac:dyDescent="0.3">
      <c r="A2259" s="1">
        <v>17091</v>
      </c>
      <c r="D2259" s="4" t="s">
        <v>11648</v>
      </c>
      <c r="E2259" s="4" t="s">
        <v>11649</v>
      </c>
      <c r="F2259" s="4" t="s">
        <v>11650</v>
      </c>
      <c r="G2259" s="4" t="s">
        <v>11651</v>
      </c>
      <c r="H2259" s="4" t="s">
        <v>11652</v>
      </c>
      <c r="J2259" s="4" t="s">
        <v>11653</v>
      </c>
      <c r="K2259" s="4" t="s">
        <v>11654</v>
      </c>
    </row>
    <row r="2260" spans="1:11" ht="57.6" x14ac:dyDescent="0.3">
      <c r="A2260" s="1">
        <v>17096</v>
      </c>
      <c r="C2260" s="4" t="s">
        <v>11655</v>
      </c>
      <c r="D2260" s="4" t="s">
        <v>11656</v>
      </c>
      <c r="E2260" s="4" t="s">
        <v>11657</v>
      </c>
      <c r="G2260" s="4" t="s">
        <v>11658</v>
      </c>
      <c r="H2260" s="4" t="s">
        <v>11659</v>
      </c>
    </row>
    <row r="2261" spans="1:11" ht="28.8" x14ac:dyDescent="0.3">
      <c r="A2261" s="1">
        <v>17101</v>
      </c>
      <c r="E2261" s="4" t="s">
        <v>11660</v>
      </c>
    </row>
    <row r="2262" spans="1:11" ht="57.6" x14ac:dyDescent="0.3">
      <c r="A2262" s="1">
        <v>17111</v>
      </c>
      <c r="C2262" s="4" t="s">
        <v>11661</v>
      </c>
      <c r="J2262" s="4" t="s">
        <v>11662</v>
      </c>
      <c r="K2262" s="4" t="s">
        <v>11663</v>
      </c>
    </row>
    <row r="2263" spans="1:11" ht="86.4" x14ac:dyDescent="0.3">
      <c r="A2263" s="1">
        <v>17116</v>
      </c>
      <c r="C2263" s="4" t="s">
        <v>11664</v>
      </c>
      <c r="D2263" s="4" t="s">
        <v>11665</v>
      </c>
      <c r="E2263" s="4" t="s">
        <v>11666</v>
      </c>
      <c r="G2263" s="4" t="s">
        <v>11667</v>
      </c>
      <c r="H2263" s="4" t="s">
        <v>11667</v>
      </c>
      <c r="K2263" s="4" t="s">
        <v>11668</v>
      </c>
    </row>
    <row r="2264" spans="1:11" ht="86.4" x14ac:dyDescent="0.3">
      <c r="A2264" s="1">
        <v>17121</v>
      </c>
      <c r="C2264" s="4" t="s">
        <v>11669</v>
      </c>
      <c r="D2264" s="4" t="s">
        <v>11670</v>
      </c>
      <c r="E2264" s="4" t="s">
        <v>11671</v>
      </c>
      <c r="F2264" s="4" t="s">
        <v>11672</v>
      </c>
      <c r="G2264" s="4" t="s">
        <v>11673</v>
      </c>
      <c r="H2264" s="4" t="s">
        <v>11674</v>
      </c>
      <c r="I2264" s="4" t="s">
        <v>11675</v>
      </c>
      <c r="K2264" s="4" t="s">
        <v>11676</v>
      </c>
    </row>
    <row r="2265" spans="1:11" ht="72" x14ac:dyDescent="0.3">
      <c r="A2265" s="1">
        <v>17126</v>
      </c>
      <c r="D2265" s="4" t="s">
        <v>11677</v>
      </c>
      <c r="E2265" s="4" t="s">
        <v>11678</v>
      </c>
      <c r="G2265" s="4" t="s">
        <v>11679</v>
      </c>
      <c r="H2265" s="4" t="s">
        <v>11680</v>
      </c>
      <c r="I2265" s="4" t="s">
        <v>11681</v>
      </c>
      <c r="J2265" s="4" t="s">
        <v>11682</v>
      </c>
      <c r="K2265" s="4" t="s">
        <v>11683</v>
      </c>
    </row>
    <row r="2266" spans="1:11" ht="28.8" x14ac:dyDescent="0.3">
      <c r="A2266" s="1">
        <v>17136</v>
      </c>
      <c r="D2266" s="4" t="s">
        <v>11684</v>
      </c>
      <c r="J2266" s="4" t="s">
        <v>11685</v>
      </c>
    </row>
    <row r="2267" spans="1:11" ht="72" x14ac:dyDescent="0.3">
      <c r="A2267" s="1">
        <v>17151</v>
      </c>
      <c r="C2267" s="4" t="s">
        <v>11686</v>
      </c>
      <c r="D2267" s="4" t="s">
        <v>11687</v>
      </c>
      <c r="F2267" s="4" t="s">
        <v>11688</v>
      </c>
      <c r="I2267" s="4" t="s">
        <v>11689</v>
      </c>
      <c r="K2267" s="4" t="s">
        <v>11690</v>
      </c>
    </row>
    <row r="2268" spans="1:11" x14ac:dyDescent="0.3">
      <c r="A2268" s="1">
        <v>17156</v>
      </c>
    </row>
    <row r="2269" spans="1:11" ht="86.4" x14ac:dyDescent="0.3">
      <c r="A2269" s="1">
        <v>17161</v>
      </c>
      <c r="D2269" s="4" t="s">
        <v>11691</v>
      </c>
    </row>
    <row r="2270" spans="1:11" ht="43.2" x14ac:dyDescent="0.3">
      <c r="A2270" s="1">
        <v>17166</v>
      </c>
      <c r="D2270" s="4" t="s">
        <v>11692</v>
      </c>
      <c r="E2270" s="4" t="s">
        <v>11693</v>
      </c>
      <c r="F2270" s="4" t="s">
        <v>11694</v>
      </c>
      <c r="G2270" s="4" t="s">
        <v>11695</v>
      </c>
      <c r="H2270" s="4" t="s">
        <v>11696</v>
      </c>
      <c r="J2270" s="4" t="s">
        <v>11697</v>
      </c>
    </row>
    <row r="2271" spans="1:11" x14ac:dyDescent="0.3">
      <c r="A2271" s="1">
        <v>17176</v>
      </c>
    </row>
    <row r="2272" spans="1:11" ht="86.4" x14ac:dyDescent="0.3">
      <c r="A2272" s="1">
        <v>17181</v>
      </c>
      <c r="C2272" s="4" t="s">
        <v>11698</v>
      </c>
      <c r="D2272" s="4" t="s">
        <v>11699</v>
      </c>
      <c r="F2272" s="4" t="s">
        <v>11700</v>
      </c>
    </row>
    <row r="2273" spans="1:11" ht="86.4" x14ac:dyDescent="0.3">
      <c r="A2273" s="1">
        <v>17186</v>
      </c>
      <c r="C2273" s="4" t="s">
        <v>11701</v>
      </c>
      <c r="D2273" s="4" t="s">
        <v>11702</v>
      </c>
      <c r="E2273" s="4" t="s">
        <v>11703</v>
      </c>
      <c r="F2273" s="4" t="s">
        <v>11704</v>
      </c>
      <c r="G2273" s="4" t="s">
        <v>11705</v>
      </c>
      <c r="H2273" s="4" t="s">
        <v>11706</v>
      </c>
      <c r="I2273" s="4" t="s">
        <v>11707</v>
      </c>
    </row>
    <row r="2274" spans="1:11" ht="57.6" x14ac:dyDescent="0.3">
      <c r="A2274" s="1">
        <v>17191</v>
      </c>
      <c r="C2274" s="4" t="s">
        <v>11708</v>
      </c>
      <c r="D2274" s="4" t="s">
        <v>11709</v>
      </c>
      <c r="E2274" s="4" t="s">
        <v>11710</v>
      </c>
      <c r="F2274" s="4" t="s">
        <v>1370</v>
      </c>
      <c r="G2274" s="4" t="s">
        <v>11711</v>
      </c>
      <c r="H2274" s="4" t="s">
        <v>11712</v>
      </c>
      <c r="K2274" s="4" t="s">
        <v>11713</v>
      </c>
    </row>
    <row r="2275" spans="1:11" ht="57.6" x14ac:dyDescent="0.3">
      <c r="A2275" s="1">
        <v>17206</v>
      </c>
      <c r="D2275" s="4" t="s">
        <v>11714</v>
      </c>
      <c r="E2275" s="4" t="s">
        <v>11715</v>
      </c>
      <c r="F2275" s="4" t="s">
        <v>11716</v>
      </c>
      <c r="G2275" s="4" t="s">
        <v>11717</v>
      </c>
      <c r="H2275" s="4" t="s">
        <v>11718</v>
      </c>
      <c r="K2275" s="4" t="s">
        <v>11719</v>
      </c>
    </row>
    <row r="2276" spans="1:11" ht="57.6" x14ac:dyDescent="0.3">
      <c r="A2276" s="1">
        <v>17216</v>
      </c>
      <c r="C2276" s="4" t="s">
        <v>11720</v>
      </c>
      <c r="D2276" s="4" t="s">
        <v>11721</v>
      </c>
      <c r="E2276" s="4" t="s">
        <v>11722</v>
      </c>
      <c r="F2276" s="4" t="s">
        <v>11723</v>
      </c>
      <c r="G2276" s="4" t="s">
        <v>11724</v>
      </c>
      <c r="H2276" s="4" t="s">
        <v>11725</v>
      </c>
      <c r="I2276" s="4" t="s">
        <v>11726</v>
      </c>
      <c r="K2276" s="4" t="s">
        <v>11727</v>
      </c>
    </row>
    <row r="2277" spans="1:11" ht="72" x14ac:dyDescent="0.3">
      <c r="A2277" s="1">
        <v>17221</v>
      </c>
      <c r="C2277" s="4" t="s">
        <v>23128</v>
      </c>
      <c r="D2277" s="4" t="s">
        <v>11728</v>
      </c>
      <c r="E2277" s="4" t="s">
        <v>11729</v>
      </c>
      <c r="F2277" s="4" t="s">
        <v>11730</v>
      </c>
      <c r="G2277" s="4" t="s">
        <v>11731</v>
      </c>
    </row>
    <row r="2278" spans="1:11" x14ac:dyDescent="0.3">
      <c r="A2278" s="1">
        <v>17226</v>
      </c>
      <c r="D2278" s="4" t="s">
        <v>11732</v>
      </c>
      <c r="G2278" s="4" t="s">
        <v>11733</v>
      </c>
    </row>
    <row r="2279" spans="1:11" ht="86.4" x14ac:dyDescent="0.3">
      <c r="A2279" s="1">
        <v>17236</v>
      </c>
      <c r="C2279" s="4" t="s">
        <v>11734</v>
      </c>
      <c r="D2279" s="4" t="s">
        <v>11735</v>
      </c>
      <c r="E2279" s="4" t="s">
        <v>11736</v>
      </c>
      <c r="G2279" s="4" t="s">
        <v>11737</v>
      </c>
      <c r="K2279" s="4" t="s">
        <v>11738</v>
      </c>
    </row>
    <row r="2280" spans="1:11" x14ac:dyDescent="0.3">
      <c r="A2280" s="1">
        <v>17241</v>
      </c>
    </row>
    <row r="2281" spans="1:11" ht="115.2" x14ac:dyDescent="0.3">
      <c r="A2281" s="1">
        <v>17246</v>
      </c>
      <c r="C2281" s="4" t="s">
        <v>11739</v>
      </c>
      <c r="E2281" s="4" t="s">
        <v>11740</v>
      </c>
    </row>
    <row r="2282" spans="1:11" ht="86.4" x14ac:dyDescent="0.3">
      <c r="A2282" s="1">
        <v>17251</v>
      </c>
      <c r="C2282" s="4" t="s">
        <v>11741</v>
      </c>
      <c r="D2282" s="4" t="s">
        <v>11742</v>
      </c>
      <c r="E2282" s="4" t="s">
        <v>11743</v>
      </c>
      <c r="F2282" s="4" t="s">
        <v>11744</v>
      </c>
      <c r="G2282" s="4" t="s">
        <v>11745</v>
      </c>
      <c r="H2282" s="4" t="s">
        <v>11746</v>
      </c>
      <c r="K2282" s="4" t="s">
        <v>11747</v>
      </c>
    </row>
    <row r="2283" spans="1:11" ht="86.4" x14ac:dyDescent="0.3">
      <c r="A2283" s="1">
        <v>17256</v>
      </c>
      <c r="C2283" s="4" t="s">
        <v>11748</v>
      </c>
      <c r="D2283" s="4" t="s">
        <v>11749</v>
      </c>
      <c r="E2283" s="4" t="s">
        <v>11750</v>
      </c>
      <c r="F2283" s="4" t="s">
        <v>11751</v>
      </c>
      <c r="G2283" s="4" t="s">
        <v>11752</v>
      </c>
      <c r="H2283" s="4" t="s">
        <v>11753</v>
      </c>
      <c r="I2283" s="4" t="s">
        <v>23150</v>
      </c>
      <c r="K2283" s="4" t="s">
        <v>11754</v>
      </c>
    </row>
    <row r="2284" spans="1:11" ht="100.8" x14ac:dyDescent="0.3">
      <c r="A2284" s="1">
        <v>17261</v>
      </c>
      <c r="F2284" s="4" t="s">
        <v>11755</v>
      </c>
      <c r="G2284" s="4" t="s">
        <v>11756</v>
      </c>
      <c r="H2284" s="4" t="s">
        <v>11757</v>
      </c>
      <c r="I2284" s="4" t="s">
        <v>11758</v>
      </c>
      <c r="J2284" s="4" t="s">
        <v>11759</v>
      </c>
      <c r="K2284" s="4" t="s">
        <v>11760</v>
      </c>
    </row>
    <row r="2285" spans="1:11" ht="28.8" x14ac:dyDescent="0.3">
      <c r="A2285" s="1">
        <v>17266</v>
      </c>
      <c r="C2285" s="4" t="s">
        <v>11761</v>
      </c>
      <c r="E2285" s="4" t="s">
        <v>11762</v>
      </c>
      <c r="F2285" s="4" t="s">
        <v>11763</v>
      </c>
      <c r="G2285" s="4" t="s">
        <v>11764</v>
      </c>
      <c r="H2285" s="4" t="s">
        <v>11765</v>
      </c>
    </row>
    <row r="2286" spans="1:11" ht="57.6" x14ac:dyDescent="0.3">
      <c r="A2286" s="1">
        <v>17271</v>
      </c>
      <c r="C2286" s="4" t="s">
        <v>23129</v>
      </c>
      <c r="D2286" s="4" t="s">
        <v>11766</v>
      </c>
    </row>
    <row r="2287" spans="1:11" ht="86.4" x14ac:dyDescent="0.3">
      <c r="A2287" s="1">
        <v>17286</v>
      </c>
      <c r="C2287" s="4" t="s">
        <v>11767</v>
      </c>
      <c r="D2287" s="4" t="s">
        <v>11768</v>
      </c>
      <c r="E2287" s="4" t="s">
        <v>11769</v>
      </c>
      <c r="F2287" s="4" t="s">
        <v>11770</v>
      </c>
      <c r="G2287" s="4" t="s">
        <v>11771</v>
      </c>
      <c r="H2287" s="4" t="s">
        <v>11772</v>
      </c>
      <c r="K2287" s="4" t="s">
        <v>11773</v>
      </c>
    </row>
    <row r="2288" spans="1:11" ht="100.8" x14ac:dyDescent="0.3">
      <c r="A2288" s="1">
        <v>17296</v>
      </c>
      <c r="C2288" s="4" t="s">
        <v>11774</v>
      </c>
      <c r="D2288" s="4" t="s">
        <v>11775</v>
      </c>
      <c r="E2288" s="4" t="s">
        <v>11776</v>
      </c>
      <c r="F2288" s="4" t="s">
        <v>11777</v>
      </c>
      <c r="J2288" s="4" t="s">
        <v>11778</v>
      </c>
      <c r="K2288" s="4" t="s">
        <v>11779</v>
      </c>
    </row>
    <row r="2289" spans="1:11" ht="72" x14ac:dyDescent="0.3">
      <c r="A2289" s="1">
        <v>17301</v>
      </c>
      <c r="D2289" s="4" t="s">
        <v>11780</v>
      </c>
      <c r="E2289" s="4" t="s">
        <v>11781</v>
      </c>
      <c r="F2289" s="4" t="s">
        <v>11782</v>
      </c>
      <c r="G2289" s="4" t="s">
        <v>11783</v>
      </c>
      <c r="H2289" s="4" t="s">
        <v>11784</v>
      </c>
      <c r="I2289" s="4" t="s">
        <v>11785</v>
      </c>
      <c r="K2289" s="4" t="s">
        <v>11782</v>
      </c>
    </row>
    <row r="2290" spans="1:11" ht="86.4" x14ac:dyDescent="0.3">
      <c r="A2290" s="1">
        <v>17306</v>
      </c>
      <c r="C2290" s="4" t="s">
        <v>11786</v>
      </c>
      <c r="D2290" s="4" t="s">
        <v>11787</v>
      </c>
      <c r="E2290" s="4" t="s">
        <v>11788</v>
      </c>
      <c r="F2290" s="4" t="s">
        <v>11789</v>
      </c>
      <c r="G2290" s="4" t="s">
        <v>11790</v>
      </c>
      <c r="H2290" s="4" t="s">
        <v>11791</v>
      </c>
      <c r="I2290" s="4" t="s">
        <v>11792</v>
      </c>
      <c r="K2290" s="4" t="s">
        <v>11789</v>
      </c>
    </row>
    <row r="2291" spans="1:11" ht="100.8" x14ac:dyDescent="0.3">
      <c r="A2291" s="1">
        <v>17311</v>
      </c>
      <c r="C2291" s="4" t="s">
        <v>11793</v>
      </c>
      <c r="D2291" s="4" t="s">
        <v>11794</v>
      </c>
      <c r="E2291" s="4" t="s">
        <v>11795</v>
      </c>
      <c r="F2291" s="4" t="s">
        <v>11796</v>
      </c>
      <c r="G2291" s="4" t="s">
        <v>11797</v>
      </c>
      <c r="H2291" s="4" t="s">
        <v>11798</v>
      </c>
      <c r="I2291" s="4" t="s">
        <v>11799</v>
      </c>
      <c r="K2291" s="4" t="s">
        <v>11800</v>
      </c>
    </row>
    <row r="2292" spans="1:11" ht="43.2" x14ac:dyDescent="0.3">
      <c r="A2292" s="1">
        <v>17331</v>
      </c>
      <c r="D2292" s="4" t="s">
        <v>11801</v>
      </c>
      <c r="E2292" s="4" t="s">
        <v>11802</v>
      </c>
      <c r="F2292" s="4" t="s">
        <v>11803</v>
      </c>
    </row>
    <row r="2293" spans="1:11" ht="86.4" x14ac:dyDescent="0.3">
      <c r="A2293" s="1">
        <v>17336</v>
      </c>
      <c r="F2293" s="4" t="s">
        <v>11804</v>
      </c>
    </row>
    <row r="2294" spans="1:11" ht="43.2" x14ac:dyDescent="0.3">
      <c r="A2294" s="1">
        <v>17341</v>
      </c>
      <c r="C2294" s="4" t="s">
        <v>11805</v>
      </c>
      <c r="D2294" s="4" t="s">
        <v>11806</v>
      </c>
      <c r="E2294" s="4" t="s">
        <v>11807</v>
      </c>
      <c r="F2294" s="4" t="s">
        <v>11808</v>
      </c>
      <c r="G2294" s="4" t="s">
        <v>11809</v>
      </c>
      <c r="I2294" s="4" t="s">
        <v>11810</v>
      </c>
      <c r="K2294" s="4" t="s">
        <v>11811</v>
      </c>
    </row>
    <row r="2295" spans="1:11" x14ac:dyDescent="0.3">
      <c r="A2295" s="1">
        <v>17351</v>
      </c>
    </row>
    <row r="2296" spans="1:11" ht="86.4" x14ac:dyDescent="0.3">
      <c r="A2296" s="1">
        <v>17356</v>
      </c>
      <c r="D2296" s="4" t="s">
        <v>11812</v>
      </c>
      <c r="E2296" s="4" t="s">
        <v>11813</v>
      </c>
      <c r="F2296" s="4" t="s">
        <v>11814</v>
      </c>
      <c r="G2296" s="4" t="s">
        <v>11815</v>
      </c>
      <c r="H2296" s="4" t="s">
        <v>11816</v>
      </c>
      <c r="I2296" s="4" t="s">
        <v>11817</v>
      </c>
    </row>
    <row r="2297" spans="1:11" ht="43.2" x14ac:dyDescent="0.3">
      <c r="A2297" s="1">
        <v>17361</v>
      </c>
      <c r="C2297" s="4" t="s">
        <v>11818</v>
      </c>
      <c r="E2297" s="4" t="s">
        <v>11819</v>
      </c>
      <c r="F2297" s="4" t="s">
        <v>11820</v>
      </c>
      <c r="G2297" s="4" t="s">
        <v>11821</v>
      </c>
    </row>
    <row r="2298" spans="1:11" ht="86.4" x14ac:dyDescent="0.3">
      <c r="A2298" s="1">
        <v>17366</v>
      </c>
      <c r="C2298" s="4" t="s">
        <v>11822</v>
      </c>
      <c r="D2298" s="4" t="s">
        <v>11823</v>
      </c>
      <c r="E2298" s="4" t="s">
        <v>11824</v>
      </c>
      <c r="F2298" s="4" t="s">
        <v>11825</v>
      </c>
      <c r="I2298" s="4" t="s">
        <v>11826</v>
      </c>
      <c r="K2298" s="4" t="s">
        <v>11826</v>
      </c>
    </row>
    <row r="2299" spans="1:11" ht="28.8" x14ac:dyDescent="0.3">
      <c r="A2299" s="1">
        <v>17371</v>
      </c>
      <c r="C2299" s="4" t="s">
        <v>11827</v>
      </c>
      <c r="D2299" s="4" t="s">
        <v>11828</v>
      </c>
      <c r="E2299" s="4" t="s">
        <v>11829</v>
      </c>
      <c r="F2299" s="4" t="s">
        <v>11830</v>
      </c>
      <c r="G2299" s="4" t="s">
        <v>11831</v>
      </c>
      <c r="H2299" s="4" t="s">
        <v>11832</v>
      </c>
      <c r="I2299" s="4" t="s">
        <v>11833</v>
      </c>
      <c r="K2299" s="4" t="s">
        <v>11834</v>
      </c>
    </row>
    <row r="2300" spans="1:11" ht="43.2" x14ac:dyDescent="0.3">
      <c r="A2300" s="1">
        <v>17376</v>
      </c>
      <c r="C2300" s="4" t="s">
        <v>11835</v>
      </c>
      <c r="D2300" s="4" t="s">
        <v>11836</v>
      </c>
      <c r="E2300" s="4" t="s">
        <v>11837</v>
      </c>
      <c r="F2300" s="4" t="s">
        <v>11838</v>
      </c>
      <c r="I2300" s="4" t="s">
        <v>11839</v>
      </c>
      <c r="J2300" s="4" t="s">
        <v>11840</v>
      </c>
      <c r="K2300" s="4" t="s">
        <v>11841</v>
      </c>
    </row>
    <row r="2301" spans="1:11" ht="86.4" x14ac:dyDescent="0.3">
      <c r="A2301" s="1">
        <v>17386</v>
      </c>
      <c r="C2301" s="4" t="s">
        <v>11842</v>
      </c>
      <c r="D2301" s="4" t="s">
        <v>11843</v>
      </c>
      <c r="G2301" s="4" t="s">
        <v>11844</v>
      </c>
      <c r="H2301" s="4" t="s">
        <v>11845</v>
      </c>
      <c r="K2301" s="4" t="s">
        <v>11846</v>
      </c>
    </row>
    <row r="2302" spans="1:11" ht="43.2" x14ac:dyDescent="0.3">
      <c r="A2302" s="1">
        <v>17391</v>
      </c>
      <c r="C2302" s="4" t="s">
        <v>11847</v>
      </c>
      <c r="D2302" s="4" t="s">
        <v>11848</v>
      </c>
      <c r="E2302" s="4" t="s">
        <v>11849</v>
      </c>
      <c r="F2302" s="4" t="s">
        <v>11850</v>
      </c>
      <c r="I2302" s="4" t="s">
        <v>11851</v>
      </c>
      <c r="K2302" s="4" t="s">
        <v>11852</v>
      </c>
    </row>
    <row r="2303" spans="1:11" ht="86.4" x14ac:dyDescent="0.3">
      <c r="A2303" s="1">
        <v>17416</v>
      </c>
      <c r="C2303" s="4" t="s">
        <v>11853</v>
      </c>
      <c r="D2303" s="4" t="s">
        <v>11854</v>
      </c>
      <c r="E2303" s="4" t="s">
        <v>11855</v>
      </c>
      <c r="F2303" s="4" t="s">
        <v>11856</v>
      </c>
      <c r="G2303" s="4" t="s">
        <v>11857</v>
      </c>
      <c r="H2303" s="4" t="s">
        <v>11858</v>
      </c>
      <c r="I2303" s="4" t="s">
        <v>11859</v>
      </c>
      <c r="K2303" s="4" t="s">
        <v>11860</v>
      </c>
    </row>
    <row r="2304" spans="1:11" ht="43.2" x14ac:dyDescent="0.3">
      <c r="A2304" s="1">
        <v>17441</v>
      </c>
      <c r="C2304" s="4" t="s">
        <v>11861</v>
      </c>
      <c r="D2304" s="4" t="s">
        <v>11862</v>
      </c>
      <c r="E2304" s="4" t="s">
        <v>11863</v>
      </c>
      <c r="G2304" s="4" t="s">
        <v>11864</v>
      </c>
      <c r="H2304" s="4" t="s">
        <v>11865</v>
      </c>
      <c r="I2304" s="4" t="s">
        <v>11866</v>
      </c>
    </row>
    <row r="2305" spans="1:11" x14ac:dyDescent="0.3">
      <c r="A2305" s="1">
        <v>17456</v>
      </c>
      <c r="C2305" s="4" t="s">
        <v>11867</v>
      </c>
      <c r="D2305" s="4" t="s">
        <v>11868</v>
      </c>
      <c r="E2305" s="4" t="s">
        <v>11869</v>
      </c>
    </row>
    <row r="2306" spans="1:11" ht="72" x14ac:dyDescent="0.3">
      <c r="A2306" s="1">
        <v>17526</v>
      </c>
      <c r="C2306" s="4" t="s">
        <v>11870</v>
      </c>
      <c r="D2306" s="4" t="s">
        <v>11871</v>
      </c>
      <c r="G2306" s="4" t="s">
        <v>11872</v>
      </c>
      <c r="H2306" s="4" t="s">
        <v>11873</v>
      </c>
      <c r="K2306" s="4" t="s">
        <v>11874</v>
      </c>
    </row>
    <row r="2307" spans="1:11" ht="72" x14ac:dyDescent="0.3">
      <c r="A2307" s="1">
        <v>17531</v>
      </c>
      <c r="C2307" s="4" t="s">
        <v>11875</v>
      </c>
      <c r="D2307" s="4" t="s">
        <v>11876</v>
      </c>
      <c r="E2307" s="4" t="s">
        <v>11877</v>
      </c>
      <c r="F2307" s="4" t="s">
        <v>11878</v>
      </c>
      <c r="G2307" s="4" t="s">
        <v>11879</v>
      </c>
      <c r="H2307" s="4" t="s">
        <v>11880</v>
      </c>
      <c r="K2307" s="4" t="s">
        <v>11881</v>
      </c>
    </row>
    <row r="2308" spans="1:11" x14ac:dyDescent="0.3">
      <c r="A2308" s="1">
        <v>17561</v>
      </c>
    </row>
    <row r="2309" spans="1:11" x14ac:dyDescent="0.3">
      <c r="A2309" s="1">
        <v>17566</v>
      </c>
    </row>
    <row r="2310" spans="1:11" ht="172.8" x14ac:dyDescent="0.3">
      <c r="A2310" s="1">
        <v>17591</v>
      </c>
      <c r="C2310" s="4" t="s">
        <v>11882</v>
      </c>
      <c r="D2310" s="4" t="s">
        <v>11883</v>
      </c>
      <c r="E2310" s="4" t="s">
        <v>11884</v>
      </c>
      <c r="F2310" s="4" t="s">
        <v>11885</v>
      </c>
      <c r="G2310" s="4" t="s">
        <v>11886</v>
      </c>
      <c r="H2310" s="4" t="s">
        <v>11887</v>
      </c>
      <c r="I2310" s="4" t="s">
        <v>11888</v>
      </c>
      <c r="J2310" s="4" t="s">
        <v>11889</v>
      </c>
      <c r="K2310" s="4" t="s">
        <v>11890</v>
      </c>
    </row>
    <row r="2311" spans="1:11" ht="72" x14ac:dyDescent="0.3">
      <c r="A2311" s="1">
        <v>17611</v>
      </c>
      <c r="C2311" s="4" t="s">
        <v>11891</v>
      </c>
      <c r="D2311" s="4" t="s">
        <v>11892</v>
      </c>
      <c r="E2311" s="4" t="s">
        <v>11893</v>
      </c>
      <c r="F2311" s="4" t="s">
        <v>11894</v>
      </c>
      <c r="G2311" s="4" t="s">
        <v>11895</v>
      </c>
      <c r="H2311" s="4" t="s">
        <v>11896</v>
      </c>
      <c r="I2311" s="4" t="s">
        <v>11897</v>
      </c>
      <c r="K2311" s="4" t="s">
        <v>11898</v>
      </c>
    </row>
    <row r="2312" spans="1:11" ht="28.8" x14ac:dyDescent="0.3">
      <c r="A2312" s="1">
        <v>17636</v>
      </c>
      <c r="K2312" s="4" t="s">
        <v>11899</v>
      </c>
    </row>
    <row r="2313" spans="1:11" ht="28.8" x14ac:dyDescent="0.3">
      <c r="A2313" s="1">
        <v>17651</v>
      </c>
      <c r="E2313" s="4" t="s">
        <v>11900</v>
      </c>
      <c r="F2313" s="4" t="s">
        <v>11901</v>
      </c>
      <c r="G2313" s="4" t="s">
        <v>11902</v>
      </c>
      <c r="H2313" s="4" t="s">
        <v>11903</v>
      </c>
      <c r="K2313" s="4" t="s">
        <v>11904</v>
      </c>
    </row>
    <row r="2314" spans="1:11" x14ac:dyDescent="0.3">
      <c r="A2314" s="1">
        <v>17661</v>
      </c>
      <c r="C2314" s="4" t="s">
        <v>11905</v>
      </c>
      <c r="D2314" s="4" t="s">
        <v>11906</v>
      </c>
      <c r="E2314" s="4" t="s">
        <v>11907</v>
      </c>
    </row>
    <row r="2315" spans="1:11" x14ac:dyDescent="0.3">
      <c r="A2315" s="1">
        <v>17676</v>
      </c>
      <c r="C2315" s="4" t="s">
        <v>11908</v>
      </c>
      <c r="D2315" s="4" t="s">
        <v>11909</v>
      </c>
    </row>
    <row r="2316" spans="1:11" x14ac:dyDescent="0.3">
      <c r="A2316" s="1">
        <v>17696</v>
      </c>
    </row>
    <row r="2317" spans="1:11" x14ac:dyDescent="0.3">
      <c r="A2317" s="1">
        <v>17711</v>
      </c>
    </row>
    <row r="2318" spans="1:11" ht="28.8" x14ac:dyDescent="0.3">
      <c r="A2318" s="1">
        <v>17716</v>
      </c>
      <c r="C2318" s="4" t="s">
        <v>11910</v>
      </c>
      <c r="E2318" s="4" t="s">
        <v>11911</v>
      </c>
    </row>
    <row r="2319" spans="1:11" ht="28.8" x14ac:dyDescent="0.3">
      <c r="A2319" s="1">
        <v>17721</v>
      </c>
      <c r="C2319" s="4" t="s">
        <v>11912</v>
      </c>
      <c r="D2319" s="4" t="s">
        <v>11913</v>
      </c>
      <c r="E2319" s="4" t="s">
        <v>11914</v>
      </c>
      <c r="F2319" s="4" t="s">
        <v>11915</v>
      </c>
      <c r="G2319" s="4" t="s">
        <v>11916</v>
      </c>
      <c r="H2319" s="4" t="s">
        <v>11917</v>
      </c>
      <c r="I2319" s="4" t="s">
        <v>11917</v>
      </c>
      <c r="K2319" s="4" t="s">
        <v>11918</v>
      </c>
    </row>
    <row r="2320" spans="1:11" ht="86.4" x14ac:dyDescent="0.3">
      <c r="A2320" s="1">
        <v>17726</v>
      </c>
      <c r="C2320" s="4" t="s">
        <v>11919</v>
      </c>
      <c r="D2320" s="4" t="s">
        <v>11920</v>
      </c>
      <c r="F2320" s="4" t="s">
        <v>11921</v>
      </c>
      <c r="H2320" s="4" t="s">
        <v>11922</v>
      </c>
      <c r="I2320" s="4" t="s">
        <v>11923</v>
      </c>
      <c r="K2320" s="4" t="s">
        <v>11924</v>
      </c>
    </row>
    <row r="2321" spans="1:11" ht="57.6" x14ac:dyDescent="0.3">
      <c r="A2321" s="1">
        <v>17746</v>
      </c>
      <c r="D2321" s="4" t="s">
        <v>11925</v>
      </c>
      <c r="H2321" s="4" t="s">
        <v>11926</v>
      </c>
    </row>
    <row r="2322" spans="1:11" ht="28.8" x14ac:dyDescent="0.3">
      <c r="A2322" s="1">
        <v>17751</v>
      </c>
      <c r="D2322" s="4" t="s">
        <v>11927</v>
      </c>
      <c r="G2322" s="4" t="s">
        <v>11928</v>
      </c>
      <c r="H2322" s="4" t="s">
        <v>11929</v>
      </c>
      <c r="K2322" s="4" t="s">
        <v>11930</v>
      </c>
    </row>
    <row r="2323" spans="1:11" ht="86.4" x14ac:dyDescent="0.3">
      <c r="A2323" s="1">
        <v>17761</v>
      </c>
      <c r="C2323" s="4" t="s">
        <v>11931</v>
      </c>
      <c r="D2323" s="4" t="s">
        <v>11932</v>
      </c>
      <c r="E2323" s="4" t="s">
        <v>11933</v>
      </c>
      <c r="F2323" s="4" t="s">
        <v>11934</v>
      </c>
      <c r="G2323" s="4" t="s">
        <v>11935</v>
      </c>
      <c r="H2323" s="4" t="s">
        <v>11936</v>
      </c>
      <c r="I2323" s="4" t="s">
        <v>11937</v>
      </c>
      <c r="K2323" s="4" t="s">
        <v>11938</v>
      </c>
    </row>
    <row r="2324" spans="1:11" ht="72" x14ac:dyDescent="0.3">
      <c r="A2324" s="1">
        <v>17766</v>
      </c>
      <c r="C2324" s="4" t="s">
        <v>11939</v>
      </c>
      <c r="D2324" s="4" t="s">
        <v>11940</v>
      </c>
      <c r="E2324" s="4" t="s">
        <v>11941</v>
      </c>
      <c r="F2324" s="4" t="s">
        <v>11942</v>
      </c>
      <c r="H2324" s="4" t="s">
        <v>11943</v>
      </c>
      <c r="J2324" s="4" t="s">
        <v>11944</v>
      </c>
    </row>
    <row r="2325" spans="1:11" ht="86.4" x14ac:dyDescent="0.3">
      <c r="A2325" s="1">
        <v>17771</v>
      </c>
      <c r="C2325" s="4" t="s">
        <v>11945</v>
      </c>
      <c r="D2325" s="4" t="s">
        <v>11946</v>
      </c>
      <c r="E2325" s="4" t="s">
        <v>11947</v>
      </c>
      <c r="F2325" s="4" t="s">
        <v>11948</v>
      </c>
      <c r="G2325" s="4" t="s">
        <v>11949</v>
      </c>
      <c r="H2325" s="4" t="s">
        <v>11950</v>
      </c>
      <c r="I2325" s="4" t="s">
        <v>11951</v>
      </c>
      <c r="K2325" s="4" t="s">
        <v>11952</v>
      </c>
    </row>
    <row r="2326" spans="1:11" ht="86.4" x14ac:dyDescent="0.3">
      <c r="A2326" s="1">
        <v>17776</v>
      </c>
      <c r="C2326" s="4" t="s">
        <v>11953</v>
      </c>
      <c r="D2326" s="4" t="s">
        <v>11954</v>
      </c>
      <c r="E2326" s="4" t="s">
        <v>11955</v>
      </c>
      <c r="F2326" s="4" t="s">
        <v>11956</v>
      </c>
      <c r="G2326" s="4" t="s">
        <v>11957</v>
      </c>
      <c r="H2326" s="4" t="s">
        <v>11958</v>
      </c>
      <c r="I2326" s="4" t="s">
        <v>11959</v>
      </c>
      <c r="K2326" s="4" t="s">
        <v>11960</v>
      </c>
    </row>
    <row r="2327" spans="1:11" ht="43.2" x14ac:dyDescent="0.3">
      <c r="A2327" s="1">
        <v>17781</v>
      </c>
      <c r="D2327" s="4" t="s">
        <v>11961</v>
      </c>
      <c r="E2327" s="4" t="s">
        <v>11962</v>
      </c>
      <c r="F2327" s="4" t="s">
        <v>11963</v>
      </c>
      <c r="I2327" s="4" t="s">
        <v>11964</v>
      </c>
    </row>
    <row r="2328" spans="1:11" ht="43.2" x14ac:dyDescent="0.3">
      <c r="A2328" s="1">
        <v>17786</v>
      </c>
      <c r="C2328" s="4" t="s">
        <v>11965</v>
      </c>
      <c r="D2328" s="4" t="s">
        <v>11966</v>
      </c>
      <c r="E2328" s="4" t="s">
        <v>11967</v>
      </c>
      <c r="G2328" s="4" t="s">
        <v>11968</v>
      </c>
      <c r="H2328" s="4" t="s">
        <v>11969</v>
      </c>
      <c r="I2328" s="4" t="s">
        <v>11970</v>
      </c>
    </row>
    <row r="2329" spans="1:11" ht="86.4" x14ac:dyDescent="0.3">
      <c r="A2329" s="1">
        <v>17796</v>
      </c>
      <c r="C2329" s="4" t="s">
        <v>11971</v>
      </c>
      <c r="D2329" s="4" t="s">
        <v>11972</v>
      </c>
      <c r="F2329" s="4" t="s">
        <v>11973</v>
      </c>
      <c r="I2329" s="4" t="s">
        <v>11974</v>
      </c>
      <c r="K2329" s="4" t="s">
        <v>11975</v>
      </c>
    </row>
    <row r="2330" spans="1:11" ht="57.6" x14ac:dyDescent="0.3">
      <c r="A2330" s="1">
        <v>17806</v>
      </c>
      <c r="C2330" s="4" t="s">
        <v>11976</v>
      </c>
      <c r="D2330" s="4" t="s">
        <v>11977</v>
      </c>
      <c r="E2330" s="4" t="s">
        <v>11978</v>
      </c>
      <c r="F2330" s="4" t="s">
        <v>11979</v>
      </c>
      <c r="G2330" s="4" t="s">
        <v>11980</v>
      </c>
      <c r="H2330" s="4" t="s">
        <v>11981</v>
      </c>
      <c r="I2330" s="4" t="s">
        <v>11982</v>
      </c>
      <c r="K2330" s="4" t="s">
        <v>11983</v>
      </c>
    </row>
    <row r="2331" spans="1:11" ht="43.2" x14ac:dyDescent="0.3">
      <c r="A2331" s="1">
        <v>17811</v>
      </c>
      <c r="D2331" s="4" t="s">
        <v>11984</v>
      </c>
      <c r="E2331" s="4" t="s">
        <v>11985</v>
      </c>
      <c r="F2331" s="4" t="s">
        <v>11986</v>
      </c>
    </row>
    <row r="2332" spans="1:11" ht="86.4" x14ac:dyDescent="0.3">
      <c r="A2332" s="1">
        <v>17846</v>
      </c>
      <c r="C2332" s="4" t="s">
        <v>11987</v>
      </c>
      <c r="D2332" s="4" t="s">
        <v>11988</v>
      </c>
      <c r="E2332" s="4" t="s">
        <v>11989</v>
      </c>
      <c r="F2332" s="4" t="s">
        <v>11990</v>
      </c>
      <c r="G2332" s="4" t="s">
        <v>11991</v>
      </c>
      <c r="H2332" s="4" t="s">
        <v>11992</v>
      </c>
      <c r="I2332" s="4" t="s">
        <v>11993</v>
      </c>
      <c r="K2332" s="4" t="s">
        <v>11994</v>
      </c>
    </row>
    <row r="2333" spans="1:11" ht="43.2" x14ac:dyDescent="0.3">
      <c r="A2333" s="1">
        <v>17856</v>
      </c>
      <c r="B2333" s="1" t="s">
        <v>11995</v>
      </c>
      <c r="C2333" s="4" t="s">
        <v>11996</v>
      </c>
      <c r="D2333" s="4" t="s">
        <v>11997</v>
      </c>
      <c r="E2333" s="4" t="s">
        <v>11998</v>
      </c>
      <c r="F2333" s="4" t="s">
        <v>11999</v>
      </c>
      <c r="G2333" s="4" t="s">
        <v>12000</v>
      </c>
      <c r="H2333" s="4" t="s">
        <v>12001</v>
      </c>
      <c r="I2333" s="4" t="s">
        <v>12002</v>
      </c>
      <c r="K2333" s="4" t="s">
        <v>12003</v>
      </c>
    </row>
    <row r="2334" spans="1:11" ht="57.6" x14ac:dyDescent="0.3">
      <c r="A2334" s="1">
        <v>17866</v>
      </c>
      <c r="C2334" s="4" t="s">
        <v>12004</v>
      </c>
      <c r="D2334" s="4" t="s">
        <v>12005</v>
      </c>
      <c r="E2334" s="4" t="s">
        <v>12006</v>
      </c>
      <c r="F2334" s="4" t="s">
        <v>12007</v>
      </c>
      <c r="G2334" s="4" t="s">
        <v>12008</v>
      </c>
      <c r="H2334" s="4" t="s">
        <v>12009</v>
      </c>
      <c r="I2334" s="4" t="s">
        <v>12010</v>
      </c>
      <c r="K2334" s="4" t="s">
        <v>12011</v>
      </c>
    </row>
    <row r="2335" spans="1:11" ht="72" x14ac:dyDescent="0.3">
      <c r="A2335" s="1">
        <v>17881</v>
      </c>
      <c r="C2335" s="4" t="s">
        <v>12012</v>
      </c>
      <c r="D2335" s="4" t="s">
        <v>12013</v>
      </c>
      <c r="E2335" s="4" t="s">
        <v>12014</v>
      </c>
      <c r="F2335" s="4" t="s">
        <v>12015</v>
      </c>
      <c r="G2335" s="4" t="s">
        <v>12016</v>
      </c>
      <c r="H2335" s="4" t="s">
        <v>12017</v>
      </c>
      <c r="I2335" s="4" t="s">
        <v>12018</v>
      </c>
      <c r="K2335" s="4" t="s">
        <v>12019</v>
      </c>
    </row>
    <row r="2336" spans="1:11" ht="72" x14ac:dyDescent="0.3">
      <c r="A2336" s="1">
        <v>17901</v>
      </c>
      <c r="C2336" s="4" t="s">
        <v>12020</v>
      </c>
      <c r="D2336" s="4" t="s">
        <v>12021</v>
      </c>
      <c r="E2336" s="4" t="s">
        <v>12022</v>
      </c>
      <c r="F2336" s="4" t="s">
        <v>12022</v>
      </c>
      <c r="G2336" s="4" t="s">
        <v>12023</v>
      </c>
      <c r="H2336" s="4" t="s">
        <v>12024</v>
      </c>
      <c r="I2336" s="4" t="s">
        <v>12025</v>
      </c>
      <c r="J2336" s="4" t="s">
        <v>12026</v>
      </c>
      <c r="K2336" s="4" t="s">
        <v>12027</v>
      </c>
    </row>
    <row r="2337" spans="1:11" x14ac:dyDescent="0.3">
      <c r="A2337" s="1">
        <v>17906</v>
      </c>
    </row>
    <row r="2338" spans="1:11" ht="28.8" x14ac:dyDescent="0.3">
      <c r="A2338" s="1">
        <v>17916</v>
      </c>
      <c r="D2338" s="4" t="s">
        <v>12028</v>
      </c>
      <c r="E2338" s="4" t="s">
        <v>12029</v>
      </c>
    </row>
    <row r="2339" spans="1:11" ht="28.8" x14ac:dyDescent="0.3">
      <c r="A2339" s="1">
        <v>17921</v>
      </c>
      <c r="D2339" s="4" t="s">
        <v>12030</v>
      </c>
    </row>
    <row r="2340" spans="1:11" ht="86.4" x14ac:dyDescent="0.3">
      <c r="A2340" s="1">
        <v>17926</v>
      </c>
      <c r="C2340" s="4" t="s">
        <v>12031</v>
      </c>
      <c r="D2340" s="4" t="s">
        <v>12032</v>
      </c>
      <c r="E2340" s="4" t="s">
        <v>12033</v>
      </c>
      <c r="F2340" s="4" t="s">
        <v>12034</v>
      </c>
      <c r="G2340" s="4" t="s">
        <v>12035</v>
      </c>
      <c r="H2340" s="4" t="s">
        <v>12036</v>
      </c>
      <c r="I2340" s="4" t="s">
        <v>12037</v>
      </c>
      <c r="K2340" s="4" t="s">
        <v>12038</v>
      </c>
    </row>
    <row r="2341" spans="1:11" x14ac:dyDescent="0.3">
      <c r="A2341" s="1">
        <v>17956</v>
      </c>
    </row>
    <row r="2342" spans="1:11" ht="86.4" x14ac:dyDescent="0.3">
      <c r="A2342" s="1">
        <v>17961</v>
      </c>
      <c r="C2342" s="4" t="s">
        <v>12039</v>
      </c>
      <c r="D2342" s="4" t="s">
        <v>12040</v>
      </c>
      <c r="G2342" s="4" t="s">
        <v>12041</v>
      </c>
      <c r="H2342" s="4" t="s">
        <v>12042</v>
      </c>
      <c r="K2342" s="4" t="s">
        <v>12043</v>
      </c>
    </row>
    <row r="2343" spans="1:11" ht="57.6" x14ac:dyDescent="0.3">
      <c r="A2343" s="1">
        <v>17986</v>
      </c>
      <c r="C2343" s="4" t="s">
        <v>12044</v>
      </c>
      <c r="D2343" s="4" t="s">
        <v>12045</v>
      </c>
      <c r="F2343" s="4" t="s">
        <v>12046</v>
      </c>
      <c r="G2343" s="4" t="s">
        <v>12047</v>
      </c>
      <c r="H2343" s="4" t="s">
        <v>12048</v>
      </c>
      <c r="K2343" s="4" t="s">
        <v>12049</v>
      </c>
    </row>
    <row r="2344" spans="1:11" ht="86.4" x14ac:dyDescent="0.3">
      <c r="A2344" s="1">
        <v>18001</v>
      </c>
      <c r="C2344" s="4" t="s">
        <v>12050</v>
      </c>
      <c r="D2344" s="4" t="s">
        <v>12051</v>
      </c>
      <c r="E2344" s="4" t="s">
        <v>12052</v>
      </c>
      <c r="F2344" s="4" t="s">
        <v>12053</v>
      </c>
      <c r="G2344" s="4" t="s">
        <v>12054</v>
      </c>
      <c r="H2344" s="4" t="s">
        <v>12055</v>
      </c>
      <c r="K2344" s="4" t="s">
        <v>12056</v>
      </c>
    </row>
    <row r="2345" spans="1:11" ht="86.4" x14ac:dyDescent="0.3">
      <c r="A2345" s="1">
        <v>18006</v>
      </c>
      <c r="C2345" s="4" t="s">
        <v>12057</v>
      </c>
      <c r="D2345" s="4" t="s">
        <v>12058</v>
      </c>
      <c r="E2345" s="4" t="s">
        <v>12059</v>
      </c>
      <c r="F2345" s="4" t="s">
        <v>12060</v>
      </c>
      <c r="G2345" s="4" t="s">
        <v>12061</v>
      </c>
      <c r="H2345" s="4" t="s">
        <v>12062</v>
      </c>
      <c r="K2345" s="4" t="s">
        <v>12063</v>
      </c>
    </row>
    <row r="2346" spans="1:11" ht="86.4" x14ac:dyDescent="0.3">
      <c r="A2346" s="1">
        <v>18016</v>
      </c>
      <c r="C2346" s="4" t="s">
        <v>12064</v>
      </c>
      <c r="D2346" s="4" t="s">
        <v>12065</v>
      </c>
      <c r="E2346" s="4" t="s">
        <v>12066</v>
      </c>
      <c r="F2346" s="4" t="s">
        <v>12067</v>
      </c>
      <c r="G2346" s="4" t="s">
        <v>12068</v>
      </c>
      <c r="H2346" s="4" t="s">
        <v>12069</v>
      </c>
      <c r="I2346" s="4" t="s">
        <v>12070</v>
      </c>
      <c r="J2346" s="4" t="s">
        <v>12071</v>
      </c>
      <c r="K2346" s="4" t="s">
        <v>12072</v>
      </c>
    </row>
    <row r="2347" spans="1:11" ht="72" x14ac:dyDescent="0.3">
      <c r="A2347" s="1">
        <v>18026</v>
      </c>
      <c r="C2347" s="4" t="s">
        <v>12073</v>
      </c>
      <c r="E2347" s="4" t="s">
        <v>12074</v>
      </c>
      <c r="G2347" s="4" t="s">
        <v>12075</v>
      </c>
      <c r="H2347" s="4" t="s">
        <v>12076</v>
      </c>
      <c r="I2347" s="4" t="s">
        <v>12077</v>
      </c>
    </row>
    <row r="2348" spans="1:11" ht="86.4" x14ac:dyDescent="0.3">
      <c r="A2348" s="1">
        <v>18031</v>
      </c>
      <c r="C2348" s="4" t="s">
        <v>12078</v>
      </c>
      <c r="D2348" s="4" t="s">
        <v>12079</v>
      </c>
      <c r="E2348" s="4" t="s">
        <v>12080</v>
      </c>
      <c r="F2348" s="4" t="s">
        <v>12081</v>
      </c>
      <c r="G2348" s="4" t="s">
        <v>12082</v>
      </c>
      <c r="H2348" s="4" t="s">
        <v>12083</v>
      </c>
      <c r="I2348" s="4" t="s">
        <v>12084</v>
      </c>
      <c r="K2348" s="4" t="s">
        <v>12085</v>
      </c>
    </row>
    <row r="2349" spans="1:11" x14ac:dyDescent="0.3">
      <c r="A2349" s="1">
        <v>18041</v>
      </c>
    </row>
    <row r="2350" spans="1:11" ht="72" x14ac:dyDescent="0.3">
      <c r="A2350" s="1">
        <v>18046</v>
      </c>
      <c r="C2350" s="4" t="s">
        <v>12086</v>
      </c>
      <c r="D2350" s="4" t="s">
        <v>12087</v>
      </c>
      <c r="E2350" s="4" t="s">
        <v>12088</v>
      </c>
      <c r="H2350" s="4" t="s">
        <v>12089</v>
      </c>
    </row>
    <row r="2351" spans="1:11" ht="43.2" x14ac:dyDescent="0.3">
      <c r="A2351" s="1">
        <v>18066</v>
      </c>
      <c r="C2351" s="4" t="s">
        <v>12090</v>
      </c>
      <c r="D2351" s="4" t="s">
        <v>12091</v>
      </c>
      <c r="E2351" s="4" t="s">
        <v>12092</v>
      </c>
      <c r="F2351" s="4" t="s">
        <v>12093</v>
      </c>
      <c r="G2351" s="4" t="s">
        <v>12094</v>
      </c>
      <c r="H2351" s="4" t="s">
        <v>12095</v>
      </c>
      <c r="K2351" s="4" t="s">
        <v>12096</v>
      </c>
    </row>
    <row r="2352" spans="1:11" x14ac:dyDescent="0.3">
      <c r="A2352" s="1">
        <v>18071</v>
      </c>
    </row>
    <row r="2353" spans="1:11" x14ac:dyDescent="0.3">
      <c r="A2353" s="1">
        <v>18081</v>
      </c>
    </row>
    <row r="2354" spans="1:11" x14ac:dyDescent="0.3">
      <c r="A2354" s="1">
        <v>18086</v>
      </c>
    </row>
    <row r="2355" spans="1:11" ht="43.2" x14ac:dyDescent="0.3">
      <c r="A2355" s="1">
        <v>18091</v>
      </c>
      <c r="D2355" s="4" t="s">
        <v>12097</v>
      </c>
      <c r="F2355" s="4" t="s">
        <v>12098</v>
      </c>
      <c r="G2355" s="4" t="s">
        <v>12099</v>
      </c>
    </row>
    <row r="2356" spans="1:11" ht="72" x14ac:dyDescent="0.3">
      <c r="A2356" s="1">
        <v>18106</v>
      </c>
      <c r="C2356" s="4" t="s">
        <v>12100</v>
      </c>
      <c r="D2356" s="4" t="s">
        <v>12101</v>
      </c>
      <c r="E2356" s="4" t="s">
        <v>12102</v>
      </c>
      <c r="G2356" s="4" t="s">
        <v>12103</v>
      </c>
      <c r="I2356" s="4" t="s">
        <v>12104</v>
      </c>
    </row>
    <row r="2357" spans="1:11" ht="57.6" x14ac:dyDescent="0.3">
      <c r="A2357" s="1">
        <v>18111</v>
      </c>
      <c r="C2357" s="4" t="s">
        <v>12105</v>
      </c>
      <c r="D2357" s="4" t="s">
        <v>12106</v>
      </c>
      <c r="E2357" s="4" t="s">
        <v>12107</v>
      </c>
      <c r="F2357" s="4" t="s">
        <v>12108</v>
      </c>
      <c r="G2357" s="4" t="s">
        <v>12109</v>
      </c>
      <c r="H2357" s="4" t="s">
        <v>12110</v>
      </c>
      <c r="I2357" s="4" t="s">
        <v>12111</v>
      </c>
      <c r="K2357" s="4" t="s">
        <v>12112</v>
      </c>
    </row>
    <row r="2358" spans="1:11" ht="72" x14ac:dyDescent="0.3">
      <c r="A2358" s="1">
        <v>18126</v>
      </c>
      <c r="C2358" s="4" t="s">
        <v>12113</v>
      </c>
      <c r="D2358" s="4" t="s">
        <v>12114</v>
      </c>
      <c r="F2358" s="4" t="s">
        <v>12115</v>
      </c>
      <c r="G2358" s="4" t="s">
        <v>12116</v>
      </c>
      <c r="H2358" s="4" t="s">
        <v>12117</v>
      </c>
      <c r="K2358" s="4" t="s">
        <v>12118</v>
      </c>
    </row>
    <row r="2359" spans="1:11" ht="43.2" x14ac:dyDescent="0.3">
      <c r="A2359" s="1">
        <v>18136</v>
      </c>
      <c r="C2359" s="4" t="s">
        <v>12119</v>
      </c>
      <c r="D2359" s="4" t="s">
        <v>12120</v>
      </c>
      <c r="E2359" s="4" t="s">
        <v>12121</v>
      </c>
      <c r="F2359" s="4" t="s">
        <v>12122</v>
      </c>
      <c r="G2359" s="4" t="s">
        <v>12123</v>
      </c>
      <c r="H2359" s="4" t="s">
        <v>12124</v>
      </c>
      <c r="J2359" s="4" t="s">
        <v>12125</v>
      </c>
    </row>
    <row r="2360" spans="1:11" ht="72" x14ac:dyDescent="0.3">
      <c r="A2360" s="1">
        <v>18151</v>
      </c>
      <c r="C2360" s="4" t="s">
        <v>12126</v>
      </c>
      <c r="D2360" s="4" t="s">
        <v>12127</v>
      </c>
      <c r="E2360" s="4" t="s">
        <v>12128</v>
      </c>
      <c r="G2360" s="4" t="s">
        <v>12129</v>
      </c>
      <c r="H2360" s="4" t="s">
        <v>12130</v>
      </c>
    </row>
    <row r="2361" spans="1:11" ht="72" x14ac:dyDescent="0.3">
      <c r="A2361" s="1">
        <v>18156</v>
      </c>
      <c r="C2361" s="4" t="s">
        <v>12131</v>
      </c>
      <c r="D2361" s="4" t="s">
        <v>12132</v>
      </c>
      <c r="E2361" s="4" t="s">
        <v>12133</v>
      </c>
      <c r="F2361" s="4" t="s">
        <v>12134</v>
      </c>
      <c r="G2361" s="4" t="s">
        <v>12135</v>
      </c>
      <c r="H2361" s="4" t="s">
        <v>12136</v>
      </c>
      <c r="I2361" s="4" t="s">
        <v>12137</v>
      </c>
      <c r="J2361" s="4" t="s">
        <v>12138</v>
      </c>
      <c r="K2361" s="4" t="s">
        <v>12139</v>
      </c>
    </row>
    <row r="2362" spans="1:11" ht="57.6" x14ac:dyDescent="0.3">
      <c r="A2362" s="1">
        <v>18166</v>
      </c>
      <c r="C2362" s="4" t="s">
        <v>12140</v>
      </c>
      <c r="D2362" s="4" t="s">
        <v>12141</v>
      </c>
      <c r="E2362" s="4" t="s">
        <v>12142</v>
      </c>
      <c r="F2362" s="4" t="s">
        <v>3587</v>
      </c>
      <c r="G2362" s="4" t="s">
        <v>12143</v>
      </c>
      <c r="H2362" s="4" t="s">
        <v>12144</v>
      </c>
      <c r="I2362" s="4" t="s">
        <v>3587</v>
      </c>
      <c r="K2362" s="4" t="s">
        <v>12145</v>
      </c>
    </row>
    <row r="2363" spans="1:11" ht="28.8" x14ac:dyDescent="0.3">
      <c r="A2363" s="1">
        <v>18171</v>
      </c>
      <c r="C2363" s="4" t="s">
        <v>12146</v>
      </c>
      <c r="D2363" s="4" t="s">
        <v>12147</v>
      </c>
      <c r="E2363" s="4" t="s">
        <v>12148</v>
      </c>
      <c r="F2363" s="4" t="s">
        <v>12149</v>
      </c>
      <c r="H2363" s="4" t="s">
        <v>12150</v>
      </c>
    </row>
    <row r="2364" spans="1:11" ht="43.2" x14ac:dyDescent="0.3">
      <c r="A2364" s="1">
        <v>18186</v>
      </c>
      <c r="C2364" s="4" t="s">
        <v>12151</v>
      </c>
      <c r="D2364" s="4" t="s">
        <v>12152</v>
      </c>
      <c r="E2364" s="4" t="s">
        <v>12153</v>
      </c>
    </row>
    <row r="2365" spans="1:11" ht="72" x14ac:dyDescent="0.3">
      <c r="A2365" s="1">
        <v>18206</v>
      </c>
      <c r="C2365" s="4" t="s">
        <v>12154</v>
      </c>
      <c r="D2365" s="4" t="s">
        <v>12155</v>
      </c>
      <c r="H2365" s="4" t="s">
        <v>12156</v>
      </c>
      <c r="I2365" s="4" t="s">
        <v>12157</v>
      </c>
    </row>
    <row r="2366" spans="1:11" ht="86.4" x14ac:dyDescent="0.3">
      <c r="A2366" s="1">
        <v>18211</v>
      </c>
      <c r="C2366" s="4" t="s">
        <v>12158</v>
      </c>
      <c r="D2366" s="4" t="s">
        <v>12159</v>
      </c>
      <c r="E2366" s="4" t="s">
        <v>12160</v>
      </c>
      <c r="F2366" s="4" t="s">
        <v>12161</v>
      </c>
      <c r="H2366" s="4" t="s">
        <v>12162</v>
      </c>
      <c r="I2366" s="4" t="s">
        <v>12163</v>
      </c>
    </row>
    <row r="2367" spans="1:11" ht="86.4" x14ac:dyDescent="0.3">
      <c r="A2367" s="1">
        <v>18216</v>
      </c>
      <c r="D2367" s="4" t="s">
        <v>12164</v>
      </c>
      <c r="E2367" s="4" t="s">
        <v>12165</v>
      </c>
      <c r="F2367" s="4" t="s">
        <v>12166</v>
      </c>
      <c r="G2367" s="4" t="s">
        <v>12167</v>
      </c>
      <c r="H2367" s="4" t="s">
        <v>12168</v>
      </c>
      <c r="K2367" s="4" t="s">
        <v>12169</v>
      </c>
    </row>
    <row r="2368" spans="1:11" x14ac:dyDescent="0.3">
      <c r="A2368" s="1">
        <v>18221</v>
      </c>
      <c r="C2368" s="4" t="s">
        <v>12170</v>
      </c>
      <c r="D2368" s="4" t="s">
        <v>12171</v>
      </c>
      <c r="E2368" s="4" t="s">
        <v>12172</v>
      </c>
      <c r="F2368" s="4" t="s">
        <v>12172</v>
      </c>
      <c r="G2368" s="4" t="s">
        <v>12173</v>
      </c>
      <c r="H2368" s="4" t="s">
        <v>4</v>
      </c>
      <c r="I2368" s="4" t="s">
        <v>12174</v>
      </c>
      <c r="K2368" s="4" t="s">
        <v>97</v>
      </c>
    </row>
    <row r="2369" spans="1:11" ht="43.2" x14ac:dyDescent="0.3">
      <c r="A2369" s="1">
        <v>18231</v>
      </c>
      <c r="E2369" s="4" t="s">
        <v>12175</v>
      </c>
      <c r="F2369" s="4" t="s">
        <v>12176</v>
      </c>
      <c r="G2369" s="4" t="s">
        <v>12177</v>
      </c>
      <c r="H2369" s="4" t="s">
        <v>12178</v>
      </c>
    </row>
    <row r="2370" spans="1:11" ht="72" x14ac:dyDescent="0.3">
      <c r="A2370" s="1">
        <v>18246</v>
      </c>
      <c r="C2370" s="4" t="s">
        <v>12179</v>
      </c>
      <c r="D2370" s="4" t="s">
        <v>12180</v>
      </c>
      <c r="E2370" s="4" t="s">
        <v>12181</v>
      </c>
      <c r="F2370" s="4" t="s">
        <v>12182</v>
      </c>
      <c r="H2370" s="4" t="s">
        <v>12183</v>
      </c>
      <c r="I2370" s="4" t="s">
        <v>12184</v>
      </c>
      <c r="K2370" s="4" t="s">
        <v>12185</v>
      </c>
    </row>
    <row r="2371" spans="1:11" ht="86.4" x14ac:dyDescent="0.3">
      <c r="A2371" s="1">
        <v>18251</v>
      </c>
      <c r="C2371" s="4" t="s">
        <v>12186</v>
      </c>
      <c r="D2371" s="4" t="s">
        <v>12187</v>
      </c>
      <c r="E2371" s="4" t="s">
        <v>12188</v>
      </c>
      <c r="F2371" s="4" t="s">
        <v>12189</v>
      </c>
      <c r="G2371" s="4" t="s">
        <v>12190</v>
      </c>
      <c r="H2371" s="4" t="s">
        <v>12191</v>
      </c>
      <c r="I2371" s="4" t="s">
        <v>12192</v>
      </c>
      <c r="K2371" s="4" t="s">
        <v>12193</v>
      </c>
    </row>
    <row r="2372" spans="1:11" ht="86.4" x14ac:dyDescent="0.3">
      <c r="A2372" s="1">
        <v>18256</v>
      </c>
      <c r="C2372" s="4" t="s">
        <v>12194</v>
      </c>
      <c r="D2372" s="4" t="s">
        <v>12195</v>
      </c>
      <c r="G2372" s="4" t="s">
        <v>12196</v>
      </c>
      <c r="H2372" s="4" t="s">
        <v>12197</v>
      </c>
      <c r="I2372" s="4" t="s">
        <v>12198</v>
      </c>
    </row>
    <row r="2373" spans="1:11" ht="86.4" x14ac:dyDescent="0.3">
      <c r="A2373" s="1">
        <v>18261</v>
      </c>
      <c r="C2373" s="4" t="s">
        <v>23130</v>
      </c>
      <c r="D2373" s="4" t="s">
        <v>12199</v>
      </c>
      <c r="E2373" s="4" t="s">
        <v>12200</v>
      </c>
      <c r="F2373" s="4" t="s">
        <v>12201</v>
      </c>
      <c r="G2373" s="4" t="s">
        <v>12202</v>
      </c>
      <c r="H2373" s="4" t="s">
        <v>12203</v>
      </c>
      <c r="I2373" s="4" t="s">
        <v>12204</v>
      </c>
      <c r="K2373" s="4" t="s">
        <v>12205</v>
      </c>
    </row>
    <row r="2374" spans="1:11" ht="86.4" x14ac:dyDescent="0.3">
      <c r="A2374" s="1">
        <v>18266</v>
      </c>
      <c r="C2374" s="4" t="s">
        <v>23131</v>
      </c>
      <c r="D2374" s="4" t="s">
        <v>12206</v>
      </c>
      <c r="K2374" s="4" t="s">
        <v>12207</v>
      </c>
    </row>
    <row r="2375" spans="1:11" ht="72" x14ac:dyDescent="0.3">
      <c r="A2375" s="1">
        <v>18276</v>
      </c>
      <c r="C2375" s="4" t="s">
        <v>12208</v>
      </c>
      <c r="D2375" s="4" t="s">
        <v>12209</v>
      </c>
      <c r="E2375" s="4" t="s">
        <v>12210</v>
      </c>
      <c r="F2375" s="4" t="s">
        <v>12211</v>
      </c>
      <c r="G2375" s="4" t="s">
        <v>12212</v>
      </c>
      <c r="H2375" s="4" t="s">
        <v>12213</v>
      </c>
      <c r="I2375" s="4" t="s">
        <v>12214</v>
      </c>
      <c r="K2375" s="4" t="s">
        <v>12215</v>
      </c>
    </row>
    <row r="2376" spans="1:11" ht="57.6" x14ac:dyDescent="0.3">
      <c r="A2376" s="1">
        <v>18286</v>
      </c>
      <c r="D2376" s="4" t="s">
        <v>12216</v>
      </c>
      <c r="E2376" s="4" t="s">
        <v>12217</v>
      </c>
      <c r="G2376" s="4" t="s">
        <v>12218</v>
      </c>
      <c r="H2376" s="4" t="s">
        <v>12219</v>
      </c>
    </row>
    <row r="2377" spans="1:11" ht="72" x14ac:dyDescent="0.3">
      <c r="A2377" s="1">
        <v>18291</v>
      </c>
      <c r="C2377" s="4" t="s">
        <v>12220</v>
      </c>
      <c r="D2377" s="4" t="s">
        <v>12221</v>
      </c>
      <c r="E2377" s="4" t="s">
        <v>12222</v>
      </c>
      <c r="F2377" s="4" t="s">
        <v>12223</v>
      </c>
      <c r="H2377" s="4" t="s">
        <v>12224</v>
      </c>
    </row>
    <row r="2378" spans="1:11" ht="43.2" x14ac:dyDescent="0.3">
      <c r="A2378" s="1">
        <v>18296</v>
      </c>
      <c r="C2378" s="4" t="s">
        <v>12225</v>
      </c>
      <c r="G2378" s="4" t="s">
        <v>12226</v>
      </c>
      <c r="H2378" s="4" t="s">
        <v>12227</v>
      </c>
      <c r="I2378" s="4" t="s">
        <v>12228</v>
      </c>
      <c r="K2378" s="4" t="s">
        <v>12229</v>
      </c>
    </row>
    <row r="2379" spans="1:11" ht="57.6" x14ac:dyDescent="0.3">
      <c r="A2379" s="1">
        <v>18301</v>
      </c>
      <c r="D2379" s="4" t="s">
        <v>12230</v>
      </c>
      <c r="E2379" s="4" t="s">
        <v>12231</v>
      </c>
      <c r="F2379" s="4" t="s">
        <v>12232</v>
      </c>
      <c r="G2379" s="4" t="s">
        <v>12233</v>
      </c>
      <c r="H2379" s="4" t="s">
        <v>12234</v>
      </c>
      <c r="K2379" s="4" t="s">
        <v>12235</v>
      </c>
    </row>
    <row r="2380" spans="1:11" ht="86.4" x14ac:dyDescent="0.3">
      <c r="A2380" s="1">
        <v>18306</v>
      </c>
      <c r="C2380" s="4" t="s">
        <v>12236</v>
      </c>
      <c r="D2380" s="4" t="s">
        <v>12237</v>
      </c>
      <c r="E2380" s="4" t="s">
        <v>12238</v>
      </c>
      <c r="F2380" s="4" t="s">
        <v>12239</v>
      </c>
      <c r="G2380" s="4" t="s">
        <v>12240</v>
      </c>
      <c r="H2380" s="4" t="s">
        <v>12241</v>
      </c>
      <c r="I2380" s="4" t="s">
        <v>12242</v>
      </c>
      <c r="K2380" s="4" t="s">
        <v>12243</v>
      </c>
    </row>
    <row r="2381" spans="1:11" ht="86.4" x14ac:dyDescent="0.3">
      <c r="A2381" s="1">
        <v>18311</v>
      </c>
      <c r="C2381" s="4" t="s">
        <v>12244</v>
      </c>
      <c r="D2381" s="4" t="s">
        <v>12245</v>
      </c>
      <c r="F2381" s="4" t="s">
        <v>12246</v>
      </c>
      <c r="I2381" s="4" t="s">
        <v>5676</v>
      </c>
      <c r="J2381" s="4" t="s">
        <v>12247</v>
      </c>
    </row>
    <row r="2382" spans="1:11" ht="28.8" x14ac:dyDescent="0.3">
      <c r="A2382" s="1">
        <v>18316</v>
      </c>
      <c r="C2382" s="4" t="s">
        <v>12248</v>
      </c>
      <c r="D2382" s="4" t="s">
        <v>12249</v>
      </c>
      <c r="E2382" s="4" t="s">
        <v>12250</v>
      </c>
    </row>
    <row r="2383" spans="1:11" ht="86.4" x14ac:dyDescent="0.3">
      <c r="A2383" s="1">
        <v>18321</v>
      </c>
      <c r="C2383" s="4" t="s">
        <v>12251</v>
      </c>
      <c r="D2383" s="4" t="s">
        <v>12252</v>
      </c>
      <c r="E2383" s="4" t="s">
        <v>12253</v>
      </c>
      <c r="F2383" s="4" t="s">
        <v>12254</v>
      </c>
      <c r="G2383" s="4" t="s">
        <v>12255</v>
      </c>
      <c r="H2383" s="4" t="s">
        <v>12256</v>
      </c>
      <c r="I2383" s="4" t="s">
        <v>12257</v>
      </c>
      <c r="J2383" s="4" t="s">
        <v>12258</v>
      </c>
      <c r="K2383" s="4" t="s">
        <v>12259</v>
      </c>
    </row>
    <row r="2384" spans="1:11" ht="72" x14ac:dyDescent="0.3">
      <c r="A2384" s="1">
        <v>18326</v>
      </c>
      <c r="C2384" s="4" t="s">
        <v>12260</v>
      </c>
      <c r="G2384" s="4" t="s">
        <v>12261</v>
      </c>
      <c r="J2384" s="4" t="s">
        <v>12262</v>
      </c>
      <c r="K2384" s="4" t="s">
        <v>12263</v>
      </c>
    </row>
    <row r="2385" spans="1:11" ht="57.6" x14ac:dyDescent="0.3">
      <c r="A2385" s="1">
        <v>18336</v>
      </c>
      <c r="C2385" s="4" t="s">
        <v>12264</v>
      </c>
      <c r="D2385" s="4" t="s">
        <v>12265</v>
      </c>
      <c r="E2385" s="4" t="s">
        <v>12266</v>
      </c>
      <c r="F2385" s="4" t="s">
        <v>12267</v>
      </c>
    </row>
    <row r="2386" spans="1:11" x14ac:dyDescent="0.3">
      <c r="A2386" s="1">
        <v>18341</v>
      </c>
      <c r="C2386" s="4" t="s">
        <v>12268</v>
      </c>
    </row>
    <row r="2387" spans="1:11" ht="86.4" x14ac:dyDescent="0.3">
      <c r="A2387" s="1">
        <v>18346</v>
      </c>
      <c r="C2387" s="4" t="s">
        <v>12269</v>
      </c>
      <c r="D2387" s="4" t="s">
        <v>12270</v>
      </c>
      <c r="E2387" s="4" t="s">
        <v>12271</v>
      </c>
      <c r="G2387" s="4" t="s">
        <v>12272</v>
      </c>
    </row>
    <row r="2388" spans="1:11" ht="86.4" x14ac:dyDescent="0.3">
      <c r="A2388" s="1">
        <v>18351</v>
      </c>
      <c r="C2388" s="4" t="s">
        <v>12273</v>
      </c>
      <c r="D2388" s="4" t="s">
        <v>12274</v>
      </c>
      <c r="G2388" s="4" t="s">
        <v>12275</v>
      </c>
      <c r="H2388" s="4" t="s">
        <v>12276</v>
      </c>
      <c r="J2388" s="4" t="s">
        <v>12277</v>
      </c>
      <c r="K2388" s="4" t="s">
        <v>12278</v>
      </c>
    </row>
    <row r="2389" spans="1:11" ht="86.4" x14ac:dyDescent="0.3">
      <c r="A2389" s="1">
        <v>18371</v>
      </c>
      <c r="D2389" s="4" t="s">
        <v>12279</v>
      </c>
      <c r="E2389" s="4" t="s">
        <v>12280</v>
      </c>
      <c r="F2389" s="4" t="s">
        <v>12281</v>
      </c>
      <c r="G2389" s="4" t="s">
        <v>12282</v>
      </c>
      <c r="H2389" s="4" t="s">
        <v>12283</v>
      </c>
      <c r="I2389" s="4" t="s">
        <v>12284</v>
      </c>
      <c r="K2389" s="4" t="s">
        <v>12285</v>
      </c>
    </row>
    <row r="2390" spans="1:11" ht="86.4" x14ac:dyDescent="0.3">
      <c r="A2390" s="1">
        <v>18376</v>
      </c>
      <c r="C2390" s="4" t="s">
        <v>12286</v>
      </c>
      <c r="D2390" s="4" t="s">
        <v>12287</v>
      </c>
      <c r="E2390" s="4" t="s">
        <v>12288</v>
      </c>
      <c r="F2390" s="4" t="s">
        <v>12289</v>
      </c>
      <c r="G2390" s="4" t="s">
        <v>12290</v>
      </c>
      <c r="H2390" s="4" t="s">
        <v>12291</v>
      </c>
      <c r="I2390" s="4" t="s">
        <v>12292</v>
      </c>
      <c r="K2390" s="4" t="s">
        <v>12293</v>
      </c>
    </row>
    <row r="2391" spans="1:11" ht="86.4" x14ac:dyDescent="0.3">
      <c r="A2391" s="1">
        <v>18381</v>
      </c>
      <c r="C2391" s="4" t="s">
        <v>12294</v>
      </c>
      <c r="D2391" s="4" t="s">
        <v>12295</v>
      </c>
      <c r="E2391" s="4" t="s">
        <v>12296</v>
      </c>
      <c r="K2391" s="4" t="s">
        <v>12297</v>
      </c>
    </row>
    <row r="2392" spans="1:11" ht="86.4" x14ac:dyDescent="0.3">
      <c r="A2392" s="1">
        <v>18386</v>
      </c>
      <c r="C2392" s="4" t="s">
        <v>12298</v>
      </c>
      <c r="D2392" s="4" t="s">
        <v>12299</v>
      </c>
      <c r="E2392" s="4" t="s">
        <v>12300</v>
      </c>
      <c r="F2392" s="4" t="s">
        <v>12301</v>
      </c>
      <c r="G2392" s="4" t="s">
        <v>12302</v>
      </c>
      <c r="I2392" s="4" t="s">
        <v>12303</v>
      </c>
    </row>
    <row r="2393" spans="1:11" ht="86.4" x14ac:dyDescent="0.3">
      <c r="A2393" s="1">
        <v>18396</v>
      </c>
      <c r="C2393" s="4" t="s">
        <v>12304</v>
      </c>
      <c r="D2393" s="4" t="s">
        <v>12305</v>
      </c>
      <c r="E2393" s="4" t="s">
        <v>12306</v>
      </c>
      <c r="F2393" s="4" t="s">
        <v>12307</v>
      </c>
      <c r="G2393" s="4" t="s">
        <v>12308</v>
      </c>
      <c r="H2393" s="4" t="s">
        <v>12309</v>
      </c>
      <c r="I2393" s="4" t="s">
        <v>12310</v>
      </c>
      <c r="K2393" s="4" t="s">
        <v>12311</v>
      </c>
    </row>
    <row r="2394" spans="1:11" x14ac:dyDescent="0.3">
      <c r="A2394" s="1">
        <v>18406</v>
      </c>
    </row>
    <row r="2395" spans="1:11" ht="72" x14ac:dyDescent="0.3">
      <c r="A2395" s="1">
        <v>18416</v>
      </c>
      <c r="C2395" s="4" t="s">
        <v>12312</v>
      </c>
      <c r="D2395" s="4" t="s">
        <v>12313</v>
      </c>
      <c r="I2395" s="4" t="s">
        <v>12314</v>
      </c>
      <c r="K2395" s="4" t="s">
        <v>12315</v>
      </c>
    </row>
    <row r="2396" spans="1:11" x14ac:dyDescent="0.3">
      <c r="A2396" s="1">
        <v>18426</v>
      </c>
    </row>
    <row r="2397" spans="1:11" ht="86.4" x14ac:dyDescent="0.3">
      <c r="A2397" s="1">
        <v>18431</v>
      </c>
      <c r="C2397" s="4" t="s">
        <v>12316</v>
      </c>
      <c r="D2397" s="4" t="s">
        <v>12317</v>
      </c>
      <c r="E2397" s="4" t="s">
        <v>12318</v>
      </c>
      <c r="F2397" s="4" t="s">
        <v>12319</v>
      </c>
      <c r="G2397" s="4" t="s">
        <v>12320</v>
      </c>
      <c r="H2397" s="4" t="s">
        <v>12321</v>
      </c>
      <c r="I2397" s="4" t="s">
        <v>12322</v>
      </c>
      <c r="K2397" s="4" t="s">
        <v>12323</v>
      </c>
    </row>
    <row r="2398" spans="1:11" ht="86.4" x14ac:dyDescent="0.3">
      <c r="A2398" s="1">
        <v>18456</v>
      </c>
      <c r="D2398" s="4" t="s">
        <v>12324</v>
      </c>
      <c r="I2398" s="4" t="s">
        <v>12325</v>
      </c>
      <c r="K2398" s="4" t="s">
        <v>12326</v>
      </c>
    </row>
    <row r="2399" spans="1:11" ht="72" x14ac:dyDescent="0.3">
      <c r="A2399" s="1">
        <v>18466</v>
      </c>
      <c r="C2399" s="4" t="s">
        <v>12327</v>
      </c>
      <c r="D2399" s="4" t="s">
        <v>12328</v>
      </c>
      <c r="E2399" s="4" t="s">
        <v>12329</v>
      </c>
      <c r="F2399" s="4" t="s">
        <v>12330</v>
      </c>
      <c r="G2399" s="4" t="s">
        <v>12331</v>
      </c>
      <c r="H2399" s="4" t="s">
        <v>12332</v>
      </c>
      <c r="I2399" s="4" t="s">
        <v>12333</v>
      </c>
      <c r="K2399" s="4" t="s">
        <v>12334</v>
      </c>
    </row>
    <row r="2400" spans="1:11" ht="86.4" x14ac:dyDescent="0.3">
      <c r="A2400" s="1">
        <v>18471</v>
      </c>
      <c r="C2400" s="4" t="s">
        <v>12335</v>
      </c>
      <c r="D2400" s="4" t="s">
        <v>12336</v>
      </c>
      <c r="E2400" s="4" t="s">
        <v>12337</v>
      </c>
      <c r="F2400" s="4" t="s">
        <v>12338</v>
      </c>
      <c r="G2400" s="4" t="s">
        <v>12339</v>
      </c>
      <c r="H2400" s="4" t="s">
        <v>12340</v>
      </c>
      <c r="K2400" s="4" t="s">
        <v>12341</v>
      </c>
    </row>
    <row r="2401" spans="1:11" ht="72" x14ac:dyDescent="0.3">
      <c r="A2401" s="1">
        <v>18481</v>
      </c>
      <c r="C2401" s="4" t="s">
        <v>12342</v>
      </c>
      <c r="D2401" s="4" t="s">
        <v>12343</v>
      </c>
      <c r="E2401" s="4" t="s">
        <v>12344</v>
      </c>
      <c r="I2401" s="4" t="s">
        <v>12345</v>
      </c>
      <c r="K2401" s="4" t="s">
        <v>12346</v>
      </c>
    </row>
    <row r="2402" spans="1:11" ht="86.4" x14ac:dyDescent="0.3">
      <c r="A2402" s="1">
        <v>18491</v>
      </c>
      <c r="C2402" s="4" t="s">
        <v>12347</v>
      </c>
      <c r="D2402" s="4" t="s">
        <v>12348</v>
      </c>
      <c r="E2402" s="4" t="s">
        <v>12349</v>
      </c>
      <c r="F2402" s="4" t="s">
        <v>12350</v>
      </c>
      <c r="G2402" s="4" t="s">
        <v>12351</v>
      </c>
      <c r="H2402" s="4" t="s">
        <v>12352</v>
      </c>
      <c r="I2402" s="4" t="s">
        <v>12353</v>
      </c>
      <c r="K2402" s="4" t="s">
        <v>12354</v>
      </c>
    </row>
    <row r="2403" spans="1:11" ht="86.4" x14ac:dyDescent="0.3">
      <c r="A2403" s="1">
        <v>18501</v>
      </c>
      <c r="C2403" s="4" t="s">
        <v>12355</v>
      </c>
      <c r="G2403" s="4" t="s">
        <v>12356</v>
      </c>
      <c r="H2403" s="4" t="s">
        <v>12357</v>
      </c>
      <c r="I2403" s="4" t="s">
        <v>12358</v>
      </c>
      <c r="J2403" s="4" t="s">
        <v>12359</v>
      </c>
      <c r="K2403" s="4" t="s">
        <v>12360</v>
      </c>
    </row>
    <row r="2404" spans="1:11" ht="28.8" x14ac:dyDescent="0.3">
      <c r="A2404" s="1">
        <v>18511</v>
      </c>
      <c r="C2404" s="4" t="s">
        <v>12361</v>
      </c>
      <c r="D2404" s="4" t="s">
        <v>12362</v>
      </c>
      <c r="E2404" s="4" t="s">
        <v>12363</v>
      </c>
      <c r="F2404" s="4" t="s">
        <v>12364</v>
      </c>
      <c r="G2404" s="4" t="s">
        <v>12365</v>
      </c>
      <c r="H2404" s="4" t="s">
        <v>12366</v>
      </c>
      <c r="K2404" s="4" t="s">
        <v>12367</v>
      </c>
    </row>
    <row r="2405" spans="1:11" ht="86.4" x14ac:dyDescent="0.3">
      <c r="A2405" s="1">
        <v>18516</v>
      </c>
      <c r="D2405" s="4" t="s">
        <v>12368</v>
      </c>
      <c r="G2405" s="4" t="s">
        <v>12369</v>
      </c>
      <c r="H2405" s="4" t="s">
        <v>12370</v>
      </c>
      <c r="J2405" s="4" t="s">
        <v>12371</v>
      </c>
      <c r="K2405" s="4" t="s">
        <v>12372</v>
      </c>
    </row>
    <row r="2406" spans="1:11" ht="72" x14ac:dyDescent="0.3">
      <c r="A2406" s="1">
        <v>18526</v>
      </c>
      <c r="D2406" s="4" t="s">
        <v>12373</v>
      </c>
      <c r="G2406" s="4" t="s">
        <v>12374</v>
      </c>
      <c r="H2406" s="4" t="s">
        <v>12375</v>
      </c>
      <c r="K2406" s="4" t="s">
        <v>12376</v>
      </c>
    </row>
    <row r="2407" spans="1:11" ht="100.8" x14ac:dyDescent="0.3">
      <c r="A2407" s="1">
        <v>18541</v>
      </c>
      <c r="C2407" s="4" t="s">
        <v>12377</v>
      </c>
      <c r="D2407" s="4" t="s">
        <v>12378</v>
      </c>
      <c r="G2407" s="4" t="s">
        <v>12379</v>
      </c>
      <c r="H2407" s="4" t="s">
        <v>12380</v>
      </c>
      <c r="K2407" s="4" t="s">
        <v>12381</v>
      </c>
    </row>
    <row r="2408" spans="1:11" ht="86.4" x14ac:dyDescent="0.3">
      <c r="A2408" s="1">
        <v>18546</v>
      </c>
      <c r="C2408" s="4" t="s">
        <v>12382</v>
      </c>
      <c r="D2408" s="4" t="s">
        <v>12383</v>
      </c>
      <c r="F2408" s="4" t="s">
        <v>12384</v>
      </c>
      <c r="K2408" s="4" t="s">
        <v>12385</v>
      </c>
    </row>
    <row r="2409" spans="1:11" ht="57.6" x14ac:dyDescent="0.3">
      <c r="A2409" s="1">
        <v>18556</v>
      </c>
      <c r="C2409" s="4" t="s">
        <v>12386</v>
      </c>
      <c r="D2409" s="4" t="s">
        <v>12387</v>
      </c>
      <c r="F2409" s="4" t="s">
        <v>12388</v>
      </c>
      <c r="G2409" s="4" t="s">
        <v>12389</v>
      </c>
      <c r="H2409" s="4" t="s">
        <v>12390</v>
      </c>
      <c r="I2409" s="4" t="s">
        <v>12391</v>
      </c>
      <c r="K2409" s="4" t="s">
        <v>12392</v>
      </c>
    </row>
    <row r="2410" spans="1:11" ht="86.4" x14ac:dyDescent="0.3">
      <c r="A2410" s="1">
        <v>18566</v>
      </c>
      <c r="C2410" s="4" t="s">
        <v>12393</v>
      </c>
      <c r="D2410" s="4" t="s">
        <v>12394</v>
      </c>
      <c r="F2410" s="4" t="s">
        <v>12395</v>
      </c>
      <c r="H2410" s="4" t="s">
        <v>12396</v>
      </c>
      <c r="I2410" s="4" t="s">
        <v>12397</v>
      </c>
    </row>
    <row r="2411" spans="1:11" ht="28.8" x14ac:dyDescent="0.3">
      <c r="A2411" s="1">
        <v>18576</v>
      </c>
      <c r="C2411" s="4" t="s">
        <v>12398</v>
      </c>
      <c r="D2411" s="4" t="s">
        <v>12399</v>
      </c>
    </row>
    <row r="2412" spans="1:11" ht="72" x14ac:dyDescent="0.3">
      <c r="A2412" s="1">
        <v>18586</v>
      </c>
      <c r="C2412" s="4" t="s">
        <v>12400</v>
      </c>
      <c r="D2412" s="4" t="s">
        <v>12401</v>
      </c>
      <c r="E2412" s="4" t="s">
        <v>12402</v>
      </c>
      <c r="F2412" s="4" t="s">
        <v>12403</v>
      </c>
      <c r="G2412" s="4" t="s">
        <v>12404</v>
      </c>
      <c r="H2412" s="4" t="s">
        <v>12405</v>
      </c>
      <c r="I2412" s="4" t="s">
        <v>12406</v>
      </c>
      <c r="K2412" s="4" t="s">
        <v>12407</v>
      </c>
    </row>
    <row r="2413" spans="1:11" x14ac:dyDescent="0.3">
      <c r="A2413" s="1">
        <v>18591</v>
      </c>
    </row>
    <row r="2414" spans="1:11" ht="86.4" x14ac:dyDescent="0.3">
      <c r="A2414" s="1">
        <v>18596</v>
      </c>
      <c r="C2414" s="4" t="s">
        <v>12408</v>
      </c>
      <c r="E2414" s="4" t="s">
        <v>12409</v>
      </c>
      <c r="G2414" s="4" t="s">
        <v>12410</v>
      </c>
      <c r="H2414" s="4" t="s">
        <v>12411</v>
      </c>
      <c r="I2414" s="4" t="s">
        <v>12412</v>
      </c>
      <c r="K2414" s="4" t="s">
        <v>12413</v>
      </c>
    </row>
    <row r="2415" spans="1:11" ht="43.2" x14ac:dyDescent="0.3">
      <c r="A2415" s="1">
        <v>18601</v>
      </c>
      <c r="C2415" s="4" t="s">
        <v>12414</v>
      </c>
      <c r="D2415" s="4" t="s">
        <v>12415</v>
      </c>
      <c r="E2415" s="4" t="s">
        <v>12416</v>
      </c>
      <c r="G2415" s="4" t="s">
        <v>12417</v>
      </c>
      <c r="H2415" s="4" t="s">
        <v>12418</v>
      </c>
      <c r="K2415" s="4" t="s">
        <v>12419</v>
      </c>
    </row>
    <row r="2416" spans="1:11" ht="100.8" x14ac:dyDescent="0.3">
      <c r="A2416" s="1">
        <v>18606</v>
      </c>
      <c r="C2416" s="4" t="s">
        <v>12420</v>
      </c>
      <c r="D2416" s="4" t="s">
        <v>12421</v>
      </c>
      <c r="G2416" s="4" t="s">
        <v>12422</v>
      </c>
      <c r="H2416" s="4" t="s">
        <v>12423</v>
      </c>
      <c r="I2416" s="4" t="s">
        <v>10800</v>
      </c>
      <c r="K2416" s="4" t="s">
        <v>12424</v>
      </c>
    </row>
    <row r="2417" spans="1:11" ht="43.2" x14ac:dyDescent="0.3">
      <c r="A2417" s="1">
        <v>18611</v>
      </c>
      <c r="C2417" s="4" t="s">
        <v>12425</v>
      </c>
      <c r="D2417" s="4" t="s">
        <v>12426</v>
      </c>
      <c r="E2417" s="4" t="s">
        <v>12427</v>
      </c>
      <c r="F2417" s="4" t="s">
        <v>12428</v>
      </c>
      <c r="G2417" s="4" t="s">
        <v>12429</v>
      </c>
      <c r="H2417" s="4" t="s">
        <v>12430</v>
      </c>
      <c r="I2417" s="4" t="s">
        <v>12429</v>
      </c>
      <c r="K2417" s="4" t="s">
        <v>12431</v>
      </c>
    </row>
    <row r="2418" spans="1:11" ht="72" x14ac:dyDescent="0.3">
      <c r="A2418" s="1">
        <v>18616</v>
      </c>
      <c r="C2418" s="4" t="s">
        <v>12432</v>
      </c>
      <c r="D2418" s="4" t="s">
        <v>12433</v>
      </c>
      <c r="E2418" s="4" t="s">
        <v>12434</v>
      </c>
      <c r="F2418" s="4" t="s">
        <v>12435</v>
      </c>
      <c r="G2418" s="4" t="s">
        <v>12436</v>
      </c>
    </row>
    <row r="2419" spans="1:11" x14ac:dyDescent="0.3">
      <c r="A2419" s="1">
        <v>18626</v>
      </c>
    </row>
    <row r="2420" spans="1:11" ht="86.4" x14ac:dyDescent="0.3">
      <c r="A2420" s="1">
        <v>18641</v>
      </c>
      <c r="C2420" s="4" t="s">
        <v>12437</v>
      </c>
      <c r="D2420" s="4" t="s">
        <v>12438</v>
      </c>
      <c r="E2420" s="4" t="s">
        <v>12439</v>
      </c>
      <c r="F2420" s="4" t="s">
        <v>12440</v>
      </c>
      <c r="H2420" s="4" t="s">
        <v>12441</v>
      </c>
      <c r="I2420" s="4" t="s">
        <v>12442</v>
      </c>
      <c r="K2420" s="4" t="s">
        <v>12443</v>
      </c>
    </row>
    <row r="2421" spans="1:11" ht="57.6" x14ac:dyDescent="0.3">
      <c r="A2421" s="1">
        <v>18651</v>
      </c>
      <c r="D2421" s="4" t="s">
        <v>12444</v>
      </c>
    </row>
    <row r="2422" spans="1:11" ht="43.2" x14ac:dyDescent="0.3">
      <c r="A2422" s="1">
        <v>18656</v>
      </c>
      <c r="D2422" s="4" t="s">
        <v>12445</v>
      </c>
    </row>
    <row r="2423" spans="1:11" ht="86.4" x14ac:dyDescent="0.3">
      <c r="A2423" s="1">
        <v>18661</v>
      </c>
      <c r="C2423" s="4" t="s">
        <v>23132</v>
      </c>
      <c r="D2423" s="4" t="s">
        <v>12446</v>
      </c>
      <c r="E2423" s="4" t="s">
        <v>12447</v>
      </c>
      <c r="F2423" s="4" t="s">
        <v>12448</v>
      </c>
      <c r="G2423" s="4" t="s">
        <v>23133</v>
      </c>
      <c r="H2423" s="4" t="s">
        <v>23134</v>
      </c>
      <c r="I2423" s="4" t="s">
        <v>12449</v>
      </c>
      <c r="K2423" s="4" t="s">
        <v>12450</v>
      </c>
    </row>
    <row r="2424" spans="1:11" ht="86.4" x14ac:dyDescent="0.3">
      <c r="A2424" s="1">
        <v>18671</v>
      </c>
      <c r="C2424" s="4" t="s">
        <v>12451</v>
      </c>
      <c r="D2424" s="4" t="s">
        <v>12452</v>
      </c>
      <c r="E2424" s="4" t="s">
        <v>12453</v>
      </c>
      <c r="F2424" s="4" t="s">
        <v>12454</v>
      </c>
      <c r="G2424" s="4" t="s">
        <v>12455</v>
      </c>
      <c r="H2424" s="4" t="s">
        <v>12456</v>
      </c>
      <c r="K2424" s="4" t="s">
        <v>12457</v>
      </c>
    </row>
    <row r="2425" spans="1:11" ht="86.4" x14ac:dyDescent="0.3">
      <c r="A2425" s="1">
        <v>18681</v>
      </c>
      <c r="C2425" s="4" t="s">
        <v>12458</v>
      </c>
      <c r="D2425" s="4" t="s">
        <v>12459</v>
      </c>
      <c r="G2425" s="4" t="s">
        <v>12460</v>
      </c>
      <c r="H2425" s="4" t="s">
        <v>12461</v>
      </c>
    </row>
    <row r="2426" spans="1:11" ht="86.4" x14ac:dyDescent="0.3">
      <c r="A2426" s="1">
        <v>18686</v>
      </c>
      <c r="C2426" s="4" t="s">
        <v>12462</v>
      </c>
      <c r="G2426" s="4" t="s">
        <v>12463</v>
      </c>
      <c r="H2426" s="4" t="s">
        <v>12464</v>
      </c>
      <c r="I2426" s="4" t="s">
        <v>12465</v>
      </c>
      <c r="K2426" s="4" t="s">
        <v>12466</v>
      </c>
    </row>
    <row r="2427" spans="1:11" x14ac:dyDescent="0.3">
      <c r="A2427" s="1">
        <v>18696</v>
      </c>
      <c r="C2427" s="4" t="s">
        <v>12467</v>
      </c>
    </row>
    <row r="2428" spans="1:11" ht="72" x14ac:dyDescent="0.3">
      <c r="A2428" s="1">
        <v>18706</v>
      </c>
      <c r="C2428" s="4" t="s">
        <v>12468</v>
      </c>
      <c r="D2428" s="4" t="s">
        <v>12469</v>
      </c>
      <c r="E2428" s="4" t="s">
        <v>12470</v>
      </c>
      <c r="F2428" s="4" t="s">
        <v>12471</v>
      </c>
      <c r="G2428" s="4" t="s">
        <v>12472</v>
      </c>
      <c r="H2428" s="4" t="s">
        <v>12473</v>
      </c>
      <c r="I2428" s="4" t="s">
        <v>12474</v>
      </c>
      <c r="K2428" s="4" t="s">
        <v>12475</v>
      </c>
    </row>
    <row r="2429" spans="1:11" ht="72" x14ac:dyDescent="0.3">
      <c r="A2429" s="1">
        <v>18711</v>
      </c>
      <c r="C2429" s="4" t="s">
        <v>12476</v>
      </c>
      <c r="D2429" s="4" t="s">
        <v>12477</v>
      </c>
      <c r="E2429" s="4" t="s">
        <v>12478</v>
      </c>
      <c r="F2429" s="4" t="s">
        <v>12479</v>
      </c>
      <c r="G2429" s="4" t="s">
        <v>12480</v>
      </c>
      <c r="H2429" s="4" t="s">
        <v>12481</v>
      </c>
      <c r="I2429" s="4" t="s">
        <v>12482</v>
      </c>
      <c r="K2429" s="4" t="s">
        <v>12483</v>
      </c>
    </row>
    <row r="2430" spans="1:11" ht="57.6" x14ac:dyDescent="0.3">
      <c r="A2430" s="1">
        <v>18731</v>
      </c>
      <c r="C2430" s="4" t="s">
        <v>12484</v>
      </c>
      <c r="D2430" s="4" t="s">
        <v>12485</v>
      </c>
      <c r="G2430" s="4" t="s">
        <v>12486</v>
      </c>
      <c r="H2430" s="4" t="s">
        <v>12487</v>
      </c>
      <c r="J2430" s="4" t="s">
        <v>12488</v>
      </c>
    </row>
    <row r="2431" spans="1:11" ht="86.4" x14ac:dyDescent="0.3">
      <c r="A2431" s="1">
        <v>18746</v>
      </c>
      <c r="G2431" s="4" t="s">
        <v>12489</v>
      </c>
      <c r="H2431" s="4" t="s">
        <v>12490</v>
      </c>
      <c r="K2431" s="4" t="s">
        <v>12491</v>
      </c>
    </row>
    <row r="2432" spans="1:11" ht="86.4" x14ac:dyDescent="0.3">
      <c r="A2432" s="1">
        <v>18751</v>
      </c>
      <c r="C2432" s="4" t="s">
        <v>12492</v>
      </c>
      <c r="D2432" s="4" t="s">
        <v>12493</v>
      </c>
      <c r="E2432" s="4" t="s">
        <v>12494</v>
      </c>
      <c r="F2432" s="4" t="s">
        <v>12495</v>
      </c>
      <c r="G2432" s="4" t="s">
        <v>12496</v>
      </c>
      <c r="H2432" s="4" t="s">
        <v>12497</v>
      </c>
      <c r="I2432" s="4" t="s">
        <v>12498</v>
      </c>
      <c r="J2432" s="4" t="s">
        <v>12499</v>
      </c>
      <c r="K2432" s="4" t="s">
        <v>12500</v>
      </c>
    </row>
    <row r="2433" spans="1:11" ht="57.6" x14ac:dyDescent="0.3">
      <c r="A2433" s="1">
        <v>18756</v>
      </c>
      <c r="C2433" s="4" t="s">
        <v>12501</v>
      </c>
      <c r="D2433" s="4" t="s">
        <v>12502</v>
      </c>
      <c r="E2433" s="4" t="s">
        <v>12503</v>
      </c>
      <c r="F2433" s="4" t="s">
        <v>12504</v>
      </c>
      <c r="G2433" s="4" t="s">
        <v>12505</v>
      </c>
      <c r="H2433" s="4" t="s">
        <v>12505</v>
      </c>
      <c r="I2433" s="4" t="s">
        <v>12506</v>
      </c>
      <c r="K2433" s="4" t="s">
        <v>12507</v>
      </c>
    </row>
    <row r="2434" spans="1:11" x14ac:dyDescent="0.3">
      <c r="A2434" s="1">
        <v>18761</v>
      </c>
      <c r="K2434" s="4" t="s">
        <v>12508</v>
      </c>
    </row>
    <row r="2435" spans="1:11" x14ac:dyDescent="0.3">
      <c r="A2435" s="1">
        <v>18766</v>
      </c>
    </row>
    <row r="2436" spans="1:11" ht="115.2" x14ac:dyDescent="0.3">
      <c r="A2436" s="1">
        <v>18771</v>
      </c>
      <c r="D2436" s="4" t="s">
        <v>12509</v>
      </c>
    </row>
    <row r="2437" spans="1:11" ht="57.6" x14ac:dyDescent="0.3">
      <c r="A2437" s="1">
        <v>18776</v>
      </c>
      <c r="D2437" s="4" t="s">
        <v>12510</v>
      </c>
      <c r="E2437" s="4" t="s">
        <v>12511</v>
      </c>
    </row>
    <row r="2438" spans="1:11" ht="57.6" x14ac:dyDescent="0.3">
      <c r="A2438" s="1">
        <v>18786</v>
      </c>
      <c r="C2438" s="4" t="s">
        <v>12512</v>
      </c>
      <c r="D2438" s="4" t="s">
        <v>12513</v>
      </c>
      <c r="E2438" s="4" t="s">
        <v>12514</v>
      </c>
      <c r="F2438" s="4" t="s">
        <v>12515</v>
      </c>
      <c r="G2438" s="4" t="s">
        <v>12516</v>
      </c>
      <c r="H2438" s="4" t="s">
        <v>12517</v>
      </c>
      <c r="I2438" s="4" t="s">
        <v>12518</v>
      </c>
      <c r="J2438" s="4" t="s">
        <v>12519</v>
      </c>
      <c r="K2438" s="4" t="s">
        <v>12520</v>
      </c>
    </row>
    <row r="2439" spans="1:11" ht="72" x14ac:dyDescent="0.3">
      <c r="A2439" s="1">
        <v>18791</v>
      </c>
      <c r="C2439" s="4" t="s">
        <v>12521</v>
      </c>
      <c r="D2439" s="4" t="s">
        <v>12522</v>
      </c>
      <c r="E2439" s="4" t="s">
        <v>12523</v>
      </c>
      <c r="F2439" s="4" t="s">
        <v>2100</v>
      </c>
      <c r="G2439" s="4" t="s">
        <v>12524</v>
      </c>
      <c r="H2439" s="4" t="s">
        <v>12524</v>
      </c>
      <c r="I2439" s="4" t="s">
        <v>12525</v>
      </c>
      <c r="K2439" s="4" t="s">
        <v>12526</v>
      </c>
    </row>
    <row r="2440" spans="1:11" ht="72" x14ac:dyDescent="0.3">
      <c r="A2440" s="1">
        <v>18796</v>
      </c>
      <c r="D2440" s="4" t="s">
        <v>12527</v>
      </c>
      <c r="E2440" s="4" t="s">
        <v>12528</v>
      </c>
      <c r="F2440" s="4" t="s">
        <v>12529</v>
      </c>
      <c r="G2440" s="4" t="s">
        <v>12530</v>
      </c>
      <c r="I2440" s="4" t="s">
        <v>12531</v>
      </c>
      <c r="J2440" s="4" t="s">
        <v>12532</v>
      </c>
    </row>
    <row r="2441" spans="1:11" ht="72" x14ac:dyDescent="0.3">
      <c r="A2441" s="1">
        <v>18801</v>
      </c>
      <c r="C2441" s="4" t="s">
        <v>12533</v>
      </c>
      <c r="D2441" s="4" t="s">
        <v>12534</v>
      </c>
      <c r="E2441" s="4" t="s">
        <v>12535</v>
      </c>
      <c r="F2441" s="4" t="s">
        <v>12536</v>
      </c>
      <c r="G2441" s="4" t="s">
        <v>12537</v>
      </c>
      <c r="I2441" s="4" t="s">
        <v>12538</v>
      </c>
    </row>
    <row r="2442" spans="1:11" ht="28.8" x14ac:dyDescent="0.3">
      <c r="A2442" s="1">
        <v>18806</v>
      </c>
      <c r="C2442" s="4" t="s">
        <v>12539</v>
      </c>
      <c r="D2442" s="4" t="s">
        <v>12540</v>
      </c>
      <c r="E2442" s="4" t="s">
        <v>12541</v>
      </c>
      <c r="F2442" s="4" t="s">
        <v>12542</v>
      </c>
      <c r="G2442" s="4" t="s">
        <v>12543</v>
      </c>
      <c r="K2442" s="4" t="s">
        <v>12544</v>
      </c>
    </row>
    <row r="2443" spans="1:11" ht="57.6" x14ac:dyDescent="0.3">
      <c r="A2443" s="1">
        <v>18811</v>
      </c>
      <c r="C2443" s="4" t="s">
        <v>12545</v>
      </c>
      <c r="D2443" s="4" t="s">
        <v>12546</v>
      </c>
      <c r="E2443" s="4" t="s">
        <v>12547</v>
      </c>
      <c r="F2443" s="4" t="s">
        <v>12548</v>
      </c>
      <c r="G2443" s="4" t="s">
        <v>12549</v>
      </c>
      <c r="H2443" s="4" t="s">
        <v>12550</v>
      </c>
      <c r="I2443" s="4" t="s">
        <v>12551</v>
      </c>
      <c r="K2443" s="4" t="s">
        <v>12552</v>
      </c>
    </row>
    <row r="2444" spans="1:11" ht="72" x14ac:dyDescent="0.3">
      <c r="A2444" s="1">
        <v>18821</v>
      </c>
      <c r="C2444" s="4" t="s">
        <v>12553</v>
      </c>
      <c r="D2444" s="4" t="s">
        <v>12554</v>
      </c>
      <c r="E2444" s="4" t="s">
        <v>12555</v>
      </c>
      <c r="G2444" s="4" t="s">
        <v>12556</v>
      </c>
      <c r="H2444" s="4" t="s">
        <v>12557</v>
      </c>
      <c r="I2444" s="4" t="s">
        <v>12558</v>
      </c>
      <c r="K2444" s="4" t="s">
        <v>12559</v>
      </c>
    </row>
    <row r="2445" spans="1:11" x14ac:dyDescent="0.3">
      <c r="A2445" s="1">
        <v>18826</v>
      </c>
      <c r="C2445" s="4" t="e">
        <v>#NAME?</v>
      </c>
      <c r="E2445" s="4" t="s">
        <v>12560</v>
      </c>
    </row>
    <row r="2446" spans="1:11" ht="43.2" x14ac:dyDescent="0.3">
      <c r="A2446" s="1">
        <v>18836</v>
      </c>
      <c r="F2446" s="4" t="s">
        <v>12561</v>
      </c>
      <c r="G2446" s="4" t="s">
        <v>12562</v>
      </c>
      <c r="I2446" s="4" t="s">
        <v>12563</v>
      </c>
    </row>
    <row r="2447" spans="1:11" x14ac:dyDescent="0.3">
      <c r="A2447" s="1">
        <v>18846</v>
      </c>
    </row>
    <row r="2448" spans="1:11" ht="86.4" x14ac:dyDescent="0.3">
      <c r="A2448" s="1">
        <v>18856</v>
      </c>
      <c r="C2448" s="4" t="s">
        <v>12564</v>
      </c>
      <c r="D2448" s="4" t="s">
        <v>12565</v>
      </c>
      <c r="G2448" s="4" t="s">
        <v>12566</v>
      </c>
      <c r="H2448" s="4" t="s">
        <v>12567</v>
      </c>
      <c r="I2448" s="4" t="s">
        <v>12568</v>
      </c>
      <c r="J2448" s="4" t="s">
        <v>12569</v>
      </c>
      <c r="K2448" s="4" t="s">
        <v>12570</v>
      </c>
    </row>
    <row r="2449" spans="1:11" ht="100.8" x14ac:dyDescent="0.3">
      <c r="A2449" s="1">
        <v>18876</v>
      </c>
      <c r="C2449" s="4" t="s">
        <v>12571</v>
      </c>
      <c r="D2449" s="4" t="s">
        <v>12572</v>
      </c>
      <c r="E2449" s="4" t="s">
        <v>12573</v>
      </c>
      <c r="F2449" s="4" t="s">
        <v>12574</v>
      </c>
      <c r="G2449" s="4" t="s">
        <v>12575</v>
      </c>
      <c r="H2449" s="4" t="s">
        <v>12576</v>
      </c>
      <c r="I2449" s="4" t="s">
        <v>12577</v>
      </c>
      <c r="K2449" s="4" t="s">
        <v>12578</v>
      </c>
    </row>
    <row r="2450" spans="1:11" ht="28.8" x14ac:dyDescent="0.3">
      <c r="A2450" s="1">
        <v>18881</v>
      </c>
      <c r="C2450" s="4" t="s">
        <v>12579</v>
      </c>
      <c r="D2450" s="4" t="s">
        <v>12580</v>
      </c>
      <c r="I2450" s="4" t="s">
        <v>12581</v>
      </c>
    </row>
    <row r="2451" spans="1:11" ht="57.6" x14ac:dyDescent="0.3">
      <c r="A2451" s="1">
        <v>18886</v>
      </c>
      <c r="D2451" s="4" t="s">
        <v>12582</v>
      </c>
      <c r="F2451" s="4" t="s">
        <v>12583</v>
      </c>
      <c r="G2451" s="4" t="s">
        <v>12584</v>
      </c>
      <c r="J2451" s="4" t="s">
        <v>12585</v>
      </c>
    </row>
    <row r="2452" spans="1:11" ht="72" x14ac:dyDescent="0.3">
      <c r="A2452" s="1">
        <v>18891</v>
      </c>
      <c r="D2452" s="4" t="s">
        <v>12586</v>
      </c>
      <c r="E2452" s="4" t="s">
        <v>12587</v>
      </c>
      <c r="F2452" s="4" t="s">
        <v>12588</v>
      </c>
      <c r="G2452" s="4" t="s">
        <v>12589</v>
      </c>
      <c r="H2452" s="4" t="s">
        <v>12590</v>
      </c>
      <c r="I2452" s="4" t="s">
        <v>12591</v>
      </c>
      <c r="K2452" s="4" t="s">
        <v>12592</v>
      </c>
    </row>
    <row r="2453" spans="1:11" ht="28.8" x14ac:dyDescent="0.3">
      <c r="A2453" s="1">
        <v>18916</v>
      </c>
      <c r="E2453" s="4" t="s">
        <v>12593</v>
      </c>
      <c r="F2453" s="4" t="s">
        <v>920</v>
      </c>
      <c r="G2453" s="4" t="s">
        <v>12594</v>
      </c>
      <c r="I2453" s="4" t="s">
        <v>12595</v>
      </c>
    </row>
    <row r="2454" spans="1:11" ht="72" x14ac:dyDescent="0.3">
      <c r="A2454" s="1">
        <v>18931</v>
      </c>
      <c r="D2454" s="4" t="s">
        <v>12596</v>
      </c>
      <c r="E2454" s="4" t="s">
        <v>12597</v>
      </c>
      <c r="F2454" s="4" t="s">
        <v>12598</v>
      </c>
      <c r="G2454" s="4" t="s">
        <v>12599</v>
      </c>
      <c r="H2454" s="4" t="s">
        <v>12600</v>
      </c>
    </row>
    <row r="2455" spans="1:11" ht="86.4" x14ac:dyDescent="0.3">
      <c r="A2455" s="1">
        <v>18936</v>
      </c>
      <c r="D2455" s="4" t="s">
        <v>12601</v>
      </c>
      <c r="K2455" s="4" t="s">
        <v>12602</v>
      </c>
    </row>
    <row r="2456" spans="1:11" ht="72" x14ac:dyDescent="0.3">
      <c r="A2456" s="1">
        <v>18941</v>
      </c>
      <c r="C2456" s="4" t="s">
        <v>12603</v>
      </c>
      <c r="D2456" s="4" t="s">
        <v>12604</v>
      </c>
      <c r="G2456" s="4" t="s">
        <v>12605</v>
      </c>
      <c r="H2456" s="4" t="s">
        <v>12606</v>
      </c>
      <c r="I2456" s="4" t="s">
        <v>12607</v>
      </c>
      <c r="K2456" s="4" t="s">
        <v>12608</v>
      </c>
    </row>
    <row r="2457" spans="1:11" x14ac:dyDescent="0.3">
      <c r="A2457" s="1">
        <v>18946</v>
      </c>
    </row>
    <row r="2458" spans="1:11" ht="28.8" x14ac:dyDescent="0.3">
      <c r="A2458" s="1">
        <v>18956</v>
      </c>
      <c r="D2458" s="4" t="s">
        <v>12609</v>
      </c>
    </row>
    <row r="2459" spans="1:11" ht="86.4" x14ac:dyDescent="0.3">
      <c r="A2459" s="1">
        <v>18961</v>
      </c>
      <c r="G2459" s="4" t="s">
        <v>12610</v>
      </c>
      <c r="I2459" s="4" t="s">
        <v>12611</v>
      </c>
      <c r="J2459" s="4" t="s">
        <v>12612</v>
      </c>
    </row>
    <row r="2460" spans="1:11" ht="43.2" x14ac:dyDescent="0.3">
      <c r="A2460" s="1">
        <v>18966</v>
      </c>
      <c r="C2460" s="4" t="s">
        <v>12613</v>
      </c>
      <c r="D2460" s="4" t="s">
        <v>12614</v>
      </c>
      <c r="E2460" s="4" t="s">
        <v>12615</v>
      </c>
      <c r="F2460" s="4" t="s">
        <v>12616</v>
      </c>
      <c r="G2460" s="4" t="s">
        <v>12617</v>
      </c>
      <c r="H2460" s="4" t="s">
        <v>12618</v>
      </c>
      <c r="I2460" s="4" t="s">
        <v>12619</v>
      </c>
    </row>
    <row r="2461" spans="1:11" ht="86.4" x14ac:dyDescent="0.3">
      <c r="A2461" s="1">
        <v>18971</v>
      </c>
      <c r="C2461" s="4" t="s">
        <v>12620</v>
      </c>
      <c r="D2461" s="4" t="s">
        <v>12621</v>
      </c>
      <c r="E2461" s="4" t="s">
        <v>12622</v>
      </c>
      <c r="F2461" s="4" t="s">
        <v>12623</v>
      </c>
      <c r="G2461" s="4" t="s">
        <v>12624</v>
      </c>
      <c r="H2461" s="4" t="s">
        <v>12625</v>
      </c>
      <c r="I2461" s="4" t="s">
        <v>12626</v>
      </c>
      <c r="K2461" s="4" t="s">
        <v>12627</v>
      </c>
    </row>
    <row r="2462" spans="1:11" ht="57.6" x14ac:dyDescent="0.3">
      <c r="A2462" s="1">
        <v>18976</v>
      </c>
      <c r="C2462" s="4" t="s">
        <v>12628</v>
      </c>
      <c r="F2462" s="4" t="s">
        <v>12629</v>
      </c>
      <c r="G2462" s="4" t="s">
        <v>12630</v>
      </c>
      <c r="K2462" s="4" t="s">
        <v>12631</v>
      </c>
    </row>
    <row r="2463" spans="1:11" ht="43.2" x14ac:dyDescent="0.3">
      <c r="A2463" s="1">
        <v>18996</v>
      </c>
      <c r="C2463" s="4" t="s">
        <v>12632</v>
      </c>
      <c r="D2463" s="4" t="s">
        <v>12633</v>
      </c>
      <c r="E2463" s="4" t="s">
        <v>4768</v>
      </c>
      <c r="F2463" s="4" t="s">
        <v>4768</v>
      </c>
      <c r="G2463" s="4" t="s">
        <v>12634</v>
      </c>
      <c r="H2463" s="4" t="s">
        <v>12635</v>
      </c>
      <c r="I2463" s="4" t="s">
        <v>12636</v>
      </c>
      <c r="J2463" s="4" t="s">
        <v>12637</v>
      </c>
    </row>
    <row r="2464" spans="1:11" ht="86.4" x14ac:dyDescent="0.3">
      <c r="A2464" s="1">
        <v>19001</v>
      </c>
      <c r="C2464" s="4" t="s">
        <v>12638</v>
      </c>
      <c r="D2464" s="4" t="s">
        <v>12639</v>
      </c>
      <c r="E2464" s="4" t="s">
        <v>12640</v>
      </c>
      <c r="F2464" s="4" t="s">
        <v>12641</v>
      </c>
      <c r="G2464" s="4" t="s">
        <v>12642</v>
      </c>
      <c r="H2464" s="4" t="s">
        <v>12643</v>
      </c>
      <c r="I2464" s="4" t="s">
        <v>12644</v>
      </c>
      <c r="K2464" s="4" t="s">
        <v>12645</v>
      </c>
    </row>
    <row r="2465" spans="1:11" ht="72" x14ac:dyDescent="0.3">
      <c r="A2465" s="1">
        <v>19006</v>
      </c>
      <c r="C2465" s="4" t="s">
        <v>12646</v>
      </c>
      <c r="D2465" s="4" t="s">
        <v>12647</v>
      </c>
      <c r="E2465" s="4" t="s">
        <v>12648</v>
      </c>
      <c r="F2465" s="4" t="s">
        <v>12649</v>
      </c>
      <c r="G2465" s="4" t="s">
        <v>12650</v>
      </c>
      <c r="H2465" s="4" t="s">
        <v>12651</v>
      </c>
    </row>
    <row r="2466" spans="1:11" x14ac:dyDescent="0.3">
      <c r="A2466" s="1">
        <v>19011</v>
      </c>
    </row>
    <row r="2467" spans="1:11" ht="57.6" x14ac:dyDescent="0.3">
      <c r="A2467" s="1">
        <v>19026</v>
      </c>
      <c r="C2467" s="4" t="s">
        <v>12652</v>
      </c>
      <c r="D2467" s="4" t="s">
        <v>12653</v>
      </c>
      <c r="E2467" s="4" t="s">
        <v>12654</v>
      </c>
      <c r="F2467" s="4" t="s">
        <v>12655</v>
      </c>
      <c r="G2467" s="4" t="s">
        <v>12656</v>
      </c>
      <c r="I2467" s="4" t="s">
        <v>12657</v>
      </c>
      <c r="K2467" s="4" t="s">
        <v>12658</v>
      </c>
    </row>
    <row r="2468" spans="1:11" ht="72" x14ac:dyDescent="0.3">
      <c r="A2468" s="1">
        <v>19036</v>
      </c>
      <c r="C2468" s="4" t="s">
        <v>12659</v>
      </c>
      <c r="D2468" s="4" t="s">
        <v>12660</v>
      </c>
      <c r="E2468" s="4" t="s">
        <v>12661</v>
      </c>
      <c r="G2468" s="4" t="s">
        <v>12662</v>
      </c>
      <c r="H2468" s="4" t="s">
        <v>12663</v>
      </c>
      <c r="I2468" s="4" t="s">
        <v>12664</v>
      </c>
      <c r="K2468" s="4" t="s">
        <v>12665</v>
      </c>
    </row>
    <row r="2469" spans="1:11" ht="28.8" x14ac:dyDescent="0.3">
      <c r="A2469" s="1">
        <v>19041</v>
      </c>
      <c r="K2469" s="4" t="s">
        <v>12666</v>
      </c>
    </row>
    <row r="2470" spans="1:11" x14ac:dyDescent="0.3">
      <c r="A2470" s="1">
        <v>19046</v>
      </c>
    </row>
    <row r="2471" spans="1:11" x14ac:dyDescent="0.3">
      <c r="A2471" s="1">
        <v>19051</v>
      </c>
    </row>
    <row r="2472" spans="1:11" ht="86.4" x14ac:dyDescent="0.3">
      <c r="A2472" s="1">
        <v>19061</v>
      </c>
      <c r="C2472" s="4" t="s">
        <v>12667</v>
      </c>
      <c r="D2472" s="4" t="s">
        <v>12668</v>
      </c>
      <c r="G2472" s="4" t="s">
        <v>12669</v>
      </c>
      <c r="H2472" s="4" t="s">
        <v>12669</v>
      </c>
      <c r="K2472" s="4" t="s">
        <v>12670</v>
      </c>
    </row>
    <row r="2473" spans="1:11" ht="28.8" x14ac:dyDescent="0.3">
      <c r="A2473" s="1">
        <v>19066</v>
      </c>
      <c r="D2473" s="4" t="s">
        <v>12671</v>
      </c>
      <c r="E2473" s="4" t="s">
        <v>12672</v>
      </c>
      <c r="F2473" s="4" t="s">
        <v>12673</v>
      </c>
      <c r="G2473" s="4" t="s">
        <v>12674</v>
      </c>
      <c r="H2473" s="4" t="s">
        <v>12675</v>
      </c>
      <c r="I2473" s="4" t="s">
        <v>12676</v>
      </c>
    </row>
    <row r="2474" spans="1:11" ht="72" x14ac:dyDescent="0.3">
      <c r="A2474" s="1">
        <v>19081</v>
      </c>
      <c r="C2474" s="4" t="s">
        <v>12677</v>
      </c>
      <c r="D2474" s="4" t="s">
        <v>12678</v>
      </c>
      <c r="E2474" s="4" t="s">
        <v>12679</v>
      </c>
      <c r="F2474" s="4" t="s">
        <v>12680</v>
      </c>
      <c r="G2474" s="4" t="s">
        <v>12681</v>
      </c>
      <c r="H2474" s="4" t="s">
        <v>12682</v>
      </c>
      <c r="I2474" s="4" t="s">
        <v>12683</v>
      </c>
      <c r="J2474" s="4" t="s">
        <v>12684</v>
      </c>
      <c r="K2474" s="4" t="s">
        <v>12685</v>
      </c>
    </row>
    <row r="2475" spans="1:11" ht="86.4" x14ac:dyDescent="0.3">
      <c r="A2475" s="1">
        <v>19086</v>
      </c>
      <c r="C2475" s="4" t="s">
        <v>12686</v>
      </c>
      <c r="D2475" s="4" t="s">
        <v>12687</v>
      </c>
      <c r="E2475" s="4" t="s">
        <v>12688</v>
      </c>
      <c r="F2475" s="4" t="s">
        <v>12689</v>
      </c>
      <c r="G2475" s="4" t="s">
        <v>12690</v>
      </c>
      <c r="H2475" s="4" t="s">
        <v>12691</v>
      </c>
      <c r="I2475" s="4" t="s">
        <v>12692</v>
      </c>
      <c r="K2475" s="4" t="s">
        <v>12693</v>
      </c>
    </row>
    <row r="2476" spans="1:11" ht="72" x14ac:dyDescent="0.3">
      <c r="A2476" s="1">
        <v>19096</v>
      </c>
      <c r="C2476" s="4" t="s">
        <v>12694</v>
      </c>
      <c r="G2476" s="4" t="s">
        <v>12695</v>
      </c>
    </row>
    <row r="2477" spans="1:11" ht="43.2" x14ac:dyDescent="0.3">
      <c r="A2477" s="1">
        <v>19106</v>
      </c>
      <c r="D2477" s="4" t="s">
        <v>12696</v>
      </c>
      <c r="E2477" s="4" t="s">
        <v>12697</v>
      </c>
      <c r="F2477" s="4" t="s">
        <v>12698</v>
      </c>
      <c r="G2477" s="4" t="s">
        <v>12699</v>
      </c>
      <c r="H2477" s="4" t="s">
        <v>12700</v>
      </c>
      <c r="K2477" s="4" t="s">
        <v>12701</v>
      </c>
    </row>
    <row r="2478" spans="1:11" x14ac:dyDescent="0.3">
      <c r="A2478" s="1">
        <v>19111</v>
      </c>
    </row>
    <row r="2479" spans="1:11" ht="57.6" x14ac:dyDescent="0.3">
      <c r="A2479" s="1">
        <v>19126</v>
      </c>
      <c r="D2479" s="4" t="s">
        <v>12702</v>
      </c>
      <c r="G2479" s="4" t="s">
        <v>12703</v>
      </c>
      <c r="H2479" s="4" t="s">
        <v>12704</v>
      </c>
    </row>
    <row r="2480" spans="1:11" ht="28.8" x14ac:dyDescent="0.3">
      <c r="A2480" s="1">
        <v>19156</v>
      </c>
      <c r="C2480" s="4" t="s">
        <v>12705</v>
      </c>
      <c r="D2480" s="4" t="s">
        <v>12706</v>
      </c>
    </row>
    <row r="2481" spans="1:11" ht="86.4" x14ac:dyDescent="0.3">
      <c r="A2481" s="1">
        <v>19161</v>
      </c>
      <c r="C2481" s="4" t="s">
        <v>12707</v>
      </c>
      <c r="D2481" s="4" t="s">
        <v>12708</v>
      </c>
      <c r="E2481" s="4" t="s">
        <v>12709</v>
      </c>
      <c r="F2481" s="4" t="s">
        <v>12710</v>
      </c>
      <c r="G2481" s="4" t="s">
        <v>12711</v>
      </c>
      <c r="H2481" s="4" t="s">
        <v>12712</v>
      </c>
      <c r="I2481" s="4" t="s">
        <v>12713</v>
      </c>
    </row>
    <row r="2482" spans="1:11" ht="72" x14ac:dyDescent="0.3">
      <c r="A2482" s="1">
        <v>19176</v>
      </c>
      <c r="C2482" s="4" t="s">
        <v>12714</v>
      </c>
      <c r="D2482" s="4" t="s">
        <v>12715</v>
      </c>
      <c r="K2482" s="4" t="s">
        <v>12716</v>
      </c>
    </row>
    <row r="2483" spans="1:11" ht="72" x14ac:dyDescent="0.3">
      <c r="A2483" s="1">
        <v>19186</v>
      </c>
      <c r="C2483" s="4" t="s">
        <v>12717</v>
      </c>
      <c r="D2483" s="4" t="s">
        <v>12718</v>
      </c>
      <c r="E2483" s="4" t="s">
        <v>12719</v>
      </c>
      <c r="F2483" s="4" t="s">
        <v>12720</v>
      </c>
      <c r="G2483" s="4" t="s">
        <v>12721</v>
      </c>
      <c r="H2483" s="4" t="s">
        <v>12722</v>
      </c>
      <c r="I2483" s="4" t="s">
        <v>12723</v>
      </c>
      <c r="K2483" s="4" t="s">
        <v>12724</v>
      </c>
    </row>
    <row r="2484" spans="1:11" ht="72" x14ac:dyDescent="0.3">
      <c r="A2484" s="1">
        <v>19191</v>
      </c>
      <c r="D2484" s="4" t="s">
        <v>12725</v>
      </c>
      <c r="E2484" s="4" t="s">
        <v>12726</v>
      </c>
      <c r="F2484" s="4" t="s">
        <v>12727</v>
      </c>
      <c r="H2484" s="4" t="s">
        <v>12728</v>
      </c>
    </row>
    <row r="2485" spans="1:11" ht="43.2" x14ac:dyDescent="0.3">
      <c r="A2485" s="1">
        <v>19196</v>
      </c>
      <c r="C2485" s="4" t="s">
        <v>12729</v>
      </c>
      <c r="D2485" s="4" t="s">
        <v>12730</v>
      </c>
      <c r="G2485" s="4" t="s">
        <v>12731</v>
      </c>
      <c r="H2485" s="4" t="s">
        <v>12732</v>
      </c>
      <c r="J2485" s="4" t="s">
        <v>12733</v>
      </c>
      <c r="K2485" s="4" t="s">
        <v>12734</v>
      </c>
    </row>
    <row r="2486" spans="1:11" ht="28.8" x14ac:dyDescent="0.3">
      <c r="A2486" s="1">
        <v>19206</v>
      </c>
      <c r="C2486" s="4" t="s">
        <v>12735</v>
      </c>
      <c r="D2486" s="4" t="s">
        <v>12736</v>
      </c>
      <c r="E2486" s="4" t="s">
        <v>12737</v>
      </c>
      <c r="F2486" s="4" t="s">
        <v>12738</v>
      </c>
    </row>
    <row r="2487" spans="1:11" ht="72" x14ac:dyDescent="0.3">
      <c r="A2487" s="1">
        <v>19221</v>
      </c>
      <c r="C2487" s="4" t="s">
        <v>12739</v>
      </c>
      <c r="D2487" s="4" t="s">
        <v>12740</v>
      </c>
      <c r="E2487" s="4" t="s">
        <v>12741</v>
      </c>
      <c r="F2487" s="4" t="s">
        <v>12742</v>
      </c>
      <c r="G2487" s="4" t="s">
        <v>12743</v>
      </c>
      <c r="H2487" s="4" t="s">
        <v>12744</v>
      </c>
      <c r="I2487" s="4" t="s">
        <v>12745</v>
      </c>
      <c r="K2487" s="4" t="s">
        <v>12746</v>
      </c>
    </row>
    <row r="2488" spans="1:11" ht="43.2" x14ac:dyDescent="0.3">
      <c r="A2488" s="1">
        <v>19231</v>
      </c>
      <c r="D2488" s="4" t="s">
        <v>12747</v>
      </c>
      <c r="E2488" s="4" t="s">
        <v>12748</v>
      </c>
      <c r="F2488" s="4" t="s">
        <v>12749</v>
      </c>
      <c r="I2488" s="4" t="s">
        <v>12750</v>
      </c>
    </row>
    <row r="2489" spans="1:11" ht="72" x14ac:dyDescent="0.3">
      <c r="A2489" s="1">
        <v>19236</v>
      </c>
      <c r="C2489" s="4" t="s">
        <v>12751</v>
      </c>
      <c r="D2489" s="4" t="s">
        <v>12752</v>
      </c>
      <c r="E2489" s="4" t="s">
        <v>12753</v>
      </c>
      <c r="F2489" s="4" t="s">
        <v>12754</v>
      </c>
      <c r="G2489" s="4" t="s">
        <v>12755</v>
      </c>
      <c r="H2489" s="4" t="s">
        <v>12756</v>
      </c>
      <c r="I2489" s="4" t="s">
        <v>12757</v>
      </c>
      <c r="K2489" s="4" t="s">
        <v>12758</v>
      </c>
    </row>
    <row r="2490" spans="1:11" ht="72" x14ac:dyDescent="0.3">
      <c r="A2490" s="1">
        <v>19246</v>
      </c>
      <c r="C2490" s="4" t="s">
        <v>12759</v>
      </c>
      <c r="G2490" s="4" t="s">
        <v>12760</v>
      </c>
      <c r="K2490" s="4" t="s">
        <v>12761</v>
      </c>
    </row>
    <row r="2491" spans="1:11" ht="86.4" x14ac:dyDescent="0.3">
      <c r="A2491" s="1">
        <v>19251</v>
      </c>
      <c r="C2491" s="4" t="s">
        <v>12762</v>
      </c>
      <c r="D2491" s="4" t="s">
        <v>12763</v>
      </c>
      <c r="E2491" s="4" t="s">
        <v>12764</v>
      </c>
      <c r="F2491" s="4" t="s">
        <v>12765</v>
      </c>
      <c r="G2491" s="4" t="s">
        <v>12766</v>
      </c>
      <c r="H2491" s="4" t="s">
        <v>12767</v>
      </c>
      <c r="I2491" s="4" t="s">
        <v>12768</v>
      </c>
      <c r="K2491" s="4" t="s">
        <v>12769</v>
      </c>
    </row>
    <row r="2492" spans="1:11" ht="100.8" x14ac:dyDescent="0.3">
      <c r="A2492" s="1">
        <v>19256</v>
      </c>
      <c r="C2492" s="4" t="s">
        <v>12770</v>
      </c>
      <c r="D2492" s="4" t="s">
        <v>12771</v>
      </c>
      <c r="E2492" s="4" t="s">
        <v>12772</v>
      </c>
      <c r="F2492" s="4" t="s">
        <v>12773</v>
      </c>
      <c r="G2492" s="4" t="s">
        <v>12774</v>
      </c>
      <c r="H2492" s="4" t="s">
        <v>12775</v>
      </c>
      <c r="K2492" s="4" t="s">
        <v>12776</v>
      </c>
    </row>
    <row r="2493" spans="1:11" ht="72" x14ac:dyDescent="0.3">
      <c r="A2493" s="1">
        <v>19261</v>
      </c>
      <c r="C2493" s="4" t="s">
        <v>12777</v>
      </c>
      <c r="E2493" s="4" t="s">
        <v>12778</v>
      </c>
      <c r="F2493" s="4" t="s">
        <v>12779</v>
      </c>
      <c r="G2493" s="4" t="s">
        <v>12780</v>
      </c>
      <c r="H2493" s="4" t="s">
        <v>12781</v>
      </c>
      <c r="I2493" s="4" t="s">
        <v>12782</v>
      </c>
      <c r="K2493" s="4" t="s">
        <v>12783</v>
      </c>
    </row>
    <row r="2494" spans="1:11" x14ac:dyDescent="0.3">
      <c r="A2494" s="1">
        <v>19276</v>
      </c>
      <c r="J2494" s="4" t="s">
        <v>12784</v>
      </c>
    </row>
    <row r="2495" spans="1:11" ht="72" x14ac:dyDescent="0.3">
      <c r="A2495" s="1">
        <v>19306</v>
      </c>
      <c r="D2495" s="4" t="s">
        <v>12785</v>
      </c>
      <c r="F2495" s="4" t="s">
        <v>12786</v>
      </c>
      <c r="G2495" s="4" t="s">
        <v>12787</v>
      </c>
      <c r="I2495" s="4" t="s">
        <v>12788</v>
      </c>
      <c r="K2495" s="4" t="s">
        <v>12789</v>
      </c>
    </row>
    <row r="2496" spans="1:11" ht="43.2" x14ac:dyDescent="0.3">
      <c r="A2496" s="1">
        <v>19316</v>
      </c>
      <c r="C2496" s="4" t="s">
        <v>12790</v>
      </c>
      <c r="D2496" s="4" t="s">
        <v>12791</v>
      </c>
      <c r="E2496" s="4" t="s">
        <v>12792</v>
      </c>
      <c r="F2496" s="4" t="s">
        <v>12793</v>
      </c>
      <c r="G2496" s="4" t="s">
        <v>12794</v>
      </c>
      <c r="H2496" s="4" t="s">
        <v>12794</v>
      </c>
      <c r="I2496" s="4" t="s">
        <v>12795</v>
      </c>
      <c r="K2496" s="4" t="s">
        <v>12796</v>
      </c>
    </row>
    <row r="2497" spans="1:11" ht="43.2" x14ac:dyDescent="0.3">
      <c r="A2497" s="1">
        <v>19321</v>
      </c>
      <c r="C2497" s="4" t="s">
        <v>12797</v>
      </c>
      <c r="D2497" s="4" t="s">
        <v>12798</v>
      </c>
      <c r="G2497" s="4" t="s">
        <v>12799</v>
      </c>
      <c r="H2497" s="4" t="s">
        <v>12800</v>
      </c>
      <c r="I2497" s="4" t="s">
        <v>12801</v>
      </c>
      <c r="K2497" s="4" t="s">
        <v>12802</v>
      </c>
    </row>
    <row r="2498" spans="1:11" ht="72" x14ac:dyDescent="0.3">
      <c r="A2498" s="1">
        <v>19336</v>
      </c>
      <c r="D2498" s="4" t="s">
        <v>12803</v>
      </c>
      <c r="E2498" s="4" t="s">
        <v>12804</v>
      </c>
      <c r="G2498" s="4" t="s">
        <v>12805</v>
      </c>
      <c r="H2498" s="4" t="s">
        <v>12806</v>
      </c>
    </row>
    <row r="2499" spans="1:11" x14ac:dyDescent="0.3">
      <c r="A2499" s="1">
        <v>19341</v>
      </c>
    </row>
    <row r="2500" spans="1:11" ht="72" x14ac:dyDescent="0.3">
      <c r="A2500" s="1">
        <v>19346</v>
      </c>
      <c r="C2500" s="4" t="s">
        <v>12807</v>
      </c>
      <c r="D2500" s="4" t="s">
        <v>12808</v>
      </c>
      <c r="E2500" s="4" t="s">
        <v>1724</v>
      </c>
      <c r="G2500" s="4" t="s">
        <v>12809</v>
      </c>
    </row>
    <row r="2501" spans="1:11" ht="86.4" x14ac:dyDescent="0.3">
      <c r="A2501" s="1">
        <v>19351</v>
      </c>
      <c r="C2501" s="4" t="s">
        <v>12810</v>
      </c>
      <c r="D2501" s="4" t="s">
        <v>12811</v>
      </c>
      <c r="E2501" s="4" t="s">
        <v>12812</v>
      </c>
      <c r="F2501" s="4" t="s">
        <v>12813</v>
      </c>
      <c r="G2501" s="4" t="s">
        <v>12814</v>
      </c>
      <c r="H2501" s="4" t="s">
        <v>12815</v>
      </c>
      <c r="I2501" s="4" t="s">
        <v>12816</v>
      </c>
      <c r="K2501" s="4" t="s">
        <v>12817</v>
      </c>
    </row>
    <row r="2502" spans="1:11" ht="57.6" x14ac:dyDescent="0.3">
      <c r="A2502" s="1">
        <v>19361</v>
      </c>
      <c r="C2502" s="4" t="s">
        <v>12818</v>
      </c>
      <c r="D2502" s="4" t="s">
        <v>12819</v>
      </c>
      <c r="F2502" s="4" t="s">
        <v>12820</v>
      </c>
      <c r="G2502" s="4" t="s">
        <v>12821</v>
      </c>
      <c r="H2502" s="4" t="s">
        <v>12822</v>
      </c>
    </row>
    <row r="2503" spans="1:11" x14ac:dyDescent="0.3">
      <c r="A2503" s="1">
        <v>19371</v>
      </c>
    </row>
    <row r="2504" spans="1:11" ht="86.4" x14ac:dyDescent="0.3">
      <c r="A2504" s="1">
        <v>19376</v>
      </c>
      <c r="C2504" s="4" t="s">
        <v>12823</v>
      </c>
      <c r="D2504" s="4" t="s">
        <v>12824</v>
      </c>
      <c r="E2504" s="4" t="s">
        <v>12825</v>
      </c>
      <c r="F2504" s="4" t="s">
        <v>12826</v>
      </c>
      <c r="G2504" s="4" t="s">
        <v>12827</v>
      </c>
      <c r="H2504" s="4" t="s">
        <v>12828</v>
      </c>
      <c r="I2504" s="4" t="s">
        <v>12829</v>
      </c>
      <c r="K2504" s="4" t="s">
        <v>12830</v>
      </c>
    </row>
    <row r="2505" spans="1:11" ht="72" x14ac:dyDescent="0.3">
      <c r="A2505" s="1">
        <v>19381</v>
      </c>
      <c r="C2505" s="4" t="s">
        <v>12831</v>
      </c>
      <c r="D2505" s="4" t="s">
        <v>12832</v>
      </c>
      <c r="E2505" s="4" t="s">
        <v>12833</v>
      </c>
      <c r="F2505" s="4" t="s">
        <v>12834</v>
      </c>
      <c r="J2505" s="4" t="s">
        <v>12835</v>
      </c>
      <c r="K2505" s="4" t="s">
        <v>12836</v>
      </c>
    </row>
    <row r="2506" spans="1:11" ht="57.6" x14ac:dyDescent="0.3">
      <c r="A2506" s="1">
        <v>19386</v>
      </c>
      <c r="C2506" s="4" t="s">
        <v>12837</v>
      </c>
      <c r="D2506" s="4" t="s">
        <v>12838</v>
      </c>
      <c r="E2506" s="4" t="s">
        <v>12839</v>
      </c>
      <c r="G2506" s="4" t="s">
        <v>12840</v>
      </c>
      <c r="H2506" s="4" t="s">
        <v>12841</v>
      </c>
      <c r="I2506" s="4" t="s">
        <v>12842</v>
      </c>
      <c r="K2506" s="4" t="s">
        <v>12843</v>
      </c>
    </row>
    <row r="2507" spans="1:11" x14ac:dyDescent="0.3">
      <c r="A2507" s="1">
        <v>19396</v>
      </c>
    </row>
    <row r="2508" spans="1:11" ht="86.4" x14ac:dyDescent="0.3">
      <c r="A2508" s="1">
        <v>19406</v>
      </c>
      <c r="C2508" s="4" t="s">
        <v>12844</v>
      </c>
      <c r="D2508" s="4" t="s">
        <v>12845</v>
      </c>
      <c r="G2508" s="4" t="s">
        <v>12846</v>
      </c>
      <c r="H2508" s="4" t="s">
        <v>12847</v>
      </c>
      <c r="I2508" s="4" t="s">
        <v>12848</v>
      </c>
      <c r="K2508" s="4" t="s">
        <v>12849</v>
      </c>
    </row>
    <row r="2509" spans="1:11" x14ac:dyDescent="0.3">
      <c r="A2509" s="1">
        <v>19411</v>
      </c>
      <c r="K2509" s="4" t="s">
        <v>12850</v>
      </c>
    </row>
    <row r="2510" spans="1:11" ht="72" x14ac:dyDescent="0.3">
      <c r="A2510" s="1">
        <v>19416</v>
      </c>
      <c r="C2510" s="4" t="s">
        <v>12851</v>
      </c>
      <c r="D2510" s="4" t="s">
        <v>12852</v>
      </c>
      <c r="E2510" s="4" t="s">
        <v>12853</v>
      </c>
      <c r="F2510" s="4" t="s">
        <v>12854</v>
      </c>
      <c r="K2510" s="4" t="s">
        <v>12855</v>
      </c>
    </row>
    <row r="2511" spans="1:11" ht="43.2" x14ac:dyDescent="0.3">
      <c r="A2511" s="1">
        <v>19431</v>
      </c>
      <c r="C2511" s="4" t="s">
        <v>12856</v>
      </c>
      <c r="D2511" s="4" t="s">
        <v>12857</v>
      </c>
      <c r="E2511" s="4" t="s">
        <v>12858</v>
      </c>
      <c r="G2511" s="4" t="s">
        <v>12859</v>
      </c>
      <c r="H2511" s="4" t="s">
        <v>12860</v>
      </c>
      <c r="K2511" s="4" t="s">
        <v>12861</v>
      </c>
    </row>
    <row r="2512" spans="1:11" x14ac:dyDescent="0.3">
      <c r="A2512" s="1">
        <v>19441</v>
      </c>
    </row>
    <row r="2513" spans="1:11" ht="43.2" x14ac:dyDescent="0.3">
      <c r="A2513" s="1">
        <v>19451</v>
      </c>
      <c r="C2513" s="4" t="s">
        <v>12862</v>
      </c>
      <c r="G2513" s="4" t="s">
        <v>12863</v>
      </c>
    </row>
    <row r="2514" spans="1:11" x14ac:dyDescent="0.3">
      <c r="A2514" s="1">
        <v>19456</v>
      </c>
    </row>
    <row r="2515" spans="1:11" ht="28.8" x14ac:dyDescent="0.3">
      <c r="A2515" s="1">
        <v>19461</v>
      </c>
      <c r="C2515" s="4" t="s">
        <v>12864</v>
      </c>
    </row>
    <row r="2516" spans="1:11" ht="72" x14ac:dyDescent="0.3">
      <c r="A2516" s="1">
        <v>19471</v>
      </c>
      <c r="C2516" s="4" t="s">
        <v>12865</v>
      </c>
      <c r="D2516" s="4" t="s">
        <v>12866</v>
      </c>
      <c r="E2516" s="4" t="s">
        <v>12867</v>
      </c>
      <c r="F2516" s="4" t="s">
        <v>12868</v>
      </c>
      <c r="G2516" s="4" t="s">
        <v>12869</v>
      </c>
      <c r="I2516" s="4" t="s">
        <v>12870</v>
      </c>
      <c r="K2516" s="4" t="s">
        <v>12871</v>
      </c>
    </row>
    <row r="2517" spans="1:11" ht="86.4" x14ac:dyDescent="0.3">
      <c r="A2517" s="1">
        <v>19476</v>
      </c>
      <c r="C2517" s="4" t="s">
        <v>12872</v>
      </c>
      <c r="D2517" s="4" t="s">
        <v>12873</v>
      </c>
      <c r="E2517" s="4" t="s">
        <v>12874</v>
      </c>
      <c r="F2517" s="4" t="s">
        <v>12875</v>
      </c>
      <c r="G2517" s="4" t="s">
        <v>12876</v>
      </c>
      <c r="H2517" s="4" t="s">
        <v>12877</v>
      </c>
      <c r="I2517" s="4" t="s">
        <v>12878</v>
      </c>
      <c r="K2517" s="4" t="s">
        <v>12879</v>
      </c>
    </row>
    <row r="2518" spans="1:11" ht="86.4" x14ac:dyDescent="0.3">
      <c r="A2518" s="1">
        <v>19481</v>
      </c>
      <c r="C2518" s="4" t="s">
        <v>12880</v>
      </c>
      <c r="D2518" s="4" t="s">
        <v>12881</v>
      </c>
      <c r="E2518" s="4" t="s">
        <v>12882</v>
      </c>
      <c r="F2518" s="4" t="s">
        <v>12883</v>
      </c>
      <c r="G2518" s="4" t="s">
        <v>12884</v>
      </c>
      <c r="H2518" s="4" t="s">
        <v>12885</v>
      </c>
      <c r="I2518" s="4" t="s">
        <v>12886</v>
      </c>
      <c r="J2518" s="4" t="s">
        <v>12887</v>
      </c>
      <c r="K2518" s="4" t="s">
        <v>12888</v>
      </c>
    </row>
    <row r="2519" spans="1:11" ht="57.6" x14ac:dyDescent="0.3">
      <c r="A2519" s="1">
        <v>19491</v>
      </c>
      <c r="C2519" s="4" t="s">
        <v>12889</v>
      </c>
    </row>
    <row r="2520" spans="1:11" ht="43.2" x14ac:dyDescent="0.3">
      <c r="A2520" s="1">
        <v>19496</v>
      </c>
      <c r="F2520" s="4" t="s">
        <v>12890</v>
      </c>
    </row>
    <row r="2521" spans="1:11" ht="72" x14ac:dyDescent="0.3">
      <c r="A2521" s="1">
        <v>19506</v>
      </c>
      <c r="C2521" s="4" t="s">
        <v>12891</v>
      </c>
      <c r="D2521" s="4" t="s">
        <v>12892</v>
      </c>
    </row>
    <row r="2522" spans="1:11" ht="57.6" x14ac:dyDescent="0.3">
      <c r="A2522" s="1">
        <v>19511</v>
      </c>
      <c r="C2522" s="4" t="s">
        <v>12893</v>
      </c>
      <c r="D2522" s="4" t="s">
        <v>12894</v>
      </c>
      <c r="F2522" s="4" t="s">
        <v>12895</v>
      </c>
      <c r="G2522" s="4" t="s">
        <v>12896</v>
      </c>
      <c r="I2522" s="4" t="s">
        <v>12897</v>
      </c>
    </row>
    <row r="2523" spans="1:11" ht="72" x14ac:dyDescent="0.3">
      <c r="A2523" s="1">
        <v>19516</v>
      </c>
      <c r="C2523" s="4" t="s">
        <v>12898</v>
      </c>
      <c r="D2523" s="4" t="s">
        <v>12899</v>
      </c>
      <c r="E2523" s="4" t="s">
        <v>12900</v>
      </c>
      <c r="F2523" s="4" t="s">
        <v>12901</v>
      </c>
    </row>
    <row r="2524" spans="1:11" x14ac:dyDescent="0.3">
      <c r="A2524" s="1">
        <v>19531</v>
      </c>
    </row>
    <row r="2525" spans="1:11" ht="72" x14ac:dyDescent="0.3">
      <c r="A2525" s="1">
        <v>19536</v>
      </c>
      <c r="C2525" s="4" t="s">
        <v>12902</v>
      </c>
    </row>
    <row r="2526" spans="1:11" ht="86.4" x14ac:dyDescent="0.3">
      <c r="A2526" s="1">
        <v>19551</v>
      </c>
      <c r="C2526" s="4" t="s">
        <v>12903</v>
      </c>
      <c r="D2526" s="4" t="s">
        <v>12904</v>
      </c>
      <c r="E2526" s="4" t="s">
        <v>12905</v>
      </c>
      <c r="F2526" s="4" t="s">
        <v>12906</v>
      </c>
      <c r="G2526" s="4" t="s">
        <v>12907</v>
      </c>
      <c r="H2526" s="4" t="s">
        <v>12908</v>
      </c>
      <c r="I2526" s="4" t="s">
        <v>12909</v>
      </c>
      <c r="K2526" s="4" t="s">
        <v>12910</v>
      </c>
    </row>
    <row r="2527" spans="1:11" ht="86.4" x14ac:dyDescent="0.3">
      <c r="A2527" s="1">
        <v>19556</v>
      </c>
      <c r="C2527" s="4" t="s">
        <v>12911</v>
      </c>
      <c r="D2527" s="4" t="s">
        <v>12912</v>
      </c>
      <c r="F2527" s="4" t="s">
        <v>12913</v>
      </c>
      <c r="G2527" s="4" t="s">
        <v>12914</v>
      </c>
      <c r="H2527" s="4" t="s">
        <v>12915</v>
      </c>
      <c r="K2527" s="4" t="s">
        <v>12916</v>
      </c>
    </row>
    <row r="2528" spans="1:11" ht="86.4" x14ac:dyDescent="0.3">
      <c r="A2528" s="1">
        <v>19561</v>
      </c>
      <c r="C2528" s="4" t="s">
        <v>12917</v>
      </c>
      <c r="D2528" s="4" t="s">
        <v>12918</v>
      </c>
      <c r="E2528" s="4" t="s">
        <v>12919</v>
      </c>
      <c r="I2528" s="4" t="s">
        <v>12920</v>
      </c>
      <c r="J2528" s="4" t="s">
        <v>12921</v>
      </c>
      <c r="K2528" s="4" t="s">
        <v>12922</v>
      </c>
    </row>
    <row r="2529" spans="1:11" ht="72" x14ac:dyDescent="0.3">
      <c r="A2529" s="1">
        <v>19576</v>
      </c>
      <c r="C2529" s="4" t="s">
        <v>12923</v>
      </c>
      <c r="D2529" s="4" t="s">
        <v>12924</v>
      </c>
      <c r="F2529" s="4" t="s">
        <v>12925</v>
      </c>
      <c r="G2529" s="4" t="s">
        <v>12926</v>
      </c>
      <c r="H2529" s="4" t="s">
        <v>12927</v>
      </c>
      <c r="I2529" s="4" t="s">
        <v>12928</v>
      </c>
      <c r="K2529" s="4" t="s">
        <v>12929</v>
      </c>
    </row>
    <row r="2530" spans="1:11" x14ac:dyDescent="0.3">
      <c r="A2530" s="1">
        <v>19586</v>
      </c>
      <c r="C2530" s="4" t="s">
        <v>12930</v>
      </c>
    </row>
    <row r="2531" spans="1:11" ht="86.4" x14ac:dyDescent="0.3">
      <c r="A2531" s="1">
        <v>19591</v>
      </c>
      <c r="C2531" s="4" t="s">
        <v>12931</v>
      </c>
      <c r="D2531" s="4" t="s">
        <v>12932</v>
      </c>
      <c r="E2531" s="4" t="s">
        <v>12933</v>
      </c>
      <c r="F2531" s="4" t="s">
        <v>12934</v>
      </c>
      <c r="G2531" s="4" t="s">
        <v>12935</v>
      </c>
      <c r="H2531" s="4" t="s">
        <v>12936</v>
      </c>
      <c r="I2531" s="4" t="s">
        <v>12937</v>
      </c>
      <c r="J2531" s="4" t="s">
        <v>12938</v>
      </c>
      <c r="K2531" s="4" t="s">
        <v>12939</v>
      </c>
    </row>
    <row r="2532" spans="1:11" ht="57.6" x14ac:dyDescent="0.3">
      <c r="A2532" s="1">
        <v>19596</v>
      </c>
      <c r="K2532" s="4" t="s">
        <v>12940</v>
      </c>
    </row>
    <row r="2533" spans="1:11" ht="72" x14ac:dyDescent="0.3">
      <c r="A2533" s="1">
        <v>19606</v>
      </c>
      <c r="C2533" s="4" t="s">
        <v>12941</v>
      </c>
      <c r="D2533" s="4" t="s">
        <v>12942</v>
      </c>
      <c r="E2533" s="4" t="s">
        <v>12943</v>
      </c>
      <c r="F2533" s="4" t="s">
        <v>12944</v>
      </c>
      <c r="G2533" s="4" t="s">
        <v>12945</v>
      </c>
      <c r="H2533" s="4" t="s">
        <v>12946</v>
      </c>
      <c r="I2533" s="4" t="s">
        <v>12947</v>
      </c>
      <c r="K2533" s="4" t="s">
        <v>12948</v>
      </c>
    </row>
    <row r="2534" spans="1:11" ht="72" x14ac:dyDescent="0.3">
      <c r="A2534" s="1">
        <v>19611</v>
      </c>
      <c r="C2534" s="4" t="s">
        <v>12949</v>
      </c>
      <c r="D2534" s="4" t="s">
        <v>12950</v>
      </c>
      <c r="E2534" s="4" t="s">
        <v>12951</v>
      </c>
      <c r="G2534" s="4" t="s">
        <v>12952</v>
      </c>
    </row>
    <row r="2535" spans="1:11" x14ac:dyDescent="0.3">
      <c r="A2535" s="1">
        <v>19616</v>
      </c>
    </row>
    <row r="2536" spans="1:11" x14ac:dyDescent="0.3">
      <c r="A2536" s="1">
        <v>19621</v>
      </c>
      <c r="C2536" s="4" t="s">
        <v>12953</v>
      </c>
    </row>
    <row r="2537" spans="1:11" ht="28.8" x14ac:dyDescent="0.3">
      <c r="A2537" s="1">
        <v>19636</v>
      </c>
      <c r="C2537" s="4" t="s">
        <v>12954</v>
      </c>
      <c r="D2537" s="4" t="s">
        <v>12955</v>
      </c>
      <c r="E2537" s="4" t="s">
        <v>11786</v>
      </c>
      <c r="F2537" s="4" t="s">
        <v>12956</v>
      </c>
      <c r="G2537" s="4" t="s">
        <v>12957</v>
      </c>
      <c r="H2537" s="4" t="s">
        <v>12958</v>
      </c>
      <c r="I2537" s="4" t="s">
        <v>12959</v>
      </c>
      <c r="K2537" s="4" t="s">
        <v>12960</v>
      </c>
    </row>
    <row r="2538" spans="1:11" ht="57.6" x14ac:dyDescent="0.3">
      <c r="A2538" s="1">
        <v>19641</v>
      </c>
      <c r="C2538" s="4" t="s">
        <v>12961</v>
      </c>
      <c r="D2538" s="4" t="s">
        <v>12962</v>
      </c>
      <c r="E2538" s="4" t="s">
        <v>12963</v>
      </c>
      <c r="F2538" s="4" t="s">
        <v>12964</v>
      </c>
      <c r="G2538" s="4" t="s">
        <v>12965</v>
      </c>
      <c r="H2538" s="4" t="s">
        <v>12966</v>
      </c>
      <c r="I2538" s="4" t="s">
        <v>12967</v>
      </c>
    </row>
    <row r="2539" spans="1:11" ht="57.6" x14ac:dyDescent="0.3">
      <c r="A2539" s="1">
        <v>19646</v>
      </c>
      <c r="C2539" s="4" t="s">
        <v>12968</v>
      </c>
      <c r="D2539" s="4" t="s">
        <v>12969</v>
      </c>
      <c r="G2539" s="4" t="s">
        <v>12970</v>
      </c>
      <c r="H2539" s="4" t="s">
        <v>12971</v>
      </c>
      <c r="K2539" s="4" t="s">
        <v>12972</v>
      </c>
    </row>
    <row r="2540" spans="1:11" x14ac:dyDescent="0.3">
      <c r="A2540" s="1">
        <v>19651</v>
      </c>
    </row>
    <row r="2541" spans="1:11" ht="57.6" x14ac:dyDescent="0.3">
      <c r="A2541" s="1">
        <v>19656</v>
      </c>
      <c r="C2541" s="4" t="s">
        <v>12973</v>
      </c>
      <c r="G2541" s="4" t="s">
        <v>12974</v>
      </c>
      <c r="H2541" s="4" t="s">
        <v>12975</v>
      </c>
    </row>
    <row r="2542" spans="1:11" ht="28.8" x14ac:dyDescent="0.3">
      <c r="A2542" s="1">
        <v>19666</v>
      </c>
      <c r="C2542" s="4" t="s">
        <v>12976</v>
      </c>
    </row>
    <row r="2543" spans="1:11" ht="28.8" x14ac:dyDescent="0.3">
      <c r="A2543" s="1">
        <v>19671</v>
      </c>
      <c r="C2543" s="4" t="s">
        <v>12977</v>
      </c>
      <c r="D2543" s="4" t="s">
        <v>12978</v>
      </c>
      <c r="E2543" s="4" t="s">
        <v>12979</v>
      </c>
      <c r="F2543" s="4" t="s">
        <v>12980</v>
      </c>
      <c r="G2543" s="4" t="s">
        <v>12981</v>
      </c>
      <c r="H2543" s="4" t="s">
        <v>12982</v>
      </c>
      <c r="I2543" s="4" t="s">
        <v>12983</v>
      </c>
    </row>
    <row r="2544" spans="1:11" ht="57.6" x14ac:dyDescent="0.3">
      <c r="A2544" s="1">
        <v>19676</v>
      </c>
      <c r="C2544" s="4" t="s">
        <v>12984</v>
      </c>
      <c r="D2544" s="4" t="s">
        <v>12985</v>
      </c>
      <c r="F2544" s="4" t="s">
        <v>12986</v>
      </c>
      <c r="H2544" s="4" t="s">
        <v>12987</v>
      </c>
    </row>
    <row r="2545" spans="1:11" x14ac:dyDescent="0.3">
      <c r="A2545" s="1">
        <v>19686</v>
      </c>
      <c r="D2545" s="4" t="s">
        <v>12988</v>
      </c>
    </row>
    <row r="2546" spans="1:11" ht="57.6" x14ac:dyDescent="0.3">
      <c r="A2546" s="1">
        <v>19696</v>
      </c>
      <c r="C2546" s="4" t="s">
        <v>12989</v>
      </c>
      <c r="D2546" s="4" t="s">
        <v>12990</v>
      </c>
      <c r="E2546" s="4" t="s">
        <v>12991</v>
      </c>
      <c r="F2546" s="4" t="s">
        <v>12992</v>
      </c>
      <c r="G2546" s="4" t="s">
        <v>2535</v>
      </c>
      <c r="H2546" s="4" t="s">
        <v>12993</v>
      </c>
      <c r="I2546" s="4" t="s">
        <v>4799</v>
      </c>
      <c r="K2546" s="4" t="s">
        <v>12994</v>
      </c>
    </row>
    <row r="2547" spans="1:11" ht="72" x14ac:dyDescent="0.3">
      <c r="A2547" s="1">
        <v>19706</v>
      </c>
      <c r="C2547" s="4" t="s">
        <v>12995</v>
      </c>
      <c r="D2547" s="4" t="s">
        <v>12996</v>
      </c>
      <c r="E2547" s="4" t="s">
        <v>12997</v>
      </c>
      <c r="F2547" s="4" t="s">
        <v>12998</v>
      </c>
      <c r="G2547" s="4" t="s">
        <v>12999</v>
      </c>
      <c r="I2547" s="4" t="s">
        <v>13000</v>
      </c>
      <c r="K2547" s="4" t="s">
        <v>13001</v>
      </c>
    </row>
    <row r="2548" spans="1:11" x14ac:dyDescent="0.3">
      <c r="A2548" s="1">
        <v>19711</v>
      </c>
    </row>
    <row r="2549" spans="1:11" ht="86.4" x14ac:dyDescent="0.3">
      <c r="A2549" s="1">
        <v>19716</v>
      </c>
      <c r="C2549" s="4" t="s">
        <v>13002</v>
      </c>
      <c r="D2549" s="4" t="s">
        <v>13003</v>
      </c>
      <c r="E2549" s="4" t="s">
        <v>13004</v>
      </c>
      <c r="F2549" s="4" t="s">
        <v>13004</v>
      </c>
      <c r="G2549" s="4" t="s">
        <v>13005</v>
      </c>
      <c r="H2549" s="4" t="s">
        <v>13006</v>
      </c>
      <c r="I2549" s="4" t="s">
        <v>13007</v>
      </c>
      <c r="K2549" s="4" t="s">
        <v>13002</v>
      </c>
    </row>
    <row r="2550" spans="1:11" ht="86.4" x14ac:dyDescent="0.3">
      <c r="A2550" s="1">
        <v>19731</v>
      </c>
      <c r="C2550" s="4" t="s">
        <v>13008</v>
      </c>
      <c r="E2550" s="4" t="s">
        <v>13009</v>
      </c>
      <c r="F2550" s="4" t="s">
        <v>13010</v>
      </c>
      <c r="G2550" s="4" t="s">
        <v>13011</v>
      </c>
      <c r="H2550" s="4" t="s">
        <v>13012</v>
      </c>
      <c r="I2550" s="4" t="s">
        <v>23151</v>
      </c>
      <c r="J2550" s="4" t="s">
        <v>13013</v>
      </c>
      <c r="K2550" s="4" t="s">
        <v>13014</v>
      </c>
    </row>
    <row r="2551" spans="1:11" ht="86.4" x14ac:dyDescent="0.3">
      <c r="A2551" s="1">
        <v>19736</v>
      </c>
      <c r="C2551" s="4" t="s">
        <v>13015</v>
      </c>
      <c r="D2551" s="4" t="s">
        <v>13016</v>
      </c>
      <c r="G2551" s="4" t="s">
        <v>13017</v>
      </c>
      <c r="H2551" s="4" t="s">
        <v>13018</v>
      </c>
      <c r="I2551" s="4" t="s">
        <v>13019</v>
      </c>
      <c r="K2551" s="4" t="s">
        <v>13020</v>
      </c>
    </row>
    <row r="2552" spans="1:11" ht="72" x14ac:dyDescent="0.3">
      <c r="A2552" s="1">
        <v>19741</v>
      </c>
      <c r="C2552" s="4" t="s">
        <v>13021</v>
      </c>
      <c r="D2552" s="4" t="s">
        <v>13022</v>
      </c>
      <c r="F2552" s="4" t="s">
        <v>13023</v>
      </c>
      <c r="G2552" s="4" t="s">
        <v>13024</v>
      </c>
      <c r="H2552" s="4" t="s">
        <v>13025</v>
      </c>
      <c r="I2552" s="4" t="s">
        <v>13026</v>
      </c>
    </row>
    <row r="2553" spans="1:11" ht="86.4" x14ac:dyDescent="0.3">
      <c r="A2553" s="1">
        <v>19746</v>
      </c>
      <c r="C2553" s="4" t="s">
        <v>13027</v>
      </c>
      <c r="D2553" s="4" t="s">
        <v>13028</v>
      </c>
      <c r="E2553" s="4" t="s">
        <v>13029</v>
      </c>
      <c r="F2553" s="4" t="s">
        <v>13030</v>
      </c>
      <c r="G2553" s="4" t="s">
        <v>13031</v>
      </c>
      <c r="H2553" s="4" t="s">
        <v>13032</v>
      </c>
      <c r="I2553" s="4" t="s">
        <v>13033</v>
      </c>
      <c r="J2553" s="4" t="s">
        <v>13034</v>
      </c>
      <c r="K2553" s="4" t="s">
        <v>13035</v>
      </c>
    </row>
    <row r="2554" spans="1:11" ht="28.8" x14ac:dyDescent="0.3">
      <c r="A2554" s="1">
        <v>19751</v>
      </c>
      <c r="D2554" s="4" t="s">
        <v>13036</v>
      </c>
      <c r="E2554" s="4" t="s">
        <v>13037</v>
      </c>
    </row>
    <row r="2555" spans="1:11" ht="86.4" x14ac:dyDescent="0.3">
      <c r="A2555" s="1">
        <v>19756</v>
      </c>
      <c r="D2555" s="4" t="s">
        <v>13038</v>
      </c>
      <c r="E2555" s="4" t="s">
        <v>13039</v>
      </c>
      <c r="F2555" s="4" t="s">
        <v>13040</v>
      </c>
      <c r="G2555" s="4" t="s">
        <v>13041</v>
      </c>
      <c r="H2555" s="4" t="s">
        <v>13041</v>
      </c>
      <c r="I2555" s="4" t="s">
        <v>13042</v>
      </c>
      <c r="K2555" s="4" t="s">
        <v>13043</v>
      </c>
    </row>
    <row r="2556" spans="1:11" ht="57.6" x14ac:dyDescent="0.3">
      <c r="A2556" s="1">
        <v>19766</v>
      </c>
      <c r="C2556" s="4" t="s">
        <v>13044</v>
      </c>
      <c r="D2556" s="4" t="s">
        <v>13045</v>
      </c>
      <c r="E2556" s="4" t="s">
        <v>13046</v>
      </c>
      <c r="G2556" s="4" t="s">
        <v>23184</v>
      </c>
    </row>
    <row r="2557" spans="1:11" x14ac:dyDescent="0.3">
      <c r="A2557" s="1">
        <v>19771</v>
      </c>
    </row>
    <row r="2558" spans="1:11" ht="43.2" x14ac:dyDescent="0.3">
      <c r="A2558" s="1">
        <v>19776</v>
      </c>
      <c r="C2558" s="4" t="s">
        <v>13047</v>
      </c>
      <c r="D2558" s="4" t="s">
        <v>13048</v>
      </c>
      <c r="F2558" s="4" t="s">
        <v>13049</v>
      </c>
      <c r="G2558" s="4" t="s">
        <v>13050</v>
      </c>
      <c r="I2558" s="4" t="s">
        <v>13051</v>
      </c>
      <c r="K2558" s="4" t="s">
        <v>13052</v>
      </c>
    </row>
    <row r="2559" spans="1:11" ht="72" x14ac:dyDescent="0.3">
      <c r="A2559" s="1">
        <v>19781</v>
      </c>
      <c r="C2559" s="4" t="s">
        <v>13053</v>
      </c>
      <c r="D2559" s="4" t="s">
        <v>13054</v>
      </c>
      <c r="E2559" s="4" t="s">
        <v>13055</v>
      </c>
      <c r="F2559" s="4" t="s">
        <v>13056</v>
      </c>
      <c r="G2559" s="4" t="s">
        <v>13057</v>
      </c>
      <c r="K2559" s="4" t="s">
        <v>13058</v>
      </c>
    </row>
    <row r="2560" spans="1:11" ht="57.6" x14ac:dyDescent="0.3">
      <c r="A2560" s="1">
        <v>19806</v>
      </c>
      <c r="C2560" s="4" t="s">
        <v>13059</v>
      </c>
      <c r="D2560" s="4" t="s">
        <v>13060</v>
      </c>
      <c r="E2560" s="4" t="s">
        <v>13061</v>
      </c>
      <c r="F2560" s="4" t="s">
        <v>13062</v>
      </c>
      <c r="G2560" s="4" t="s">
        <v>13063</v>
      </c>
      <c r="K2560" s="4" t="s">
        <v>13064</v>
      </c>
    </row>
    <row r="2561" spans="1:11" ht="72" x14ac:dyDescent="0.3">
      <c r="A2561" s="1">
        <v>19811</v>
      </c>
      <c r="C2561" s="4" t="s">
        <v>13065</v>
      </c>
      <c r="D2561" s="4" t="s">
        <v>13066</v>
      </c>
      <c r="E2561" s="4" t="s">
        <v>13067</v>
      </c>
      <c r="F2561" s="4" t="s">
        <v>13068</v>
      </c>
      <c r="H2561" s="4" t="s">
        <v>13069</v>
      </c>
      <c r="J2561" s="4" t="s">
        <v>13070</v>
      </c>
      <c r="K2561" s="4" t="s">
        <v>13071</v>
      </c>
    </row>
    <row r="2562" spans="1:11" ht="28.8" x14ac:dyDescent="0.3">
      <c r="A2562" s="1">
        <v>19816</v>
      </c>
      <c r="G2562" s="4" t="s">
        <v>13072</v>
      </c>
    </row>
    <row r="2563" spans="1:11" ht="86.4" x14ac:dyDescent="0.3">
      <c r="A2563" s="1">
        <v>19821</v>
      </c>
      <c r="C2563" s="4" t="s">
        <v>13073</v>
      </c>
      <c r="D2563" s="4" t="s">
        <v>13074</v>
      </c>
      <c r="E2563" s="4" t="s">
        <v>13075</v>
      </c>
      <c r="G2563" s="4" t="s">
        <v>13076</v>
      </c>
      <c r="H2563" s="4" t="s">
        <v>13077</v>
      </c>
      <c r="I2563" s="4" t="s">
        <v>13078</v>
      </c>
      <c r="K2563" s="4" t="s">
        <v>13079</v>
      </c>
    </row>
    <row r="2564" spans="1:11" ht="72" x14ac:dyDescent="0.3">
      <c r="A2564" s="1">
        <v>19826</v>
      </c>
      <c r="C2564" s="4" t="s">
        <v>13080</v>
      </c>
      <c r="D2564" s="4" t="s">
        <v>13081</v>
      </c>
      <c r="E2564" s="4" t="s">
        <v>13082</v>
      </c>
      <c r="F2564" s="4" t="s">
        <v>13083</v>
      </c>
      <c r="G2564" s="4" t="s">
        <v>13084</v>
      </c>
      <c r="H2564" s="4" t="s">
        <v>13085</v>
      </c>
      <c r="I2564" s="4" t="s">
        <v>13086</v>
      </c>
      <c r="J2564" s="4" t="s">
        <v>13087</v>
      </c>
    </row>
    <row r="2565" spans="1:11" ht="28.8" x14ac:dyDescent="0.3">
      <c r="A2565" s="1">
        <v>19836</v>
      </c>
      <c r="C2565" s="4" t="s">
        <v>13088</v>
      </c>
      <c r="H2565" s="4" t="s">
        <v>13089</v>
      </c>
      <c r="K2565" s="4" t="s">
        <v>13090</v>
      </c>
    </row>
    <row r="2566" spans="1:11" x14ac:dyDescent="0.3">
      <c r="A2566" s="1">
        <v>19841</v>
      </c>
    </row>
    <row r="2567" spans="1:11" x14ac:dyDescent="0.3">
      <c r="A2567" s="1">
        <v>19861</v>
      </c>
      <c r="B2567" s="1" t="s">
        <v>11462</v>
      </c>
    </row>
    <row r="2568" spans="1:11" ht="72" x14ac:dyDescent="0.3">
      <c r="A2568" s="1">
        <v>19866</v>
      </c>
      <c r="C2568" s="4" t="s">
        <v>13091</v>
      </c>
      <c r="D2568" s="4" t="s">
        <v>13092</v>
      </c>
      <c r="E2568" s="4" t="s">
        <v>13093</v>
      </c>
      <c r="F2568" s="4" t="s">
        <v>13094</v>
      </c>
      <c r="G2568" s="4" t="s">
        <v>13095</v>
      </c>
      <c r="H2568" s="4" t="s">
        <v>13096</v>
      </c>
      <c r="J2568" s="4" t="s">
        <v>13097</v>
      </c>
    </row>
    <row r="2569" spans="1:11" ht="72" x14ac:dyDescent="0.3">
      <c r="A2569" s="1">
        <v>19871</v>
      </c>
      <c r="C2569" s="4" t="s">
        <v>13098</v>
      </c>
      <c r="D2569" s="4" t="s">
        <v>13099</v>
      </c>
      <c r="E2569" s="4" t="s">
        <v>13100</v>
      </c>
      <c r="G2569" s="4" t="s">
        <v>13101</v>
      </c>
      <c r="H2569" s="4" t="s">
        <v>13102</v>
      </c>
    </row>
    <row r="2570" spans="1:11" ht="86.4" x14ac:dyDescent="0.3">
      <c r="A2570" s="1">
        <v>19876</v>
      </c>
      <c r="C2570" s="4" t="s">
        <v>13103</v>
      </c>
      <c r="D2570" s="4" t="s">
        <v>13104</v>
      </c>
      <c r="E2570" s="4" t="s">
        <v>13105</v>
      </c>
      <c r="G2570" s="4" t="s">
        <v>13106</v>
      </c>
      <c r="H2570" s="4" t="s">
        <v>13107</v>
      </c>
      <c r="I2570" s="4" t="s">
        <v>13108</v>
      </c>
      <c r="K2570" s="4" t="s">
        <v>13109</v>
      </c>
    </row>
    <row r="2571" spans="1:11" x14ac:dyDescent="0.3">
      <c r="A2571" s="1">
        <v>19886</v>
      </c>
    </row>
    <row r="2572" spans="1:11" ht="86.4" x14ac:dyDescent="0.3">
      <c r="A2572" s="1">
        <v>19891</v>
      </c>
      <c r="C2572" s="4" t="s">
        <v>13110</v>
      </c>
      <c r="D2572" s="4" t="s">
        <v>13111</v>
      </c>
      <c r="E2572" s="4" t="s">
        <v>13112</v>
      </c>
      <c r="F2572" s="4" t="s">
        <v>13113</v>
      </c>
      <c r="G2572" s="4" t="s">
        <v>13114</v>
      </c>
      <c r="H2572" s="4" t="s">
        <v>13115</v>
      </c>
      <c r="I2572" s="4" t="s">
        <v>13116</v>
      </c>
      <c r="K2572" s="4" t="s">
        <v>13117</v>
      </c>
    </row>
    <row r="2573" spans="1:11" ht="72" x14ac:dyDescent="0.3">
      <c r="A2573" s="1">
        <v>19896</v>
      </c>
      <c r="C2573" s="4" t="s">
        <v>13118</v>
      </c>
      <c r="E2573" s="4" t="s">
        <v>13119</v>
      </c>
      <c r="G2573" s="4" t="s">
        <v>13120</v>
      </c>
    </row>
    <row r="2574" spans="1:11" ht="86.4" x14ac:dyDescent="0.3">
      <c r="A2574" s="1">
        <v>19901</v>
      </c>
      <c r="D2574" s="4" t="s">
        <v>13121</v>
      </c>
      <c r="F2574" s="4" t="s">
        <v>13122</v>
      </c>
      <c r="G2574" s="4" t="s">
        <v>13123</v>
      </c>
      <c r="H2574" s="4" t="s">
        <v>13124</v>
      </c>
      <c r="I2574" s="4" t="s">
        <v>13125</v>
      </c>
      <c r="J2574" s="4" t="s">
        <v>13126</v>
      </c>
      <c r="K2574" s="4" t="s">
        <v>13127</v>
      </c>
    </row>
    <row r="2575" spans="1:11" ht="86.4" x14ac:dyDescent="0.3">
      <c r="A2575" s="1">
        <v>19906</v>
      </c>
      <c r="C2575" s="4" t="s">
        <v>13128</v>
      </c>
      <c r="D2575" s="4" t="s">
        <v>13129</v>
      </c>
      <c r="E2575" s="4" t="s">
        <v>13130</v>
      </c>
      <c r="F2575" s="4" t="s">
        <v>13131</v>
      </c>
      <c r="G2575" s="4" t="s">
        <v>13132</v>
      </c>
      <c r="H2575" s="4" t="s">
        <v>13133</v>
      </c>
      <c r="I2575" s="4" t="s">
        <v>13134</v>
      </c>
      <c r="K2575" s="4" t="s">
        <v>13135</v>
      </c>
    </row>
    <row r="2576" spans="1:11" ht="86.4" x14ac:dyDescent="0.3">
      <c r="A2576" s="1">
        <v>19911</v>
      </c>
      <c r="D2576" s="4" t="s">
        <v>13136</v>
      </c>
      <c r="E2576" s="4" t="s">
        <v>13137</v>
      </c>
      <c r="F2576" s="4" t="s">
        <v>13138</v>
      </c>
    </row>
    <row r="2577" spans="1:11" ht="86.4" x14ac:dyDescent="0.3">
      <c r="A2577" s="1">
        <v>19921</v>
      </c>
      <c r="D2577" s="4" t="s">
        <v>13139</v>
      </c>
      <c r="E2577" s="4" t="s">
        <v>13140</v>
      </c>
      <c r="F2577" s="4" t="s">
        <v>13141</v>
      </c>
      <c r="G2577" s="4" t="s">
        <v>13142</v>
      </c>
      <c r="K2577" s="4" t="s">
        <v>13143</v>
      </c>
    </row>
    <row r="2578" spans="1:11" ht="43.2" x14ac:dyDescent="0.3">
      <c r="A2578" s="1">
        <v>19926</v>
      </c>
      <c r="C2578" s="4" t="s">
        <v>13144</v>
      </c>
      <c r="D2578" s="4" t="s">
        <v>13145</v>
      </c>
      <c r="E2578" s="4" t="s">
        <v>13146</v>
      </c>
      <c r="G2578" s="4" t="s">
        <v>13147</v>
      </c>
      <c r="H2578" s="4" t="s">
        <v>13148</v>
      </c>
      <c r="K2578" s="4" t="s">
        <v>13149</v>
      </c>
    </row>
    <row r="2579" spans="1:11" ht="72" x14ac:dyDescent="0.3">
      <c r="A2579" s="1">
        <v>19931</v>
      </c>
      <c r="C2579" s="4" t="s">
        <v>13150</v>
      </c>
      <c r="D2579" s="4" t="s">
        <v>13151</v>
      </c>
      <c r="E2579" s="4" t="s">
        <v>13152</v>
      </c>
      <c r="F2579" s="4" t="s">
        <v>13153</v>
      </c>
      <c r="G2579" s="4" t="s">
        <v>13154</v>
      </c>
    </row>
    <row r="2580" spans="1:11" ht="115.2" x14ac:dyDescent="0.3">
      <c r="A2580" s="1">
        <v>19936</v>
      </c>
      <c r="C2580" s="4" t="s">
        <v>13155</v>
      </c>
      <c r="D2580" s="4" t="s">
        <v>13156</v>
      </c>
      <c r="E2580" s="4" t="s">
        <v>13157</v>
      </c>
      <c r="F2580" s="4" t="s">
        <v>13158</v>
      </c>
      <c r="G2580" s="4" t="s">
        <v>13159</v>
      </c>
      <c r="H2580" s="4" t="s">
        <v>13160</v>
      </c>
      <c r="I2580" s="4" t="s">
        <v>13161</v>
      </c>
      <c r="J2580" s="4" t="s">
        <v>13162</v>
      </c>
      <c r="K2580" s="4" t="s">
        <v>13163</v>
      </c>
    </row>
    <row r="2581" spans="1:11" ht="86.4" x14ac:dyDescent="0.3">
      <c r="A2581" s="1">
        <v>19941</v>
      </c>
      <c r="C2581" s="4" t="s">
        <v>13164</v>
      </c>
      <c r="F2581" s="4" t="s">
        <v>13165</v>
      </c>
      <c r="J2581" s="4" t="s">
        <v>13166</v>
      </c>
      <c r="K2581" s="4" t="s">
        <v>13167</v>
      </c>
    </row>
    <row r="2582" spans="1:11" ht="86.4" x14ac:dyDescent="0.3">
      <c r="A2582" s="1">
        <v>19946</v>
      </c>
      <c r="D2582" s="4" t="s">
        <v>13168</v>
      </c>
      <c r="F2582" s="4" t="s">
        <v>13169</v>
      </c>
      <c r="G2582" s="4" t="s">
        <v>13170</v>
      </c>
      <c r="H2582" s="4" t="s">
        <v>13171</v>
      </c>
      <c r="I2582" s="4" t="s">
        <v>13172</v>
      </c>
    </row>
    <row r="2583" spans="1:11" ht="86.4" x14ac:dyDescent="0.3">
      <c r="A2583" s="1">
        <v>19951</v>
      </c>
      <c r="C2583" s="4" t="s">
        <v>13173</v>
      </c>
      <c r="D2583" s="4" t="s">
        <v>13174</v>
      </c>
      <c r="E2583" s="4" t="s">
        <v>13175</v>
      </c>
      <c r="F2583" s="4" t="s">
        <v>13176</v>
      </c>
      <c r="G2583" s="4" t="s">
        <v>13177</v>
      </c>
      <c r="H2583" s="4" t="s">
        <v>13178</v>
      </c>
      <c r="I2583" s="4" t="s">
        <v>13179</v>
      </c>
      <c r="K2583" s="4" t="s">
        <v>13180</v>
      </c>
    </row>
    <row r="2584" spans="1:11" ht="57.6" x14ac:dyDescent="0.3">
      <c r="A2584" s="1">
        <v>19956</v>
      </c>
      <c r="K2584" s="4" t="s">
        <v>13181</v>
      </c>
    </row>
    <row r="2585" spans="1:11" ht="43.2" x14ac:dyDescent="0.3">
      <c r="A2585" s="1">
        <v>19966</v>
      </c>
      <c r="C2585" s="4" t="s">
        <v>13182</v>
      </c>
      <c r="D2585" s="4" t="s">
        <v>13183</v>
      </c>
      <c r="G2585" s="4" t="s">
        <v>13184</v>
      </c>
      <c r="K2585" s="4" t="s">
        <v>13185</v>
      </c>
    </row>
    <row r="2586" spans="1:11" ht="57.6" x14ac:dyDescent="0.3">
      <c r="A2586" s="1">
        <v>19971</v>
      </c>
      <c r="D2586" s="4" t="s">
        <v>13186</v>
      </c>
      <c r="E2586" s="4" t="s">
        <v>13187</v>
      </c>
      <c r="G2586" s="4" t="s">
        <v>13188</v>
      </c>
    </row>
    <row r="2587" spans="1:11" ht="72" x14ac:dyDescent="0.3">
      <c r="A2587" s="1">
        <v>19981</v>
      </c>
      <c r="C2587" s="4" t="s">
        <v>13189</v>
      </c>
      <c r="D2587" s="4" t="s">
        <v>13190</v>
      </c>
      <c r="E2587" s="4" t="s">
        <v>13191</v>
      </c>
      <c r="G2587" s="4" t="s">
        <v>13192</v>
      </c>
      <c r="H2587" s="4" t="s">
        <v>13193</v>
      </c>
      <c r="I2587" s="4" t="s">
        <v>13194</v>
      </c>
    </row>
    <row r="2588" spans="1:11" ht="72" x14ac:dyDescent="0.3">
      <c r="A2588" s="1">
        <v>19991</v>
      </c>
      <c r="D2588" s="4" t="s">
        <v>13195</v>
      </c>
      <c r="E2588" s="4" t="s">
        <v>13196</v>
      </c>
      <c r="F2588" s="4" t="s">
        <v>13197</v>
      </c>
      <c r="K2588" s="4" t="s">
        <v>13198</v>
      </c>
    </row>
    <row r="2589" spans="1:11" ht="28.8" x14ac:dyDescent="0.3">
      <c r="A2589" s="1">
        <v>19996</v>
      </c>
      <c r="C2589" s="4" t="s">
        <v>13199</v>
      </c>
      <c r="D2589" s="4" t="s">
        <v>13200</v>
      </c>
      <c r="G2589" s="4" t="s">
        <v>13201</v>
      </c>
      <c r="H2589" s="4" t="s">
        <v>13202</v>
      </c>
    </row>
    <row r="2590" spans="1:11" ht="86.4" x14ac:dyDescent="0.3">
      <c r="A2590" s="1">
        <v>20001</v>
      </c>
      <c r="C2590" s="4" t="s">
        <v>13203</v>
      </c>
      <c r="D2590" s="4" t="s">
        <v>13204</v>
      </c>
      <c r="E2590" s="4" t="s">
        <v>13205</v>
      </c>
      <c r="F2590" s="4" t="s">
        <v>13206</v>
      </c>
      <c r="G2590" s="4" t="s">
        <v>13207</v>
      </c>
      <c r="H2590" s="4" t="s">
        <v>13208</v>
      </c>
      <c r="I2590" s="4" t="s">
        <v>13209</v>
      </c>
      <c r="K2590" s="4" t="s">
        <v>13210</v>
      </c>
    </row>
    <row r="2591" spans="1:11" ht="72" x14ac:dyDescent="0.3">
      <c r="A2591" s="1">
        <v>20006</v>
      </c>
      <c r="C2591" s="4" t="s">
        <v>13211</v>
      </c>
      <c r="D2591" s="4" t="s">
        <v>13212</v>
      </c>
      <c r="E2591" s="4" t="s">
        <v>13213</v>
      </c>
      <c r="F2591" s="4" t="s">
        <v>13214</v>
      </c>
      <c r="G2591" s="4" t="s">
        <v>13215</v>
      </c>
      <c r="H2591" s="4" t="s">
        <v>13216</v>
      </c>
      <c r="I2591" s="4" t="s">
        <v>13217</v>
      </c>
      <c r="K2591" s="4" t="s">
        <v>13218</v>
      </c>
    </row>
    <row r="2592" spans="1:11" ht="86.4" x14ac:dyDescent="0.3">
      <c r="A2592" s="1">
        <v>20011</v>
      </c>
      <c r="C2592" s="4" t="s">
        <v>13219</v>
      </c>
      <c r="D2592" s="4" t="s">
        <v>13220</v>
      </c>
      <c r="E2592" s="4" t="s">
        <v>13221</v>
      </c>
      <c r="F2592" s="4" t="s">
        <v>13222</v>
      </c>
      <c r="G2592" s="4" t="s">
        <v>13223</v>
      </c>
      <c r="H2592" s="4" t="s">
        <v>13224</v>
      </c>
      <c r="I2592" s="4" t="s">
        <v>13225</v>
      </c>
      <c r="K2592" s="4" t="s">
        <v>13226</v>
      </c>
    </row>
    <row r="2593" spans="1:11" ht="28.8" x14ac:dyDescent="0.3">
      <c r="A2593" s="1">
        <v>20026</v>
      </c>
      <c r="C2593" s="4" t="s">
        <v>13227</v>
      </c>
      <c r="D2593" s="4" t="s">
        <v>13228</v>
      </c>
      <c r="F2593" s="4" t="s">
        <v>13229</v>
      </c>
      <c r="G2593" s="4" t="s">
        <v>13230</v>
      </c>
      <c r="H2593" s="4" t="s">
        <v>13231</v>
      </c>
    </row>
    <row r="2594" spans="1:11" ht="57.6" x14ac:dyDescent="0.3">
      <c r="A2594" s="1">
        <v>20031</v>
      </c>
      <c r="D2594" s="4" t="s">
        <v>13232</v>
      </c>
      <c r="G2594" s="4" t="s">
        <v>13233</v>
      </c>
    </row>
    <row r="2595" spans="1:11" ht="72" x14ac:dyDescent="0.3">
      <c r="A2595" s="1">
        <v>20036</v>
      </c>
      <c r="D2595" s="4" t="s">
        <v>13234</v>
      </c>
      <c r="E2595" s="4" t="s">
        <v>13235</v>
      </c>
      <c r="F2595" s="4" t="s">
        <v>13236</v>
      </c>
      <c r="K2595" s="4" t="s">
        <v>13237</v>
      </c>
    </row>
    <row r="2596" spans="1:11" x14ac:dyDescent="0.3">
      <c r="A2596" s="1">
        <v>20046</v>
      </c>
      <c r="J2596" s="4" t="s">
        <v>10521</v>
      </c>
    </row>
    <row r="2597" spans="1:11" x14ac:dyDescent="0.3">
      <c r="A2597" s="1">
        <v>20051</v>
      </c>
    </row>
    <row r="2598" spans="1:11" ht="72" x14ac:dyDescent="0.3">
      <c r="A2598" s="1">
        <v>20056</v>
      </c>
      <c r="D2598" s="4" t="s">
        <v>13238</v>
      </c>
      <c r="I2598" s="4" t="s">
        <v>13239</v>
      </c>
      <c r="J2598" s="4" t="s">
        <v>13240</v>
      </c>
      <c r="K2598" s="4" t="s">
        <v>13241</v>
      </c>
    </row>
    <row r="2599" spans="1:11" ht="86.4" x14ac:dyDescent="0.3">
      <c r="A2599" s="1">
        <v>20061</v>
      </c>
      <c r="D2599" s="4" t="s">
        <v>13242</v>
      </c>
      <c r="E2599" s="4" t="s">
        <v>13243</v>
      </c>
      <c r="F2599" s="4" t="s">
        <v>13244</v>
      </c>
      <c r="G2599" s="4" t="s">
        <v>13245</v>
      </c>
      <c r="H2599" s="4" t="s">
        <v>13246</v>
      </c>
      <c r="I2599" s="4" t="s">
        <v>13247</v>
      </c>
    </row>
    <row r="2600" spans="1:11" ht="57.6" x14ac:dyDescent="0.3">
      <c r="A2600" s="1">
        <v>20066</v>
      </c>
      <c r="C2600" s="4" t="s">
        <v>13248</v>
      </c>
      <c r="D2600" s="4" t="s">
        <v>13249</v>
      </c>
      <c r="G2600" s="4" t="s">
        <v>9656</v>
      </c>
      <c r="H2600" s="4" t="s">
        <v>13250</v>
      </c>
      <c r="I2600" s="4" t="s">
        <v>13251</v>
      </c>
      <c r="K2600" s="4" t="s">
        <v>13252</v>
      </c>
    </row>
    <row r="2601" spans="1:11" ht="100.8" x14ac:dyDescent="0.3">
      <c r="A2601" s="1">
        <v>20071</v>
      </c>
      <c r="C2601" s="4" t="s">
        <v>13253</v>
      </c>
      <c r="D2601" s="4" t="s">
        <v>13254</v>
      </c>
      <c r="E2601" s="4" t="s">
        <v>13255</v>
      </c>
      <c r="F2601" s="4" t="s">
        <v>13256</v>
      </c>
      <c r="G2601" s="4" t="s">
        <v>13257</v>
      </c>
      <c r="H2601" s="4" t="s">
        <v>13258</v>
      </c>
      <c r="I2601" s="4" t="s">
        <v>13259</v>
      </c>
      <c r="K2601" s="4" t="s">
        <v>13260</v>
      </c>
    </row>
    <row r="2602" spans="1:11" ht="28.8" x14ac:dyDescent="0.3">
      <c r="A2602" s="1">
        <v>20076</v>
      </c>
      <c r="C2602" s="4" t="s">
        <v>13261</v>
      </c>
      <c r="D2602" s="4" t="s">
        <v>13262</v>
      </c>
      <c r="I2602" s="4" t="s">
        <v>13263</v>
      </c>
      <c r="J2602" s="4" t="s">
        <v>13264</v>
      </c>
    </row>
    <row r="2603" spans="1:11" ht="86.4" x14ac:dyDescent="0.3">
      <c r="A2603" s="1">
        <v>20101</v>
      </c>
      <c r="C2603" s="4" t="s">
        <v>13265</v>
      </c>
      <c r="D2603" s="4" t="s">
        <v>13266</v>
      </c>
      <c r="E2603" s="4" t="s">
        <v>13267</v>
      </c>
      <c r="F2603" s="4" t="s">
        <v>13268</v>
      </c>
      <c r="G2603" s="4" t="s">
        <v>13269</v>
      </c>
      <c r="H2603" s="4" t="s">
        <v>13270</v>
      </c>
      <c r="I2603" s="4" t="s">
        <v>13271</v>
      </c>
      <c r="K2603" s="4" t="s">
        <v>13272</v>
      </c>
    </row>
    <row r="2604" spans="1:11" ht="100.8" x14ac:dyDescent="0.3">
      <c r="A2604" s="1">
        <v>20116</v>
      </c>
      <c r="C2604" s="4" t="s">
        <v>13273</v>
      </c>
      <c r="D2604" s="4" t="s">
        <v>13274</v>
      </c>
      <c r="E2604" s="4" t="s">
        <v>13275</v>
      </c>
      <c r="F2604" s="4" t="s">
        <v>13276</v>
      </c>
      <c r="G2604" s="4" t="s">
        <v>13277</v>
      </c>
      <c r="H2604" s="4" t="s">
        <v>13278</v>
      </c>
      <c r="I2604" s="4" t="s">
        <v>13279</v>
      </c>
      <c r="K2604" s="4" t="s">
        <v>13280</v>
      </c>
    </row>
    <row r="2605" spans="1:11" ht="86.4" x14ac:dyDescent="0.3">
      <c r="A2605" s="1">
        <v>20131</v>
      </c>
      <c r="C2605" s="4" t="s">
        <v>13281</v>
      </c>
      <c r="D2605" s="4" t="s">
        <v>13282</v>
      </c>
      <c r="E2605" s="4" t="s">
        <v>13283</v>
      </c>
      <c r="F2605" s="4" t="s">
        <v>13284</v>
      </c>
      <c r="G2605" s="4" t="s">
        <v>13285</v>
      </c>
      <c r="H2605" s="4" t="s">
        <v>13286</v>
      </c>
      <c r="I2605" s="4" t="s">
        <v>13287</v>
      </c>
      <c r="K2605" s="4" t="s">
        <v>13288</v>
      </c>
    </row>
    <row r="2606" spans="1:11" ht="28.8" x14ac:dyDescent="0.3">
      <c r="A2606" s="1">
        <v>20136</v>
      </c>
      <c r="C2606" s="4" t="s">
        <v>13289</v>
      </c>
      <c r="D2606" s="4" t="s">
        <v>13290</v>
      </c>
      <c r="G2606" s="4" t="s">
        <v>13291</v>
      </c>
      <c r="I2606" s="4" t="s">
        <v>13292</v>
      </c>
      <c r="K2606" s="4" t="s">
        <v>13293</v>
      </c>
    </row>
    <row r="2607" spans="1:11" ht="86.4" x14ac:dyDescent="0.3">
      <c r="A2607" s="1">
        <v>20141</v>
      </c>
      <c r="C2607" s="4" t="s">
        <v>13294</v>
      </c>
      <c r="D2607" s="4" t="s">
        <v>13295</v>
      </c>
      <c r="E2607" s="4" t="s">
        <v>13296</v>
      </c>
      <c r="F2607" s="4" t="s">
        <v>13297</v>
      </c>
      <c r="G2607" s="4" t="s">
        <v>13298</v>
      </c>
    </row>
    <row r="2608" spans="1:11" ht="86.4" x14ac:dyDescent="0.3">
      <c r="A2608" s="1">
        <v>20156</v>
      </c>
      <c r="C2608" s="4" t="s">
        <v>13299</v>
      </c>
      <c r="D2608" s="4" t="s">
        <v>13300</v>
      </c>
      <c r="E2608" s="4" t="s">
        <v>13301</v>
      </c>
      <c r="F2608" s="4" t="s">
        <v>13302</v>
      </c>
      <c r="G2608" s="4" t="s">
        <v>13303</v>
      </c>
      <c r="H2608" s="4" t="s">
        <v>13304</v>
      </c>
      <c r="K2608" s="4" t="s">
        <v>13305</v>
      </c>
    </row>
    <row r="2609" spans="1:11" ht="86.4" x14ac:dyDescent="0.3">
      <c r="A2609" s="1">
        <v>20166</v>
      </c>
      <c r="C2609" s="4" t="s">
        <v>13306</v>
      </c>
      <c r="D2609" s="4" t="s">
        <v>13307</v>
      </c>
      <c r="E2609" s="4" t="s">
        <v>13308</v>
      </c>
      <c r="F2609" s="4" t="s">
        <v>13309</v>
      </c>
      <c r="G2609" s="4" t="s">
        <v>13310</v>
      </c>
      <c r="H2609" s="4" t="s">
        <v>13311</v>
      </c>
      <c r="I2609" s="4" t="s">
        <v>13312</v>
      </c>
      <c r="K2609" s="4" t="s">
        <v>13313</v>
      </c>
    </row>
    <row r="2610" spans="1:11" ht="57.6" x14ac:dyDescent="0.3">
      <c r="A2610" s="1">
        <v>20176</v>
      </c>
      <c r="C2610" s="4" t="s">
        <v>13314</v>
      </c>
      <c r="D2610" s="4" t="s">
        <v>13315</v>
      </c>
      <c r="E2610" s="4" t="s">
        <v>13316</v>
      </c>
      <c r="F2610" s="4" t="s">
        <v>3366</v>
      </c>
      <c r="G2610" s="4" t="s">
        <v>13317</v>
      </c>
      <c r="H2610" s="4" t="s">
        <v>13318</v>
      </c>
      <c r="I2610" s="4" t="s">
        <v>13319</v>
      </c>
      <c r="K2610" s="4" t="s">
        <v>13320</v>
      </c>
    </row>
    <row r="2611" spans="1:11" ht="72" x14ac:dyDescent="0.3">
      <c r="A2611" s="1">
        <v>20186</v>
      </c>
      <c r="D2611" s="4" t="s">
        <v>13321</v>
      </c>
      <c r="F2611" s="4" t="s">
        <v>13322</v>
      </c>
      <c r="G2611" s="4" t="s">
        <v>13323</v>
      </c>
      <c r="H2611" s="4" t="s">
        <v>13324</v>
      </c>
      <c r="I2611" s="4" t="s">
        <v>13325</v>
      </c>
      <c r="K2611" s="4" t="s">
        <v>13326</v>
      </c>
    </row>
    <row r="2612" spans="1:11" ht="72" x14ac:dyDescent="0.3">
      <c r="A2612" s="1">
        <v>20196</v>
      </c>
      <c r="C2612" s="4" t="s">
        <v>13327</v>
      </c>
      <c r="D2612" s="4" t="s">
        <v>13328</v>
      </c>
      <c r="E2612" s="4" t="s">
        <v>13329</v>
      </c>
      <c r="F2612" s="4" t="s">
        <v>13330</v>
      </c>
      <c r="G2612" s="4" t="s">
        <v>13331</v>
      </c>
      <c r="H2612" s="4" t="s">
        <v>13332</v>
      </c>
      <c r="I2612" s="4" t="s">
        <v>13333</v>
      </c>
      <c r="J2612" s="4" t="s">
        <v>13334</v>
      </c>
    </row>
    <row r="2613" spans="1:11" ht="86.4" x14ac:dyDescent="0.3">
      <c r="A2613" s="1">
        <v>20201</v>
      </c>
      <c r="C2613" s="4" t="s">
        <v>13335</v>
      </c>
      <c r="D2613" s="4" t="s">
        <v>13336</v>
      </c>
      <c r="E2613" s="4" t="s">
        <v>13337</v>
      </c>
      <c r="F2613" s="4" t="s">
        <v>13338</v>
      </c>
      <c r="G2613" s="4" t="s">
        <v>13339</v>
      </c>
      <c r="H2613" s="4" t="s">
        <v>13340</v>
      </c>
      <c r="I2613" s="4" t="s">
        <v>13341</v>
      </c>
      <c r="K2613" s="4" t="s">
        <v>13342</v>
      </c>
    </row>
    <row r="2614" spans="1:11" x14ac:dyDescent="0.3">
      <c r="A2614" s="1">
        <v>20206</v>
      </c>
    </row>
    <row r="2615" spans="1:11" ht="86.4" x14ac:dyDescent="0.3">
      <c r="A2615" s="1">
        <v>20211</v>
      </c>
      <c r="C2615" s="4" t="e">
        <v>#NAME?</v>
      </c>
      <c r="D2615" s="4" t="s">
        <v>13343</v>
      </c>
      <c r="E2615" s="4" t="s">
        <v>13344</v>
      </c>
      <c r="F2615" s="4" t="s">
        <v>13345</v>
      </c>
      <c r="G2615" s="4" t="s">
        <v>13346</v>
      </c>
      <c r="H2615" s="4" t="s">
        <v>13347</v>
      </c>
      <c r="K2615" s="4" t="s">
        <v>13348</v>
      </c>
    </row>
    <row r="2616" spans="1:11" x14ac:dyDescent="0.3">
      <c r="A2616" s="1">
        <v>20216</v>
      </c>
    </row>
    <row r="2617" spans="1:11" ht="86.4" x14ac:dyDescent="0.3">
      <c r="A2617" s="1">
        <v>20241</v>
      </c>
      <c r="C2617" s="4" t="s">
        <v>13349</v>
      </c>
      <c r="D2617" s="4" t="s">
        <v>13350</v>
      </c>
      <c r="E2617" s="4" t="s">
        <v>13351</v>
      </c>
      <c r="F2617" s="4" t="s">
        <v>13352</v>
      </c>
      <c r="G2617" s="4" t="s">
        <v>13353</v>
      </c>
      <c r="H2617" s="4" t="s">
        <v>13354</v>
      </c>
      <c r="I2617" s="4" t="s">
        <v>13355</v>
      </c>
      <c r="K2617" s="4" t="s">
        <v>13356</v>
      </c>
    </row>
    <row r="2618" spans="1:11" ht="72" x14ac:dyDescent="0.3">
      <c r="A2618" s="1">
        <v>20246</v>
      </c>
      <c r="C2618" s="4" t="s">
        <v>13357</v>
      </c>
      <c r="D2618" s="4" t="s">
        <v>13358</v>
      </c>
      <c r="F2618" s="4" t="s">
        <v>13359</v>
      </c>
      <c r="G2618" s="4" t="s">
        <v>13360</v>
      </c>
      <c r="H2618" s="4" t="s">
        <v>13361</v>
      </c>
      <c r="I2618" s="4" t="s">
        <v>13362</v>
      </c>
      <c r="K2618" s="4" t="s">
        <v>13363</v>
      </c>
    </row>
    <row r="2619" spans="1:11" ht="43.2" x14ac:dyDescent="0.3">
      <c r="A2619" s="1">
        <v>20251</v>
      </c>
      <c r="C2619" s="4" t="s">
        <v>13364</v>
      </c>
      <c r="E2619" s="4" t="s">
        <v>13365</v>
      </c>
      <c r="J2619" s="4" t="s">
        <v>13366</v>
      </c>
      <c r="K2619" s="4" t="s">
        <v>13367</v>
      </c>
    </row>
    <row r="2620" spans="1:11" ht="72" x14ac:dyDescent="0.3">
      <c r="A2620" s="1">
        <v>20256</v>
      </c>
      <c r="D2620" s="4" t="s">
        <v>13368</v>
      </c>
      <c r="E2620" s="4" t="s">
        <v>13369</v>
      </c>
      <c r="G2620" s="4" t="s">
        <v>13370</v>
      </c>
    </row>
    <row r="2621" spans="1:11" x14ac:dyDescent="0.3">
      <c r="A2621" s="1">
        <v>20261</v>
      </c>
    </row>
    <row r="2622" spans="1:11" ht="57.6" x14ac:dyDescent="0.3">
      <c r="A2622" s="1">
        <v>20271</v>
      </c>
      <c r="C2622" s="4" t="s">
        <v>13371</v>
      </c>
      <c r="I2622" s="4" t="s">
        <v>13372</v>
      </c>
    </row>
    <row r="2623" spans="1:11" ht="86.4" x14ac:dyDescent="0.3">
      <c r="A2623" s="1">
        <v>20286</v>
      </c>
      <c r="C2623" s="4" t="s">
        <v>13373</v>
      </c>
      <c r="D2623" s="4" t="s">
        <v>13374</v>
      </c>
      <c r="E2623" s="4" t="s">
        <v>13375</v>
      </c>
      <c r="F2623" s="4" t="s">
        <v>13376</v>
      </c>
      <c r="G2623" s="4" t="s">
        <v>13377</v>
      </c>
      <c r="H2623" s="4" t="s">
        <v>13378</v>
      </c>
      <c r="I2623" s="4" t="s">
        <v>13379</v>
      </c>
      <c r="K2623" s="4" t="s">
        <v>13380</v>
      </c>
    </row>
    <row r="2624" spans="1:11" ht="43.2" x14ac:dyDescent="0.3">
      <c r="A2624" s="1">
        <v>20291</v>
      </c>
      <c r="D2624" s="4" t="s">
        <v>13381</v>
      </c>
      <c r="F2624" s="4" t="s">
        <v>13382</v>
      </c>
    </row>
    <row r="2625" spans="1:11" ht="72" x14ac:dyDescent="0.3">
      <c r="A2625" s="1">
        <v>20296</v>
      </c>
      <c r="C2625" s="4" t="s">
        <v>13383</v>
      </c>
      <c r="D2625" s="4" t="s">
        <v>13384</v>
      </c>
      <c r="F2625" s="4" t="s">
        <v>13385</v>
      </c>
      <c r="G2625" s="4" t="s">
        <v>13386</v>
      </c>
      <c r="H2625" s="4" t="s">
        <v>13387</v>
      </c>
    </row>
    <row r="2626" spans="1:11" x14ac:dyDescent="0.3">
      <c r="A2626" s="1">
        <v>20301</v>
      </c>
      <c r="D2626" s="4" t="s">
        <v>13388</v>
      </c>
    </row>
    <row r="2627" spans="1:11" ht="72" x14ac:dyDescent="0.3">
      <c r="A2627" s="1">
        <v>20306</v>
      </c>
      <c r="C2627" s="4" t="s">
        <v>13389</v>
      </c>
      <c r="D2627" s="4" t="s">
        <v>13390</v>
      </c>
      <c r="E2627" s="4" t="s">
        <v>13391</v>
      </c>
      <c r="F2627" s="4" t="s">
        <v>13392</v>
      </c>
      <c r="H2627" s="4" t="s">
        <v>13393</v>
      </c>
      <c r="K2627" s="4" t="s">
        <v>13394</v>
      </c>
    </row>
    <row r="2628" spans="1:11" x14ac:dyDescent="0.3">
      <c r="A2628" s="1">
        <v>20311</v>
      </c>
    </row>
    <row r="2629" spans="1:11" ht="43.2" x14ac:dyDescent="0.3">
      <c r="A2629" s="1">
        <v>20316</v>
      </c>
      <c r="C2629" s="4" t="s">
        <v>13395</v>
      </c>
      <c r="D2629" s="4" t="s">
        <v>13396</v>
      </c>
      <c r="G2629" s="4" t="s">
        <v>13397</v>
      </c>
      <c r="H2629" s="4" t="s">
        <v>13398</v>
      </c>
      <c r="K2629" s="4" t="s">
        <v>13399</v>
      </c>
    </row>
    <row r="2630" spans="1:11" ht="86.4" x14ac:dyDescent="0.3">
      <c r="A2630" s="1">
        <v>20326</v>
      </c>
      <c r="C2630" s="4" t="s">
        <v>13400</v>
      </c>
      <c r="D2630" s="4" t="s">
        <v>13401</v>
      </c>
      <c r="E2630" s="4" t="s">
        <v>13402</v>
      </c>
      <c r="F2630" s="4" t="s">
        <v>13403</v>
      </c>
      <c r="H2630" s="4" t="s">
        <v>13404</v>
      </c>
      <c r="K2630" s="4" t="s">
        <v>13405</v>
      </c>
    </row>
    <row r="2631" spans="1:11" ht="72" x14ac:dyDescent="0.3">
      <c r="A2631" s="1">
        <v>20331</v>
      </c>
      <c r="D2631" s="4" t="s">
        <v>13406</v>
      </c>
      <c r="J2631" s="4" t="s">
        <v>13407</v>
      </c>
    </row>
    <row r="2632" spans="1:11" ht="57.6" x14ac:dyDescent="0.3">
      <c r="A2632" s="1">
        <v>20336</v>
      </c>
      <c r="D2632" s="4" t="s">
        <v>13408</v>
      </c>
      <c r="E2632" s="4" t="s">
        <v>13409</v>
      </c>
      <c r="F2632" s="4" t="s">
        <v>13410</v>
      </c>
      <c r="G2632" s="4" t="s">
        <v>13411</v>
      </c>
      <c r="H2632" s="4" t="s">
        <v>13412</v>
      </c>
      <c r="I2632" s="4" t="s">
        <v>13413</v>
      </c>
    </row>
    <row r="2633" spans="1:11" ht="86.4" x14ac:dyDescent="0.3">
      <c r="A2633" s="1">
        <v>20341</v>
      </c>
      <c r="D2633" s="4" t="s">
        <v>13414</v>
      </c>
      <c r="F2633" s="4" t="s">
        <v>13415</v>
      </c>
      <c r="H2633" s="4" t="s">
        <v>13416</v>
      </c>
      <c r="K2633" s="4" t="s">
        <v>13417</v>
      </c>
    </row>
    <row r="2634" spans="1:11" x14ac:dyDescent="0.3">
      <c r="A2634" s="1">
        <v>20346</v>
      </c>
    </row>
    <row r="2635" spans="1:11" ht="28.8" x14ac:dyDescent="0.3">
      <c r="A2635" s="1">
        <v>20351</v>
      </c>
      <c r="C2635" s="4" t="s">
        <v>13418</v>
      </c>
      <c r="D2635" s="4" t="s">
        <v>13419</v>
      </c>
      <c r="E2635" s="4" t="s">
        <v>13420</v>
      </c>
      <c r="G2635" s="4" t="s">
        <v>13421</v>
      </c>
      <c r="I2635" s="4" t="s">
        <v>13422</v>
      </c>
      <c r="K2635" s="4" t="s">
        <v>13423</v>
      </c>
    </row>
    <row r="2636" spans="1:11" ht="28.8" x14ac:dyDescent="0.3">
      <c r="A2636" s="1">
        <v>20356</v>
      </c>
      <c r="C2636" s="4" t="s">
        <v>13424</v>
      </c>
      <c r="D2636" s="4" t="s">
        <v>13425</v>
      </c>
      <c r="E2636" s="4" t="s">
        <v>13426</v>
      </c>
      <c r="F2636" s="4" t="s">
        <v>13426</v>
      </c>
      <c r="G2636" s="4" t="s">
        <v>13427</v>
      </c>
      <c r="H2636" s="4" t="s">
        <v>13428</v>
      </c>
      <c r="I2636" s="4" t="s">
        <v>13429</v>
      </c>
      <c r="K2636" s="4" t="s">
        <v>13430</v>
      </c>
    </row>
    <row r="2637" spans="1:11" ht="43.2" x14ac:dyDescent="0.3">
      <c r="A2637" s="1">
        <v>20376</v>
      </c>
      <c r="C2637" s="4" t="s">
        <v>6689</v>
      </c>
      <c r="D2637" s="4" t="s">
        <v>13431</v>
      </c>
      <c r="F2637" s="4" t="s">
        <v>13432</v>
      </c>
      <c r="G2637" s="4" t="s">
        <v>13433</v>
      </c>
      <c r="H2637" s="4" t="s">
        <v>13434</v>
      </c>
      <c r="K2637" s="4" t="s">
        <v>13435</v>
      </c>
    </row>
    <row r="2638" spans="1:11" ht="28.8" x14ac:dyDescent="0.3">
      <c r="A2638" s="1">
        <v>20381</v>
      </c>
      <c r="C2638" s="4" t="s">
        <v>13436</v>
      </c>
      <c r="D2638" s="4" t="s">
        <v>13437</v>
      </c>
      <c r="E2638" s="4" t="s">
        <v>13438</v>
      </c>
    </row>
    <row r="2639" spans="1:11" ht="57.6" x14ac:dyDescent="0.3">
      <c r="A2639" s="1">
        <v>20386</v>
      </c>
      <c r="D2639" s="4" t="s">
        <v>13439</v>
      </c>
      <c r="F2639" s="4" t="s">
        <v>13440</v>
      </c>
    </row>
    <row r="2640" spans="1:11" ht="72" x14ac:dyDescent="0.3">
      <c r="A2640" s="1">
        <v>20391</v>
      </c>
      <c r="C2640" s="4" t="s">
        <v>13441</v>
      </c>
      <c r="D2640" s="4" t="s">
        <v>13442</v>
      </c>
      <c r="E2640" s="4" t="s">
        <v>13443</v>
      </c>
      <c r="F2640" s="4" t="s">
        <v>13444</v>
      </c>
      <c r="G2640" s="4" t="s">
        <v>13445</v>
      </c>
      <c r="K2640" s="4" t="s">
        <v>13446</v>
      </c>
    </row>
    <row r="2641" spans="1:11" ht="43.2" x14ac:dyDescent="0.3">
      <c r="A2641" s="1">
        <v>20401</v>
      </c>
      <c r="B2641" s="1" t="s">
        <v>13447</v>
      </c>
      <c r="C2641" s="4" t="s">
        <v>13448</v>
      </c>
      <c r="D2641" s="4" t="s">
        <v>13449</v>
      </c>
      <c r="E2641" s="4" t="s">
        <v>13450</v>
      </c>
      <c r="F2641" s="4" t="s">
        <v>13451</v>
      </c>
      <c r="G2641" s="4" t="s">
        <v>13452</v>
      </c>
      <c r="H2641" s="4" t="s">
        <v>13453</v>
      </c>
      <c r="I2641" s="4" t="s">
        <v>13454</v>
      </c>
      <c r="K2641" s="4" t="s">
        <v>13455</v>
      </c>
    </row>
    <row r="2642" spans="1:11" ht="100.8" x14ac:dyDescent="0.3">
      <c r="A2642" s="1">
        <v>20406</v>
      </c>
      <c r="C2642" s="4" t="s">
        <v>13456</v>
      </c>
      <c r="D2642" s="4" t="s">
        <v>13457</v>
      </c>
      <c r="E2642" s="4" t="s">
        <v>13458</v>
      </c>
      <c r="F2642" s="4" t="s">
        <v>13459</v>
      </c>
      <c r="H2642" s="4" t="s">
        <v>13460</v>
      </c>
      <c r="I2642" s="4" t="s">
        <v>13461</v>
      </c>
      <c r="K2642" s="4" t="s">
        <v>13462</v>
      </c>
    </row>
    <row r="2643" spans="1:11" ht="115.2" x14ac:dyDescent="0.3">
      <c r="A2643" s="1">
        <v>20421</v>
      </c>
      <c r="C2643" s="4" t="s">
        <v>13463</v>
      </c>
      <c r="D2643" s="4" t="s">
        <v>13464</v>
      </c>
      <c r="E2643" s="4" t="s">
        <v>13465</v>
      </c>
      <c r="F2643" s="4" t="s">
        <v>13466</v>
      </c>
      <c r="I2643" s="4" t="s">
        <v>13467</v>
      </c>
      <c r="K2643" s="4" t="s">
        <v>13468</v>
      </c>
    </row>
    <row r="2644" spans="1:11" ht="57.6" x14ac:dyDescent="0.3">
      <c r="A2644" s="1">
        <v>20426</v>
      </c>
      <c r="C2644" s="4" t="s">
        <v>13469</v>
      </c>
      <c r="D2644" s="4" t="s">
        <v>13470</v>
      </c>
      <c r="I2644" s="4" t="s">
        <v>13471</v>
      </c>
    </row>
    <row r="2645" spans="1:11" ht="43.2" x14ac:dyDescent="0.3">
      <c r="A2645" s="1">
        <v>20431</v>
      </c>
      <c r="D2645" s="4" t="s">
        <v>13472</v>
      </c>
      <c r="E2645" s="4" t="s">
        <v>13473</v>
      </c>
      <c r="K2645" s="4" t="s">
        <v>13474</v>
      </c>
    </row>
    <row r="2646" spans="1:11" ht="57.6" x14ac:dyDescent="0.3">
      <c r="A2646" s="1">
        <v>20441</v>
      </c>
      <c r="C2646" s="4" t="s">
        <v>13475</v>
      </c>
      <c r="D2646" s="4" t="s">
        <v>13476</v>
      </c>
      <c r="E2646" s="4" t="s">
        <v>13477</v>
      </c>
      <c r="F2646" s="4" t="s">
        <v>13478</v>
      </c>
      <c r="G2646" s="4" t="s">
        <v>13479</v>
      </c>
      <c r="K2646" s="4" t="s">
        <v>13480</v>
      </c>
    </row>
    <row r="2647" spans="1:11" ht="57.6" x14ac:dyDescent="0.3">
      <c r="A2647" s="1">
        <v>20451</v>
      </c>
      <c r="C2647" s="4" t="s">
        <v>13481</v>
      </c>
      <c r="D2647" s="4" t="s">
        <v>13482</v>
      </c>
      <c r="E2647" s="4" t="s">
        <v>13483</v>
      </c>
    </row>
    <row r="2648" spans="1:11" ht="100.8" x14ac:dyDescent="0.3">
      <c r="A2648" s="1">
        <v>20456</v>
      </c>
      <c r="D2648" s="4" t="s">
        <v>13484</v>
      </c>
      <c r="F2648" s="4" t="s">
        <v>13485</v>
      </c>
      <c r="H2648" s="4" t="s">
        <v>13486</v>
      </c>
      <c r="K2648" s="4" t="s">
        <v>13487</v>
      </c>
    </row>
    <row r="2649" spans="1:11" ht="57.6" x14ac:dyDescent="0.3">
      <c r="A2649" s="1">
        <v>20461</v>
      </c>
      <c r="C2649" s="4" t="s">
        <v>13488</v>
      </c>
      <c r="D2649" s="4" t="s">
        <v>13489</v>
      </c>
      <c r="E2649" s="4" t="s">
        <v>13490</v>
      </c>
      <c r="F2649" s="4" t="s">
        <v>13491</v>
      </c>
      <c r="G2649" s="4" t="s">
        <v>13492</v>
      </c>
      <c r="K2649" s="4" t="s">
        <v>13493</v>
      </c>
    </row>
    <row r="2650" spans="1:11" ht="86.4" x14ac:dyDescent="0.3">
      <c r="A2650" s="1">
        <v>20471</v>
      </c>
      <c r="C2650" s="4" t="s">
        <v>13494</v>
      </c>
      <c r="D2650" s="4" t="s">
        <v>13495</v>
      </c>
      <c r="E2650" s="4" t="s">
        <v>13496</v>
      </c>
      <c r="F2650" s="4" t="s">
        <v>13497</v>
      </c>
      <c r="H2650" s="4" t="s">
        <v>13498</v>
      </c>
      <c r="I2650" s="4" t="s">
        <v>13499</v>
      </c>
    </row>
    <row r="2651" spans="1:11" ht="57.6" x14ac:dyDescent="0.3">
      <c r="A2651" s="1">
        <v>20481</v>
      </c>
      <c r="D2651" s="4" t="s">
        <v>13500</v>
      </c>
      <c r="E2651" s="4" t="s">
        <v>13501</v>
      </c>
      <c r="F2651" s="4" t="s">
        <v>13502</v>
      </c>
      <c r="J2651" s="4" t="s">
        <v>13503</v>
      </c>
    </row>
    <row r="2652" spans="1:11" x14ac:dyDescent="0.3">
      <c r="A2652" s="1">
        <v>20491</v>
      </c>
    </row>
    <row r="2653" spans="1:11" ht="28.8" x14ac:dyDescent="0.3">
      <c r="A2653" s="1">
        <v>20501</v>
      </c>
      <c r="D2653" s="4" t="s">
        <v>13504</v>
      </c>
      <c r="F2653" s="4" t="s">
        <v>13505</v>
      </c>
    </row>
    <row r="2654" spans="1:11" ht="72" x14ac:dyDescent="0.3">
      <c r="A2654" s="1">
        <v>20506</v>
      </c>
      <c r="D2654" s="4" t="s">
        <v>13506</v>
      </c>
      <c r="E2654" s="4" t="s">
        <v>13507</v>
      </c>
      <c r="F2654" s="4" t="s">
        <v>13508</v>
      </c>
      <c r="G2654" s="4" t="s">
        <v>13509</v>
      </c>
      <c r="H2654" s="4" t="s">
        <v>13510</v>
      </c>
      <c r="I2654" s="4" t="s">
        <v>13511</v>
      </c>
      <c r="K2654" s="4" t="s">
        <v>13512</v>
      </c>
    </row>
    <row r="2655" spans="1:11" ht="57.6" x14ac:dyDescent="0.3">
      <c r="A2655" s="1">
        <v>20511</v>
      </c>
      <c r="C2655" s="4" t="s">
        <v>13513</v>
      </c>
      <c r="D2655" s="4" t="s">
        <v>13514</v>
      </c>
      <c r="E2655" s="4" t="s">
        <v>13515</v>
      </c>
      <c r="F2655" s="4" t="s">
        <v>13516</v>
      </c>
      <c r="G2655" s="4" t="s">
        <v>13517</v>
      </c>
      <c r="H2655" s="4" t="s">
        <v>13518</v>
      </c>
      <c r="I2655" s="4" t="s">
        <v>13519</v>
      </c>
      <c r="K2655" s="4" t="s">
        <v>13520</v>
      </c>
    </row>
    <row r="2656" spans="1:11" ht="43.2" x14ac:dyDescent="0.3">
      <c r="A2656" s="1">
        <v>20516</v>
      </c>
      <c r="C2656" s="4" t="s">
        <v>13521</v>
      </c>
      <c r="D2656" s="4" t="s">
        <v>13522</v>
      </c>
      <c r="E2656" s="4" t="s">
        <v>13523</v>
      </c>
      <c r="F2656" s="4" t="s">
        <v>13524</v>
      </c>
      <c r="G2656" s="4" t="s">
        <v>13525</v>
      </c>
      <c r="H2656" s="4" t="s">
        <v>13526</v>
      </c>
      <c r="I2656" s="4" t="s">
        <v>13527</v>
      </c>
      <c r="K2656" s="4" t="s">
        <v>13528</v>
      </c>
    </row>
    <row r="2657" spans="1:11" ht="43.2" x14ac:dyDescent="0.3">
      <c r="A2657" s="1">
        <v>20521</v>
      </c>
      <c r="C2657" s="4" t="s">
        <v>13529</v>
      </c>
      <c r="D2657" s="4" t="s">
        <v>13530</v>
      </c>
      <c r="E2657" s="4" t="s">
        <v>13531</v>
      </c>
      <c r="G2657" s="4" t="s">
        <v>13532</v>
      </c>
      <c r="H2657" s="4" t="s">
        <v>13533</v>
      </c>
      <c r="K2657" s="4" t="s">
        <v>13534</v>
      </c>
    </row>
    <row r="2658" spans="1:11" ht="43.2" x14ac:dyDescent="0.3">
      <c r="A2658" s="1">
        <v>20526</v>
      </c>
      <c r="C2658" s="4" t="s">
        <v>13535</v>
      </c>
      <c r="D2658" s="4" t="s">
        <v>13536</v>
      </c>
      <c r="E2658" s="4" t="s">
        <v>13537</v>
      </c>
      <c r="F2658" s="4" t="s">
        <v>13538</v>
      </c>
      <c r="G2658" s="4" t="s">
        <v>13539</v>
      </c>
      <c r="H2658" s="4" t="s">
        <v>13540</v>
      </c>
      <c r="I2658" s="4" t="s">
        <v>13541</v>
      </c>
      <c r="K2658" s="4" t="s">
        <v>13542</v>
      </c>
    </row>
    <row r="2659" spans="1:11" x14ac:dyDescent="0.3">
      <c r="A2659" s="1">
        <v>20531</v>
      </c>
    </row>
    <row r="2660" spans="1:11" ht="86.4" x14ac:dyDescent="0.3">
      <c r="A2660" s="1">
        <v>20536</v>
      </c>
      <c r="C2660" s="4" t="s">
        <v>13543</v>
      </c>
      <c r="D2660" s="4" t="s">
        <v>13544</v>
      </c>
      <c r="E2660" s="4" t="s">
        <v>13545</v>
      </c>
      <c r="F2660" s="4" t="s">
        <v>13546</v>
      </c>
      <c r="G2660" s="4" t="s">
        <v>13547</v>
      </c>
      <c r="H2660" s="4" t="s">
        <v>13548</v>
      </c>
      <c r="I2660" s="4" t="s">
        <v>13549</v>
      </c>
      <c r="K2660" s="4" t="s">
        <v>13550</v>
      </c>
    </row>
    <row r="2661" spans="1:11" ht="86.4" x14ac:dyDescent="0.3">
      <c r="A2661" s="1">
        <v>20541</v>
      </c>
      <c r="C2661" s="4" t="s">
        <v>13551</v>
      </c>
      <c r="D2661" s="4" t="s">
        <v>13552</v>
      </c>
      <c r="E2661" s="4" t="s">
        <v>13553</v>
      </c>
      <c r="F2661" s="4" t="s">
        <v>13554</v>
      </c>
      <c r="H2661" s="4" t="s">
        <v>13555</v>
      </c>
    </row>
    <row r="2662" spans="1:11" ht="57.6" x14ac:dyDescent="0.3">
      <c r="A2662" s="1">
        <v>20551</v>
      </c>
      <c r="D2662" s="4" t="s">
        <v>13556</v>
      </c>
      <c r="E2662" s="4" t="s">
        <v>13557</v>
      </c>
      <c r="F2662" s="4" t="s">
        <v>13558</v>
      </c>
      <c r="H2662" s="4" t="s">
        <v>13559</v>
      </c>
      <c r="J2662" s="4" t="s">
        <v>13560</v>
      </c>
      <c r="K2662" s="4" t="s">
        <v>13561</v>
      </c>
    </row>
    <row r="2663" spans="1:11" ht="28.8" x14ac:dyDescent="0.3">
      <c r="A2663" s="1">
        <v>20556</v>
      </c>
      <c r="H2663" s="4" t="s">
        <v>13562</v>
      </c>
      <c r="I2663" s="4" t="s">
        <v>13563</v>
      </c>
      <c r="J2663" s="4" t="s">
        <v>13564</v>
      </c>
    </row>
    <row r="2664" spans="1:11" ht="86.4" x14ac:dyDescent="0.3">
      <c r="A2664" s="1">
        <v>20561</v>
      </c>
      <c r="C2664" s="4" t="s">
        <v>13565</v>
      </c>
      <c r="E2664" s="4" t="s">
        <v>13566</v>
      </c>
      <c r="F2664" s="4" t="s">
        <v>13567</v>
      </c>
      <c r="K2664" s="4" t="s">
        <v>13568</v>
      </c>
    </row>
    <row r="2665" spans="1:11" ht="86.4" x14ac:dyDescent="0.3">
      <c r="A2665" s="1">
        <v>20576</v>
      </c>
      <c r="C2665" s="4" t="s">
        <v>13569</v>
      </c>
      <c r="D2665" s="4" t="s">
        <v>13570</v>
      </c>
      <c r="E2665" s="4" t="s">
        <v>13571</v>
      </c>
      <c r="G2665" s="4" t="s">
        <v>13572</v>
      </c>
      <c r="H2665" s="4" t="s">
        <v>13573</v>
      </c>
      <c r="K2665" s="4" t="s">
        <v>13574</v>
      </c>
    </row>
    <row r="2666" spans="1:11" ht="86.4" x14ac:dyDescent="0.3">
      <c r="A2666" s="1">
        <v>20591</v>
      </c>
      <c r="C2666" s="4" t="s">
        <v>13575</v>
      </c>
      <c r="D2666" s="4" t="s">
        <v>13576</v>
      </c>
      <c r="E2666" s="4" t="s">
        <v>13577</v>
      </c>
      <c r="F2666" s="4" t="s">
        <v>13578</v>
      </c>
      <c r="I2666" s="4" t="s">
        <v>13579</v>
      </c>
    </row>
    <row r="2667" spans="1:11" ht="57.6" x14ac:dyDescent="0.3">
      <c r="A2667" s="1">
        <v>20601</v>
      </c>
      <c r="C2667" s="4" t="s">
        <v>13580</v>
      </c>
      <c r="E2667" s="4" t="s">
        <v>13581</v>
      </c>
      <c r="F2667" s="4" t="s">
        <v>13582</v>
      </c>
      <c r="I2667" s="4" t="s">
        <v>13583</v>
      </c>
    </row>
    <row r="2668" spans="1:11" ht="57.6" x14ac:dyDescent="0.3">
      <c r="A2668" s="1">
        <v>20606</v>
      </c>
      <c r="D2668" s="4" t="s">
        <v>13584</v>
      </c>
      <c r="G2668" s="4" t="s">
        <v>13585</v>
      </c>
      <c r="H2668" s="4" t="s">
        <v>13586</v>
      </c>
      <c r="I2668" s="4" t="s">
        <v>13587</v>
      </c>
      <c r="K2668" s="4" t="s">
        <v>13588</v>
      </c>
    </row>
    <row r="2669" spans="1:11" x14ac:dyDescent="0.3">
      <c r="A2669" s="1">
        <v>20611</v>
      </c>
    </row>
    <row r="2670" spans="1:11" ht="57.6" x14ac:dyDescent="0.3">
      <c r="A2670" s="1">
        <v>20616</v>
      </c>
      <c r="C2670" s="4" t="s">
        <v>13589</v>
      </c>
      <c r="F2670" s="4" t="s">
        <v>13590</v>
      </c>
      <c r="I2670" s="4" t="s">
        <v>13591</v>
      </c>
    </row>
    <row r="2671" spans="1:11" ht="86.4" x14ac:dyDescent="0.3">
      <c r="A2671" s="1">
        <v>20621</v>
      </c>
      <c r="C2671" s="4" t="s">
        <v>13592</v>
      </c>
      <c r="D2671" s="4" t="s">
        <v>13593</v>
      </c>
      <c r="F2671" s="4" t="s">
        <v>13594</v>
      </c>
      <c r="G2671" s="4" t="s">
        <v>13595</v>
      </c>
      <c r="H2671" s="4" t="s">
        <v>13596</v>
      </c>
      <c r="K2671" s="4" t="s">
        <v>13597</v>
      </c>
    </row>
    <row r="2672" spans="1:11" ht="43.2" x14ac:dyDescent="0.3">
      <c r="A2672" s="1">
        <v>20626</v>
      </c>
      <c r="C2672" s="4" t="s">
        <v>13598</v>
      </c>
      <c r="D2672" s="4" t="s">
        <v>13599</v>
      </c>
      <c r="F2672" s="4" t="s">
        <v>13600</v>
      </c>
      <c r="H2672" s="4" t="s">
        <v>13601</v>
      </c>
    </row>
    <row r="2673" spans="1:11" ht="57.6" x14ac:dyDescent="0.3">
      <c r="A2673" s="1">
        <v>20636</v>
      </c>
      <c r="C2673" s="4" t="s">
        <v>13602</v>
      </c>
      <c r="D2673" s="4" t="s">
        <v>13603</v>
      </c>
      <c r="E2673" s="4" t="s">
        <v>13604</v>
      </c>
      <c r="F2673" s="4" t="s">
        <v>13605</v>
      </c>
      <c r="G2673" s="4" t="s">
        <v>13606</v>
      </c>
      <c r="H2673" s="4" t="s">
        <v>13607</v>
      </c>
      <c r="I2673" s="4" t="s">
        <v>13608</v>
      </c>
      <c r="K2673" s="4" t="s">
        <v>13609</v>
      </c>
    </row>
    <row r="2674" spans="1:11" ht="86.4" x14ac:dyDescent="0.3">
      <c r="A2674" s="1">
        <v>20641</v>
      </c>
      <c r="E2674" s="4" t="s">
        <v>13610</v>
      </c>
      <c r="F2674" s="4" t="s">
        <v>13611</v>
      </c>
      <c r="G2674" s="4" t="s">
        <v>13612</v>
      </c>
      <c r="H2674" s="4" t="s">
        <v>13613</v>
      </c>
      <c r="J2674" s="4" t="s">
        <v>13614</v>
      </c>
      <c r="K2674" s="4" t="s">
        <v>13615</v>
      </c>
    </row>
    <row r="2675" spans="1:11" ht="43.2" x14ac:dyDescent="0.3">
      <c r="A2675" s="1">
        <v>20646</v>
      </c>
      <c r="K2675" s="4" t="s">
        <v>13616</v>
      </c>
    </row>
    <row r="2676" spans="1:11" ht="28.8" x14ac:dyDescent="0.3">
      <c r="A2676" s="1">
        <v>20651</v>
      </c>
      <c r="D2676" s="4" t="s">
        <v>13617</v>
      </c>
      <c r="E2676" s="4" t="s">
        <v>13618</v>
      </c>
    </row>
    <row r="2677" spans="1:11" ht="86.4" x14ac:dyDescent="0.3">
      <c r="A2677" s="1">
        <v>20656</v>
      </c>
      <c r="D2677" s="4" t="s">
        <v>13619</v>
      </c>
      <c r="F2677" s="4" t="s">
        <v>13620</v>
      </c>
      <c r="H2677" s="4" t="s">
        <v>13621</v>
      </c>
      <c r="I2677" s="4" t="s">
        <v>13622</v>
      </c>
    </row>
    <row r="2678" spans="1:11" ht="57.6" x14ac:dyDescent="0.3">
      <c r="A2678" s="1">
        <v>20661</v>
      </c>
      <c r="C2678" s="4" t="s">
        <v>13623</v>
      </c>
      <c r="D2678" s="4" t="s">
        <v>13624</v>
      </c>
      <c r="E2678" s="4" t="s">
        <v>13625</v>
      </c>
      <c r="F2678" s="4" t="s">
        <v>13625</v>
      </c>
      <c r="G2678" s="4" t="s">
        <v>13626</v>
      </c>
      <c r="H2678" s="4" t="s">
        <v>13627</v>
      </c>
      <c r="J2678" s="4" t="s">
        <v>13628</v>
      </c>
    </row>
    <row r="2679" spans="1:11" ht="86.4" x14ac:dyDescent="0.3">
      <c r="A2679" s="1">
        <v>20666</v>
      </c>
      <c r="C2679" s="4" t="s">
        <v>13629</v>
      </c>
      <c r="D2679" s="4" t="s">
        <v>13630</v>
      </c>
      <c r="E2679" s="4" t="s">
        <v>13631</v>
      </c>
      <c r="F2679" s="4" t="s">
        <v>13632</v>
      </c>
      <c r="G2679" s="4" t="s">
        <v>13633</v>
      </c>
      <c r="H2679" s="4" t="s">
        <v>13634</v>
      </c>
      <c r="I2679" s="4" t="s">
        <v>13635</v>
      </c>
      <c r="K2679" s="4" t="s">
        <v>13636</v>
      </c>
    </row>
    <row r="2680" spans="1:11" ht="86.4" x14ac:dyDescent="0.3">
      <c r="A2680" s="1">
        <v>20671</v>
      </c>
      <c r="C2680" s="4" t="s">
        <v>13637</v>
      </c>
      <c r="D2680" s="4" t="s">
        <v>13638</v>
      </c>
      <c r="E2680" s="4" t="s">
        <v>13639</v>
      </c>
      <c r="F2680" s="4" t="s">
        <v>13640</v>
      </c>
      <c r="G2680" s="4" t="s">
        <v>13641</v>
      </c>
      <c r="H2680" s="4" t="s">
        <v>13642</v>
      </c>
      <c r="I2680" s="4" t="s">
        <v>10292</v>
      </c>
      <c r="K2680" s="4" t="s">
        <v>13643</v>
      </c>
    </row>
    <row r="2681" spans="1:11" ht="86.4" x14ac:dyDescent="0.3">
      <c r="A2681" s="1">
        <v>20676</v>
      </c>
      <c r="D2681" s="4" t="s">
        <v>13644</v>
      </c>
      <c r="E2681" s="4" t="s">
        <v>13645</v>
      </c>
      <c r="F2681" s="4" t="s">
        <v>13646</v>
      </c>
      <c r="I2681" s="4" t="s">
        <v>13647</v>
      </c>
      <c r="K2681" s="4" t="s">
        <v>13648</v>
      </c>
    </row>
    <row r="2682" spans="1:11" ht="86.4" x14ac:dyDescent="0.3">
      <c r="A2682" s="1">
        <v>20681</v>
      </c>
      <c r="C2682" s="4" t="s">
        <v>13649</v>
      </c>
      <c r="D2682" s="4" t="s">
        <v>13650</v>
      </c>
      <c r="E2682" s="4" t="s">
        <v>13651</v>
      </c>
      <c r="F2682" s="4" t="s">
        <v>13652</v>
      </c>
      <c r="G2682" s="4" t="s">
        <v>13653</v>
      </c>
      <c r="H2682" s="4" t="s">
        <v>13654</v>
      </c>
      <c r="J2682" s="4" t="s">
        <v>13655</v>
      </c>
      <c r="K2682" s="4" t="s">
        <v>13656</v>
      </c>
    </row>
    <row r="2683" spans="1:11" ht="28.8" x14ac:dyDescent="0.3">
      <c r="A2683" s="1">
        <v>20696</v>
      </c>
      <c r="D2683" s="4" t="s">
        <v>13657</v>
      </c>
      <c r="E2683" s="4" t="s">
        <v>13658</v>
      </c>
    </row>
    <row r="2684" spans="1:11" ht="86.4" x14ac:dyDescent="0.3">
      <c r="A2684" s="1">
        <v>20701</v>
      </c>
      <c r="C2684" s="4" t="s">
        <v>13659</v>
      </c>
      <c r="D2684" s="4" t="s">
        <v>13660</v>
      </c>
      <c r="E2684" s="4" t="s">
        <v>13661</v>
      </c>
      <c r="F2684" s="4" t="s">
        <v>13662</v>
      </c>
      <c r="G2684" s="4" t="s">
        <v>13663</v>
      </c>
      <c r="H2684" s="4" t="s">
        <v>13664</v>
      </c>
      <c r="I2684" s="4" t="s">
        <v>13665</v>
      </c>
    </row>
    <row r="2685" spans="1:11" ht="57.6" x14ac:dyDescent="0.3">
      <c r="A2685" s="1">
        <v>20711</v>
      </c>
      <c r="C2685" s="4" t="s">
        <v>13666</v>
      </c>
      <c r="D2685" s="4" t="s">
        <v>13667</v>
      </c>
      <c r="G2685" s="4" t="s">
        <v>13668</v>
      </c>
      <c r="H2685" s="4" t="s">
        <v>13669</v>
      </c>
      <c r="I2685" s="4" t="s">
        <v>13670</v>
      </c>
    </row>
    <row r="2686" spans="1:11" ht="86.4" x14ac:dyDescent="0.3">
      <c r="A2686" s="1">
        <v>20721</v>
      </c>
      <c r="C2686" s="4" t="s">
        <v>13671</v>
      </c>
      <c r="F2686" s="4" t="s">
        <v>13672</v>
      </c>
      <c r="G2686" s="4" t="s">
        <v>13673</v>
      </c>
      <c r="H2686" s="4" t="s">
        <v>13674</v>
      </c>
      <c r="I2686" s="4" t="s">
        <v>13675</v>
      </c>
      <c r="K2686" s="4" t="s">
        <v>13676</v>
      </c>
    </row>
    <row r="2687" spans="1:11" ht="28.8" x14ac:dyDescent="0.3">
      <c r="A2687" s="1">
        <v>20731</v>
      </c>
      <c r="C2687" s="4" t="s">
        <v>13677</v>
      </c>
      <c r="D2687" s="4" t="s">
        <v>13678</v>
      </c>
      <c r="K2687" s="4" t="s">
        <v>13679</v>
      </c>
    </row>
    <row r="2688" spans="1:11" ht="57.6" x14ac:dyDescent="0.3">
      <c r="A2688" s="1">
        <v>20756</v>
      </c>
      <c r="G2688" s="4" t="s">
        <v>13680</v>
      </c>
      <c r="H2688" s="4" t="s">
        <v>13681</v>
      </c>
      <c r="I2688" s="4" t="s">
        <v>13682</v>
      </c>
    </row>
    <row r="2689" spans="1:11" ht="72" x14ac:dyDescent="0.3">
      <c r="A2689" s="1">
        <v>20766</v>
      </c>
      <c r="D2689" s="4" t="s">
        <v>13683</v>
      </c>
      <c r="E2689" s="4" t="s">
        <v>13684</v>
      </c>
      <c r="F2689" s="4" t="s">
        <v>13685</v>
      </c>
      <c r="I2689" s="4" t="s">
        <v>13686</v>
      </c>
      <c r="K2689" s="4" t="s">
        <v>13687</v>
      </c>
    </row>
    <row r="2690" spans="1:11" ht="86.4" x14ac:dyDescent="0.3">
      <c r="A2690" s="1">
        <v>20771</v>
      </c>
      <c r="D2690" s="4" t="s">
        <v>13688</v>
      </c>
      <c r="E2690" s="4" t="s">
        <v>13689</v>
      </c>
      <c r="F2690" s="4" t="s">
        <v>13690</v>
      </c>
      <c r="G2690" s="4" t="s">
        <v>13691</v>
      </c>
    </row>
    <row r="2691" spans="1:11" x14ac:dyDescent="0.3">
      <c r="A2691" s="1">
        <v>20776</v>
      </c>
      <c r="B2691" s="1" t="s">
        <v>9681</v>
      </c>
      <c r="C2691" s="4" t="s">
        <v>13692</v>
      </c>
      <c r="D2691" s="4" t="s">
        <v>13693</v>
      </c>
    </row>
    <row r="2692" spans="1:11" ht="86.4" x14ac:dyDescent="0.3">
      <c r="A2692" s="1">
        <v>20786</v>
      </c>
      <c r="C2692" s="4" t="s">
        <v>13694</v>
      </c>
      <c r="D2692" s="4" t="s">
        <v>13695</v>
      </c>
      <c r="E2692" s="4" t="s">
        <v>13696</v>
      </c>
      <c r="F2692" s="4" t="s">
        <v>13697</v>
      </c>
      <c r="G2692" s="4" t="s">
        <v>13698</v>
      </c>
      <c r="H2692" s="4" t="s">
        <v>13699</v>
      </c>
      <c r="I2692" s="4" t="s">
        <v>13700</v>
      </c>
      <c r="K2692" s="4" t="s">
        <v>13701</v>
      </c>
    </row>
    <row r="2693" spans="1:11" ht="72" x14ac:dyDescent="0.3">
      <c r="A2693" s="1">
        <v>20791</v>
      </c>
      <c r="C2693" s="4" t="s">
        <v>13702</v>
      </c>
      <c r="D2693" s="4" t="s">
        <v>13703</v>
      </c>
      <c r="E2693" s="4" t="s">
        <v>13704</v>
      </c>
      <c r="F2693" s="4" t="s">
        <v>13705</v>
      </c>
      <c r="G2693" s="4" t="s">
        <v>13706</v>
      </c>
      <c r="H2693" s="4" t="s">
        <v>13707</v>
      </c>
      <c r="I2693" s="4" t="s">
        <v>13708</v>
      </c>
      <c r="K2693" s="4" t="s">
        <v>13709</v>
      </c>
    </row>
    <row r="2694" spans="1:11" ht="86.4" x14ac:dyDescent="0.3">
      <c r="A2694" s="1">
        <v>20806</v>
      </c>
      <c r="B2694" s="1" t="s">
        <v>1897</v>
      </c>
      <c r="C2694" s="4" t="s">
        <v>13710</v>
      </c>
      <c r="D2694" s="4" t="s">
        <v>13711</v>
      </c>
      <c r="E2694" s="4" t="s">
        <v>13712</v>
      </c>
      <c r="F2694" s="4" t="s">
        <v>13713</v>
      </c>
      <c r="G2694" s="4" t="s">
        <v>13714</v>
      </c>
      <c r="K2694" s="4" t="s">
        <v>13715</v>
      </c>
    </row>
    <row r="2695" spans="1:11" ht="72" x14ac:dyDescent="0.3">
      <c r="A2695" s="1">
        <v>20811</v>
      </c>
      <c r="C2695" s="4" t="s">
        <v>13716</v>
      </c>
      <c r="D2695" s="4" t="s">
        <v>13717</v>
      </c>
      <c r="E2695" s="4" t="s">
        <v>13718</v>
      </c>
      <c r="F2695" s="4" t="s">
        <v>13719</v>
      </c>
      <c r="G2695" s="4" t="s">
        <v>13720</v>
      </c>
      <c r="H2695" s="4" t="s">
        <v>13721</v>
      </c>
      <c r="I2695" s="4" t="s">
        <v>13722</v>
      </c>
      <c r="K2695" s="4" t="s">
        <v>13723</v>
      </c>
    </row>
    <row r="2696" spans="1:11" x14ac:dyDescent="0.3">
      <c r="A2696" s="1">
        <v>20816</v>
      </c>
      <c r="C2696" s="4" t="s">
        <v>8</v>
      </c>
      <c r="D2696" s="4" t="s">
        <v>13724</v>
      </c>
    </row>
    <row r="2697" spans="1:11" ht="86.4" x14ac:dyDescent="0.3">
      <c r="A2697" s="1">
        <v>20831</v>
      </c>
      <c r="D2697" s="4" t="s">
        <v>13725</v>
      </c>
    </row>
    <row r="2698" spans="1:11" ht="28.8" x14ac:dyDescent="0.3">
      <c r="A2698" s="1">
        <v>20846</v>
      </c>
      <c r="D2698" s="4" t="s">
        <v>13726</v>
      </c>
      <c r="F2698" s="4" t="s">
        <v>13727</v>
      </c>
    </row>
    <row r="2699" spans="1:11" ht="72" x14ac:dyDescent="0.3">
      <c r="A2699" s="1">
        <v>20861</v>
      </c>
      <c r="C2699" s="4" t="s">
        <v>13728</v>
      </c>
      <c r="D2699" s="4" t="s">
        <v>13729</v>
      </c>
      <c r="E2699" s="4" t="s">
        <v>13730</v>
      </c>
      <c r="F2699" s="4" t="s">
        <v>13731</v>
      </c>
      <c r="I2699" s="4" t="s">
        <v>13732</v>
      </c>
      <c r="K2699" s="4" t="s">
        <v>13733</v>
      </c>
    </row>
    <row r="2700" spans="1:11" ht="57.6" x14ac:dyDescent="0.3">
      <c r="A2700" s="1">
        <v>20866</v>
      </c>
      <c r="C2700" s="4" t="s">
        <v>13734</v>
      </c>
      <c r="D2700" s="4" t="s">
        <v>13735</v>
      </c>
      <c r="E2700" s="4" t="s">
        <v>13736</v>
      </c>
      <c r="G2700" s="4" t="s">
        <v>13737</v>
      </c>
      <c r="H2700" s="4" t="s">
        <v>13738</v>
      </c>
    </row>
    <row r="2701" spans="1:11" ht="28.8" x14ac:dyDescent="0.3">
      <c r="A2701" s="1">
        <v>20876</v>
      </c>
      <c r="C2701" s="4" t="s">
        <v>13739</v>
      </c>
      <c r="D2701" s="4" t="s">
        <v>13740</v>
      </c>
      <c r="F2701" s="4" t="s">
        <v>13741</v>
      </c>
      <c r="G2701" s="4" t="s">
        <v>13742</v>
      </c>
      <c r="H2701" s="4" t="s">
        <v>13743</v>
      </c>
      <c r="I2701" s="4" t="s">
        <v>13744</v>
      </c>
    </row>
    <row r="2702" spans="1:11" ht="57.6" x14ac:dyDescent="0.3">
      <c r="A2702" s="1">
        <v>20886</v>
      </c>
      <c r="C2702" s="4" t="s">
        <v>13745</v>
      </c>
      <c r="D2702" s="4" t="s">
        <v>13746</v>
      </c>
      <c r="F2702" s="4" t="s">
        <v>13747</v>
      </c>
      <c r="G2702" s="4" t="s">
        <v>13748</v>
      </c>
      <c r="H2702" s="4" t="s">
        <v>13749</v>
      </c>
      <c r="I2702" s="4" t="s">
        <v>13750</v>
      </c>
      <c r="K2702" s="4" t="s">
        <v>13751</v>
      </c>
    </row>
    <row r="2703" spans="1:11" ht="43.2" x14ac:dyDescent="0.3">
      <c r="A2703" s="1">
        <v>20901</v>
      </c>
      <c r="D2703" s="4" t="s">
        <v>13752</v>
      </c>
      <c r="E2703" s="4" t="s">
        <v>13753</v>
      </c>
    </row>
    <row r="2704" spans="1:11" ht="86.4" x14ac:dyDescent="0.3">
      <c r="A2704" s="1">
        <v>20906</v>
      </c>
      <c r="D2704" s="4" t="s">
        <v>13754</v>
      </c>
      <c r="E2704" s="4" t="s">
        <v>13755</v>
      </c>
      <c r="F2704" s="4" t="s">
        <v>13756</v>
      </c>
      <c r="I2704" s="4" t="s">
        <v>13757</v>
      </c>
    </row>
    <row r="2705" spans="1:11" x14ac:dyDescent="0.3">
      <c r="A2705" s="1">
        <v>20911</v>
      </c>
    </row>
    <row r="2706" spans="1:11" ht="43.2" x14ac:dyDescent="0.3">
      <c r="A2706" s="1">
        <v>20926</v>
      </c>
      <c r="C2706" s="4" t="s">
        <v>13758</v>
      </c>
      <c r="D2706" s="4" t="s">
        <v>13759</v>
      </c>
      <c r="F2706" s="4" t="s">
        <v>13760</v>
      </c>
      <c r="G2706" s="4" t="s">
        <v>13761</v>
      </c>
      <c r="H2706" s="4" t="s">
        <v>13762</v>
      </c>
    </row>
    <row r="2707" spans="1:11" ht="43.2" x14ac:dyDescent="0.3">
      <c r="A2707" s="1">
        <v>20931</v>
      </c>
      <c r="C2707" s="4" t="s">
        <v>13763</v>
      </c>
      <c r="E2707" s="4" t="s">
        <v>13764</v>
      </c>
      <c r="F2707" s="4" t="s">
        <v>1895</v>
      </c>
      <c r="G2707" s="4" t="s">
        <v>13765</v>
      </c>
      <c r="K2707" s="4" t="s">
        <v>13766</v>
      </c>
    </row>
    <row r="2708" spans="1:11" ht="72" x14ac:dyDescent="0.3">
      <c r="A2708" s="1">
        <v>20941</v>
      </c>
      <c r="C2708" s="4" t="s">
        <v>13767</v>
      </c>
      <c r="D2708" s="4" t="s">
        <v>13768</v>
      </c>
      <c r="E2708" s="4" t="s">
        <v>13769</v>
      </c>
      <c r="F2708" s="4" t="s">
        <v>13769</v>
      </c>
      <c r="G2708" s="4" t="s">
        <v>13770</v>
      </c>
      <c r="I2708" s="4" t="s">
        <v>13771</v>
      </c>
      <c r="J2708" s="4" t="s">
        <v>13772</v>
      </c>
      <c r="K2708" s="4" t="s">
        <v>13773</v>
      </c>
    </row>
    <row r="2709" spans="1:11" ht="72" x14ac:dyDescent="0.3">
      <c r="A2709" s="1">
        <v>20951</v>
      </c>
      <c r="C2709" s="4" t="s">
        <v>13774</v>
      </c>
      <c r="D2709" s="4" t="s">
        <v>13775</v>
      </c>
      <c r="E2709" s="4" t="s">
        <v>13776</v>
      </c>
      <c r="G2709" s="4" t="s">
        <v>13777</v>
      </c>
      <c r="K2709" s="4" t="s">
        <v>13778</v>
      </c>
    </row>
    <row r="2710" spans="1:11" ht="72" x14ac:dyDescent="0.3">
      <c r="A2710" s="1">
        <v>20956</v>
      </c>
      <c r="D2710" s="4" t="s">
        <v>13779</v>
      </c>
      <c r="E2710" s="4" t="s">
        <v>13780</v>
      </c>
      <c r="F2710" s="4" t="s">
        <v>13781</v>
      </c>
      <c r="G2710" s="4" t="s">
        <v>13782</v>
      </c>
      <c r="H2710" s="4" t="s">
        <v>13783</v>
      </c>
      <c r="K2710" s="4" t="s">
        <v>13784</v>
      </c>
    </row>
    <row r="2711" spans="1:11" ht="57.6" x14ac:dyDescent="0.3">
      <c r="A2711" s="1">
        <v>20966</v>
      </c>
      <c r="D2711" s="4" t="s">
        <v>13785</v>
      </c>
      <c r="E2711" s="4" t="s">
        <v>13786</v>
      </c>
      <c r="F2711" s="4" t="s">
        <v>13787</v>
      </c>
      <c r="G2711" s="4" t="s">
        <v>13788</v>
      </c>
      <c r="H2711" s="4" t="s">
        <v>13789</v>
      </c>
      <c r="I2711" s="4" t="s">
        <v>13790</v>
      </c>
      <c r="J2711" s="4" t="s">
        <v>13791</v>
      </c>
      <c r="K2711" s="4" t="s">
        <v>13792</v>
      </c>
    </row>
    <row r="2712" spans="1:11" ht="86.4" x14ac:dyDescent="0.3">
      <c r="A2712" s="1">
        <v>20971</v>
      </c>
      <c r="C2712" s="4" t="s">
        <v>13793</v>
      </c>
      <c r="D2712" s="4" t="s">
        <v>13794</v>
      </c>
      <c r="E2712" s="4" t="s">
        <v>13795</v>
      </c>
      <c r="F2712" s="4" t="s">
        <v>13796</v>
      </c>
      <c r="G2712" s="4" t="s">
        <v>13797</v>
      </c>
      <c r="H2712" s="4" t="s">
        <v>13798</v>
      </c>
      <c r="I2712" s="4" t="s">
        <v>13799</v>
      </c>
      <c r="K2712" s="4" t="s">
        <v>13800</v>
      </c>
    </row>
    <row r="2713" spans="1:11" x14ac:dyDescent="0.3">
      <c r="A2713" s="1">
        <v>20986</v>
      </c>
      <c r="I2713" s="4" t="s">
        <v>4873</v>
      </c>
      <c r="K2713" s="4" t="s">
        <v>4873</v>
      </c>
    </row>
    <row r="2714" spans="1:11" ht="86.4" x14ac:dyDescent="0.3">
      <c r="A2714" s="1">
        <v>20991</v>
      </c>
      <c r="C2714" s="4" t="s">
        <v>13801</v>
      </c>
      <c r="D2714" s="4" t="s">
        <v>13802</v>
      </c>
      <c r="J2714" s="4" t="s">
        <v>13803</v>
      </c>
      <c r="K2714" s="4" t="s">
        <v>13804</v>
      </c>
    </row>
    <row r="2715" spans="1:11" ht="57.6" x14ac:dyDescent="0.3">
      <c r="A2715" s="1">
        <v>20996</v>
      </c>
      <c r="C2715" s="4" t="s">
        <v>13805</v>
      </c>
      <c r="D2715" s="4" t="s">
        <v>13806</v>
      </c>
      <c r="G2715" s="4" t="s">
        <v>13807</v>
      </c>
      <c r="H2715" s="4" t="s">
        <v>13808</v>
      </c>
      <c r="I2715" s="4" t="s">
        <v>13809</v>
      </c>
      <c r="J2715" s="4" t="s">
        <v>13810</v>
      </c>
      <c r="K2715" s="4" t="s">
        <v>13811</v>
      </c>
    </row>
    <row r="2716" spans="1:11" ht="72" x14ac:dyDescent="0.3">
      <c r="A2716" s="1">
        <v>21001</v>
      </c>
      <c r="C2716" s="4" t="s">
        <v>13812</v>
      </c>
      <c r="D2716" s="4" t="s">
        <v>13813</v>
      </c>
      <c r="E2716" s="4" t="s">
        <v>13814</v>
      </c>
      <c r="F2716" s="4" t="s">
        <v>13815</v>
      </c>
      <c r="G2716" s="4" t="s">
        <v>13816</v>
      </c>
      <c r="H2716" s="4" t="s">
        <v>13817</v>
      </c>
      <c r="I2716" s="4" t="s">
        <v>13818</v>
      </c>
      <c r="K2716" s="4" t="s">
        <v>13819</v>
      </c>
    </row>
    <row r="2717" spans="1:11" ht="43.2" x14ac:dyDescent="0.3">
      <c r="A2717" s="1">
        <v>21011</v>
      </c>
      <c r="C2717" s="4" t="s">
        <v>13820</v>
      </c>
      <c r="D2717" s="4" t="s">
        <v>13821</v>
      </c>
      <c r="E2717" s="4" t="s">
        <v>13822</v>
      </c>
      <c r="F2717" s="4" t="s">
        <v>13823</v>
      </c>
      <c r="G2717" s="4" t="s">
        <v>13824</v>
      </c>
    </row>
    <row r="2718" spans="1:11" ht="72" x14ac:dyDescent="0.3">
      <c r="A2718" s="1">
        <v>21016</v>
      </c>
      <c r="C2718" s="4" t="s">
        <v>13825</v>
      </c>
      <c r="D2718" s="4" t="s">
        <v>13826</v>
      </c>
      <c r="E2718" s="4" t="s">
        <v>13827</v>
      </c>
      <c r="F2718" s="4" t="s">
        <v>13828</v>
      </c>
      <c r="G2718" s="4" t="s">
        <v>13829</v>
      </c>
      <c r="H2718" s="4" t="s">
        <v>13830</v>
      </c>
      <c r="K2718" s="4" t="s">
        <v>13831</v>
      </c>
    </row>
    <row r="2719" spans="1:11" ht="129.6" x14ac:dyDescent="0.3">
      <c r="A2719" s="1">
        <v>21026</v>
      </c>
      <c r="C2719" s="4" t="s">
        <v>13832</v>
      </c>
      <c r="D2719" s="4" t="s">
        <v>13833</v>
      </c>
      <c r="E2719" s="4" t="s">
        <v>13834</v>
      </c>
      <c r="F2719" s="4" t="s">
        <v>13835</v>
      </c>
      <c r="G2719" s="4" t="s">
        <v>13836</v>
      </c>
      <c r="H2719" s="4" t="s">
        <v>13837</v>
      </c>
      <c r="I2719" s="4" t="s">
        <v>13838</v>
      </c>
      <c r="J2719" s="4" t="s">
        <v>13839</v>
      </c>
      <c r="K2719" s="4" t="s">
        <v>13840</v>
      </c>
    </row>
    <row r="2720" spans="1:11" ht="72" x14ac:dyDescent="0.3">
      <c r="A2720" s="1">
        <v>21036</v>
      </c>
      <c r="C2720" s="4" t="s">
        <v>13841</v>
      </c>
      <c r="D2720" s="4" t="s">
        <v>13842</v>
      </c>
      <c r="E2720" s="4" t="s">
        <v>13843</v>
      </c>
      <c r="F2720" s="4" t="s">
        <v>13844</v>
      </c>
      <c r="G2720" s="4" t="s">
        <v>13845</v>
      </c>
      <c r="H2720" s="4" t="s">
        <v>13846</v>
      </c>
      <c r="K2720" s="4" t="s">
        <v>13847</v>
      </c>
    </row>
    <row r="2721" spans="1:11" ht="72" x14ac:dyDescent="0.3">
      <c r="A2721" s="1">
        <v>21041</v>
      </c>
      <c r="C2721" s="4" t="s">
        <v>13848</v>
      </c>
      <c r="D2721" s="4" t="s">
        <v>13849</v>
      </c>
      <c r="F2721" s="4" t="s">
        <v>13850</v>
      </c>
      <c r="G2721" s="4" t="s">
        <v>13851</v>
      </c>
      <c r="H2721" s="4" t="s">
        <v>13852</v>
      </c>
      <c r="I2721" s="4" t="s">
        <v>13853</v>
      </c>
      <c r="K2721" s="4" t="s">
        <v>13854</v>
      </c>
    </row>
    <row r="2722" spans="1:11" ht="72" x14ac:dyDescent="0.3">
      <c r="A2722" s="1">
        <v>21046</v>
      </c>
      <c r="D2722" s="4" t="s">
        <v>13855</v>
      </c>
      <c r="E2722" s="4" t="s">
        <v>13856</v>
      </c>
      <c r="F2722" s="4" t="s">
        <v>13857</v>
      </c>
      <c r="G2722" s="4" t="s">
        <v>13858</v>
      </c>
      <c r="H2722" s="4" t="s">
        <v>13859</v>
      </c>
      <c r="I2722" s="4" t="s">
        <v>13860</v>
      </c>
      <c r="K2722" s="4" t="s">
        <v>13861</v>
      </c>
    </row>
    <row r="2723" spans="1:11" ht="72" x14ac:dyDescent="0.3">
      <c r="A2723" s="1">
        <v>21051</v>
      </c>
      <c r="C2723" s="4" t="s">
        <v>13862</v>
      </c>
      <c r="D2723" s="4" t="s">
        <v>13863</v>
      </c>
      <c r="E2723" s="4" t="s">
        <v>13864</v>
      </c>
      <c r="F2723" s="4" t="s">
        <v>13865</v>
      </c>
      <c r="G2723" s="4" t="s">
        <v>13866</v>
      </c>
      <c r="H2723" s="4" t="s">
        <v>13867</v>
      </c>
      <c r="I2723" s="4" t="s">
        <v>13868</v>
      </c>
      <c r="K2723" s="4" t="s">
        <v>13869</v>
      </c>
    </row>
    <row r="2724" spans="1:11" ht="86.4" x14ac:dyDescent="0.3">
      <c r="A2724" s="1">
        <v>21056</v>
      </c>
      <c r="C2724" s="4" t="s">
        <v>13870</v>
      </c>
      <c r="D2724" s="4" t="s">
        <v>13871</v>
      </c>
      <c r="E2724" s="4" t="s">
        <v>13872</v>
      </c>
      <c r="F2724" s="4" t="s">
        <v>13873</v>
      </c>
      <c r="G2724" s="4" t="s">
        <v>13874</v>
      </c>
      <c r="H2724" s="4" t="s">
        <v>13875</v>
      </c>
      <c r="I2724" s="4" t="s">
        <v>13876</v>
      </c>
      <c r="K2724" s="4" t="s">
        <v>13877</v>
      </c>
    </row>
    <row r="2725" spans="1:11" ht="86.4" x14ac:dyDescent="0.3">
      <c r="A2725" s="1">
        <v>21066</v>
      </c>
      <c r="C2725" s="4" t="s">
        <v>13878</v>
      </c>
      <c r="D2725" s="4" t="s">
        <v>13879</v>
      </c>
      <c r="E2725" s="4" t="s">
        <v>13880</v>
      </c>
      <c r="F2725" s="4" t="s">
        <v>13881</v>
      </c>
      <c r="G2725" s="4" t="s">
        <v>13882</v>
      </c>
      <c r="H2725" s="4" t="s">
        <v>13883</v>
      </c>
      <c r="I2725" s="4" t="s">
        <v>13884</v>
      </c>
      <c r="K2725" s="4" t="s">
        <v>13885</v>
      </c>
    </row>
    <row r="2726" spans="1:11" ht="28.8" x14ac:dyDescent="0.3">
      <c r="A2726" s="1">
        <v>21071</v>
      </c>
      <c r="C2726" s="4" t="s">
        <v>13886</v>
      </c>
      <c r="F2726" s="4" t="s">
        <v>13887</v>
      </c>
      <c r="H2726" s="4" t="s">
        <v>13888</v>
      </c>
      <c r="K2726" s="4" t="s">
        <v>13889</v>
      </c>
    </row>
    <row r="2727" spans="1:11" ht="57.6" x14ac:dyDescent="0.3">
      <c r="A2727" s="1">
        <v>21076</v>
      </c>
      <c r="C2727" s="4" t="s">
        <v>13890</v>
      </c>
      <c r="D2727" s="4" t="s">
        <v>13891</v>
      </c>
      <c r="E2727" s="4" t="s">
        <v>13892</v>
      </c>
      <c r="G2727" s="4" t="s">
        <v>13893</v>
      </c>
      <c r="H2727" s="4" t="s">
        <v>13894</v>
      </c>
      <c r="K2727" s="4" t="s">
        <v>13895</v>
      </c>
    </row>
    <row r="2728" spans="1:11" x14ac:dyDescent="0.3">
      <c r="A2728" s="1">
        <v>21081</v>
      </c>
      <c r="D2728" s="4" t="s">
        <v>13896</v>
      </c>
      <c r="J2728" s="4" t="s">
        <v>13897</v>
      </c>
    </row>
    <row r="2729" spans="1:11" ht="43.2" x14ac:dyDescent="0.3">
      <c r="A2729" s="1">
        <v>21091</v>
      </c>
      <c r="D2729" s="4" t="s">
        <v>13898</v>
      </c>
      <c r="H2729" s="4" t="s">
        <v>13899</v>
      </c>
    </row>
    <row r="2730" spans="1:11" ht="28.8" x14ac:dyDescent="0.3">
      <c r="A2730" s="1">
        <v>21101</v>
      </c>
      <c r="D2730" s="4" t="s">
        <v>13900</v>
      </c>
      <c r="E2730" s="4" t="s">
        <v>13901</v>
      </c>
      <c r="G2730" s="4" t="s">
        <v>13902</v>
      </c>
      <c r="H2730" s="4" t="s">
        <v>13903</v>
      </c>
    </row>
    <row r="2731" spans="1:11" ht="43.2" x14ac:dyDescent="0.3">
      <c r="A2731" s="1">
        <v>21106</v>
      </c>
      <c r="E2731" s="4" t="s">
        <v>13904</v>
      </c>
      <c r="F2731" s="4" t="s">
        <v>13905</v>
      </c>
    </row>
    <row r="2732" spans="1:11" ht="72" x14ac:dyDescent="0.3">
      <c r="A2732" s="1">
        <v>21126</v>
      </c>
      <c r="C2732" s="4" t="s">
        <v>13906</v>
      </c>
      <c r="D2732" s="4" t="s">
        <v>13907</v>
      </c>
      <c r="G2732" s="4" t="s">
        <v>13908</v>
      </c>
      <c r="H2732" s="4" t="s">
        <v>13909</v>
      </c>
      <c r="I2732" s="4" t="s">
        <v>13910</v>
      </c>
      <c r="K2732" s="4" t="s">
        <v>13911</v>
      </c>
    </row>
    <row r="2733" spans="1:11" ht="100.8" x14ac:dyDescent="0.3">
      <c r="A2733" s="1">
        <v>21136</v>
      </c>
      <c r="C2733" s="4" t="s">
        <v>13912</v>
      </c>
      <c r="D2733" s="4" t="s">
        <v>13913</v>
      </c>
      <c r="E2733" s="4" t="s">
        <v>13914</v>
      </c>
      <c r="F2733" s="4" t="s">
        <v>13915</v>
      </c>
      <c r="G2733" s="4" t="s">
        <v>13916</v>
      </c>
      <c r="H2733" s="4" t="s">
        <v>13917</v>
      </c>
      <c r="I2733" s="4" t="s">
        <v>13918</v>
      </c>
      <c r="K2733" s="4" t="s">
        <v>13919</v>
      </c>
    </row>
    <row r="2734" spans="1:11" ht="43.2" x14ac:dyDescent="0.3">
      <c r="A2734" s="1">
        <v>21141</v>
      </c>
      <c r="C2734" s="4" t="s">
        <v>13920</v>
      </c>
      <c r="D2734" s="4" t="s">
        <v>13921</v>
      </c>
      <c r="E2734" s="4" t="s">
        <v>13922</v>
      </c>
      <c r="F2734" s="4" t="s">
        <v>13923</v>
      </c>
      <c r="G2734" s="4" t="s">
        <v>13924</v>
      </c>
      <c r="I2734" s="4" t="s">
        <v>13925</v>
      </c>
      <c r="K2734" s="4" t="s">
        <v>13926</v>
      </c>
    </row>
    <row r="2735" spans="1:11" ht="86.4" x14ac:dyDescent="0.3">
      <c r="A2735" s="1">
        <v>21146</v>
      </c>
      <c r="C2735" s="4" t="s">
        <v>13927</v>
      </c>
      <c r="D2735" s="4" t="s">
        <v>13928</v>
      </c>
      <c r="E2735" s="4" t="s">
        <v>13929</v>
      </c>
      <c r="F2735" s="4" t="s">
        <v>13930</v>
      </c>
      <c r="G2735" s="4" t="s">
        <v>13931</v>
      </c>
      <c r="I2735" s="4" t="s">
        <v>13932</v>
      </c>
      <c r="K2735" s="4" t="s">
        <v>13933</v>
      </c>
    </row>
    <row r="2736" spans="1:11" ht="28.8" x14ac:dyDescent="0.3">
      <c r="A2736" s="1">
        <v>21156</v>
      </c>
      <c r="C2736" s="4" t="s">
        <v>13934</v>
      </c>
      <c r="D2736" s="4" t="s">
        <v>13935</v>
      </c>
      <c r="E2736" s="4" t="s">
        <v>13936</v>
      </c>
    </row>
    <row r="2737" spans="1:11" ht="57.6" x14ac:dyDescent="0.3">
      <c r="A2737" s="1">
        <v>21166</v>
      </c>
      <c r="C2737" s="4" t="s">
        <v>13937</v>
      </c>
      <c r="D2737" s="4" t="s">
        <v>13938</v>
      </c>
      <c r="G2737" s="4" t="s">
        <v>13939</v>
      </c>
      <c r="H2737" s="4" t="s">
        <v>13940</v>
      </c>
      <c r="I2737" s="4" t="s">
        <v>7619</v>
      </c>
      <c r="J2737" s="4" t="s">
        <v>13941</v>
      </c>
      <c r="K2737" s="4" t="s">
        <v>13942</v>
      </c>
    </row>
    <row r="2738" spans="1:11" ht="72" x14ac:dyDescent="0.3">
      <c r="A2738" s="1">
        <v>21171</v>
      </c>
      <c r="C2738" s="4" t="s">
        <v>13943</v>
      </c>
      <c r="D2738" s="4" t="s">
        <v>13944</v>
      </c>
      <c r="E2738" s="4" t="s">
        <v>13945</v>
      </c>
      <c r="F2738" s="4" t="s">
        <v>13946</v>
      </c>
      <c r="G2738" s="4" t="s">
        <v>13947</v>
      </c>
      <c r="H2738" s="4" t="s">
        <v>13948</v>
      </c>
      <c r="I2738" s="4" t="s">
        <v>13949</v>
      </c>
      <c r="K2738" s="4" t="s">
        <v>13950</v>
      </c>
    </row>
    <row r="2739" spans="1:11" ht="86.4" x14ac:dyDescent="0.3">
      <c r="A2739" s="1">
        <v>21181</v>
      </c>
      <c r="C2739" s="4" t="s">
        <v>13951</v>
      </c>
      <c r="D2739" s="4" t="s">
        <v>13952</v>
      </c>
      <c r="E2739" s="4" t="s">
        <v>13953</v>
      </c>
      <c r="F2739" s="4" t="s">
        <v>13954</v>
      </c>
    </row>
    <row r="2740" spans="1:11" ht="72" x14ac:dyDescent="0.3">
      <c r="A2740" s="1">
        <v>21186</v>
      </c>
      <c r="D2740" s="4" t="s">
        <v>13955</v>
      </c>
      <c r="E2740" s="4" t="s">
        <v>13956</v>
      </c>
      <c r="G2740" s="4" t="s">
        <v>13957</v>
      </c>
    </row>
    <row r="2741" spans="1:11" x14ac:dyDescent="0.3">
      <c r="A2741" s="1">
        <v>21191</v>
      </c>
    </row>
    <row r="2742" spans="1:11" ht="86.4" x14ac:dyDescent="0.3">
      <c r="A2742" s="1">
        <v>21196</v>
      </c>
      <c r="C2742" s="4" t="s">
        <v>13958</v>
      </c>
      <c r="D2742" s="4" t="s">
        <v>13959</v>
      </c>
      <c r="E2742" s="4" t="s">
        <v>13960</v>
      </c>
      <c r="F2742" s="4" t="s">
        <v>13960</v>
      </c>
      <c r="G2742" s="4" t="s">
        <v>13961</v>
      </c>
      <c r="H2742" s="4" t="s">
        <v>13962</v>
      </c>
      <c r="I2742" s="4" t="s">
        <v>13963</v>
      </c>
      <c r="K2742" s="4" t="s">
        <v>13964</v>
      </c>
    </row>
    <row r="2743" spans="1:11" ht="86.4" x14ac:dyDescent="0.3">
      <c r="A2743" s="1">
        <v>21211</v>
      </c>
      <c r="C2743" s="4" t="s">
        <v>13965</v>
      </c>
      <c r="D2743" s="4" t="s">
        <v>13966</v>
      </c>
      <c r="E2743" s="4" t="s">
        <v>13967</v>
      </c>
      <c r="F2743" s="4" t="s">
        <v>13968</v>
      </c>
      <c r="G2743" s="4" t="s">
        <v>13969</v>
      </c>
      <c r="H2743" s="4" t="s">
        <v>1287</v>
      </c>
      <c r="I2743" s="4" t="s">
        <v>13970</v>
      </c>
      <c r="J2743" s="4" t="s">
        <v>13971</v>
      </c>
      <c r="K2743" s="4" t="s">
        <v>13972</v>
      </c>
    </row>
    <row r="2744" spans="1:11" ht="100.8" x14ac:dyDescent="0.3">
      <c r="A2744" s="1">
        <v>21221</v>
      </c>
      <c r="C2744" s="4" t="s">
        <v>13973</v>
      </c>
      <c r="D2744" s="4" t="s">
        <v>13974</v>
      </c>
      <c r="E2744" s="4" t="s">
        <v>13975</v>
      </c>
      <c r="G2744" s="4" t="s">
        <v>13976</v>
      </c>
      <c r="H2744" s="4" t="s">
        <v>13977</v>
      </c>
      <c r="K2744" s="4" t="s">
        <v>13978</v>
      </c>
    </row>
    <row r="2745" spans="1:11" ht="86.4" x14ac:dyDescent="0.3">
      <c r="A2745" s="1">
        <v>21226</v>
      </c>
      <c r="C2745" s="4" t="s">
        <v>13979</v>
      </c>
      <c r="E2745" s="4" t="s">
        <v>13980</v>
      </c>
      <c r="F2745" s="4" t="s">
        <v>13981</v>
      </c>
      <c r="G2745" s="4" t="s">
        <v>13982</v>
      </c>
      <c r="H2745" s="4" t="s">
        <v>13983</v>
      </c>
      <c r="I2745" s="4" t="s">
        <v>13984</v>
      </c>
      <c r="K2745" s="4" t="s">
        <v>13985</v>
      </c>
    </row>
    <row r="2746" spans="1:11" ht="43.2" x14ac:dyDescent="0.3">
      <c r="A2746" s="1">
        <v>21231</v>
      </c>
      <c r="C2746" s="4" t="s">
        <v>13986</v>
      </c>
      <c r="D2746" s="4" t="s">
        <v>10139</v>
      </c>
      <c r="F2746" s="4" t="s">
        <v>13987</v>
      </c>
      <c r="G2746" s="4" t="s">
        <v>13988</v>
      </c>
      <c r="H2746" s="4" t="s">
        <v>13989</v>
      </c>
    </row>
    <row r="2747" spans="1:11" ht="86.4" x14ac:dyDescent="0.3">
      <c r="A2747" s="1">
        <v>21236</v>
      </c>
      <c r="C2747" s="4" t="s">
        <v>13990</v>
      </c>
      <c r="E2747" s="4" t="s">
        <v>13991</v>
      </c>
      <c r="F2747" s="4" t="s">
        <v>13992</v>
      </c>
      <c r="G2747" s="4" t="s">
        <v>13993</v>
      </c>
      <c r="H2747" s="4" t="s">
        <v>13994</v>
      </c>
      <c r="I2747" s="4" t="s">
        <v>13995</v>
      </c>
      <c r="J2747" s="4" t="s">
        <v>13996</v>
      </c>
      <c r="K2747" s="4" t="s">
        <v>13997</v>
      </c>
    </row>
    <row r="2748" spans="1:11" ht="28.8" x14ac:dyDescent="0.3">
      <c r="A2748" s="1">
        <v>21241</v>
      </c>
      <c r="C2748" s="4" t="s">
        <v>13998</v>
      </c>
      <c r="D2748" s="4" t="s">
        <v>13999</v>
      </c>
      <c r="E2748" s="4" t="s">
        <v>14000</v>
      </c>
      <c r="F2748" s="4" t="s">
        <v>14001</v>
      </c>
    </row>
    <row r="2749" spans="1:11" ht="43.2" x14ac:dyDescent="0.3">
      <c r="A2749" s="1">
        <v>21251</v>
      </c>
      <c r="C2749" s="4" t="s">
        <v>14002</v>
      </c>
      <c r="D2749" s="4" t="s">
        <v>14003</v>
      </c>
      <c r="E2749" s="4" t="s">
        <v>14004</v>
      </c>
      <c r="F2749" s="4" t="s">
        <v>14005</v>
      </c>
      <c r="G2749" s="4" t="s">
        <v>14006</v>
      </c>
      <c r="H2749" s="4" t="s">
        <v>14007</v>
      </c>
      <c r="I2749" s="4" t="s">
        <v>14008</v>
      </c>
      <c r="K2749" s="4" t="s">
        <v>14009</v>
      </c>
    </row>
    <row r="2750" spans="1:11" ht="57.6" x14ac:dyDescent="0.3">
      <c r="A2750" s="1">
        <v>21256</v>
      </c>
      <c r="C2750" s="4" t="s">
        <v>14010</v>
      </c>
      <c r="G2750" s="4" t="s">
        <v>14011</v>
      </c>
      <c r="H2750" s="4" t="s">
        <v>14012</v>
      </c>
      <c r="K2750" s="4" t="s">
        <v>14013</v>
      </c>
    </row>
    <row r="2751" spans="1:11" ht="86.4" x14ac:dyDescent="0.3">
      <c r="A2751" s="1">
        <v>21261</v>
      </c>
      <c r="D2751" s="4" t="s">
        <v>14014</v>
      </c>
      <c r="E2751" s="4" t="s">
        <v>14015</v>
      </c>
      <c r="F2751" s="4" t="s">
        <v>14016</v>
      </c>
      <c r="G2751" s="4" t="s">
        <v>14017</v>
      </c>
      <c r="I2751" s="4" t="s">
        <v>14018</v>
      </c>
    </row>
    <row r="2752" spans="1:11" ht="57.6" x14ac:dyDescent="0.3">
      <c r="A2752" s="1">
        <v>21266</v>
      </c>
      <c r="C2752" s="4" t="s">
        <v>14019</v>
      </c>
      <c r="G2752" s="4" t="s">
        <v>14020</v>
      </c>
      <c r="H2752" s="4" t="s">
        <v>14020</v>
      </c>
    </row>
    <row r="2753" spans="1:11" ht="72" x14ac:dyDescent="0.3">
      <c r="A2753" s="1">
        <v>21271</v>
      </c>
      <c r="C2753" s="4" t="s">
        <v>14021</v>
      </c>
      <c r="D2753" s="4" t="s">
        <v>14022</v>
      </c>
      <c r="E2753" s="4" t="s">
        <v>14023</v>
      </c>
    </row>
    <row r="2754" spans="1:11" ht="86.4" x14ac:dyDescent="0.3">
      <c r="A2754" s="1">
        <v>21286</v>
      </c>
      <c r="C2754" s="4" t="s">
        <v>14024</v>
      </c>
      <c r="D2754" s="4" t="s">
        <v>14025</v>
      </c>
      <c r="E2754" s="4" t="s">
        <v>14026</v>
      </c>
      <c r="F2754" s="4" t="s">
        <v>14027</v>
      </c>
      <c r="J2754" s="4" t="s">
        <v>14028</v>
      </c>
      <c r="K2754" s="4" t="s">
        <v>14029</v>
      </c>
    </row>
    <row r="2755" spans="1:11" ht="86.4" x14ac:dyDescent="0.3">
      <c r="A2755" s="1">
        <v>21291</v>
      </c>
      <c r="C2755" s="4" t="s">
        <v>14030</v>
      </c>
      <c r="F2755" s="4" t="s">
        <v>14031</v>
      </c>
      <c r="K2755" s="4" t="s">
        <v>14032</v>
      </c>
    </row>
    <row r="2756" spans="1:11" ht="57.6" x14ac:dyDescent="0.3">
      <c r="A2756" s="1">
        <v>21296</v>
      </c>
      <c r="C2756" s="4" t="s">
        <v>14033</v>
      </c>
      <c r="D2756" s="4" t="s">
        <v>14034</v>
      </c>
      <c r="G2756" s="4" t="s">
        <v>14035</v>
      </c>
      <c r="K2756" s="4" t="s">
        <v>14036</v>
      </c>
    </row>
    <row r="2757" spans="1:11" ht="86.4" x14ac:dyDescent="0.3">
      <c r="A2757" s="1">
        <v>21311</v>
      </c>
      <c r="C2757" s="4" t="s">
        <v>14037</v>
      </c>
      <c r="D2757" s="4" t="s">
        <v>14038</v>
      </c>
      <c r="E2757" s="4" t="s">
        <v>14039</v>
      </c>
      <c r="F2757" s="4" t="s">
        <v>14040</v>
      </c>
      <c r="G2757" s="4" t="s">
        <v>14041</v>
      </c>
      <c r="H2757" s="4" t="s">
        <v>14042</v>
      </c>
      <c r="I2757" s="4" t="s">
        <v>14043</v>
      </c>
      <c r="J2757" s="4" t="s">
        <v>14044</v>
      </c>
      <c r="K2757" s="4" t="s">
        <v>14045</v>
      </c>
    </row>
    <row r="2758" spans="1:11" ht="86.4" x14ac:dyDescent="0.3">
      <c r="A2758" s="1">
        <v>21326</v>
      </c>
      <c r="E2758" s="4" t="s">
        <v>14046</v>
      </c>
      <c r="F2758" s="4" t="s">
        <v>14046</v>
      </c>
      <c r="G2758" s="4" t="s">
        <v>14047</v>
      </c>
      <c r="H2758" s="4" t="s">
        <v>14048</v>
      </c>
      <c r="I2758" s="4" t="s">
        <v>14049</v>
      </c>
      <c r="K2758" s="4" t="s">
        <v>14047</v>
      </c>
    </row>
    <row r="2759" spans="1:11" ht="57.6" x14ac:dyDescent="0.3">
      <c r="A2759" s="1">
        <v>21331</v>
      </c>
      <c r="C2759" s="4" t="s">
        <v>14050</v>
      </c>
      <c r="D2759" s="4" t="s">
        <v>6186</v>
      </c>
      <c r="E2759" s="4" t="s">
        <v>14051</v>
      </c>
      <c r="F2759" s="4" t="s">
        <v>14052</v>
      </c>
      <c r="G2759" s="4" t="s">
        <v>14053</v>
      </c>
      <c r="H2759" s="4" t="s">
        <v>14054</v>
      </c>
      <c r="K2759" s="4" t="s">
        <v>14055</v>
      </c>
    </row>
    <row r="2760" spans="1:11" ht="28.8" x14ac:dyDescent="0.3">
      <c r="A2760" s="1">
        <v>21336</v>
      </c>
      <c r="I2760" s="4" t="s">
        <v>14056</v>
      </c>
      <c r="K2760" s="4" t="s">
        <v>14057</v>
      </c>
    </row>
    <row r="2761" spans="1:11" ht="72" x14ac:dyDescent="0.3">
      <c r="A2761" s="1">
        <v>21341</v>
      </c>
      <c r="C2761" s="4" t="s">
        <v>14058</v>
      </c>
      <c r="K2761" s="4" t="s">
        <v>14059</v>
      </c>
    </row>
    <row r="2762" spans="1:11" ht="57.6" x14ac:dyDescent="0.3">
      <c r="A2762" s="1">
        <v>21346</v>
      </c>
      <c r="D2762" s="4" t="s">
        <v>14060</v>
      </c>
      <c r="F2762" s="4" t="s">
        <v>14061</v>
      </c>
      <c r="G2762" s="4" t="s">
        <v>14062</v>
      </c>
      <c r="H2762" s="4" t="s">
        <v>14063</v>
      </c>
    </row>
    <row r="2763" spans="1:11" ht="28.8" x14ac:dyDescent="0.3">
      <c r="A2763" s="1">
        <v>21376</v>
      </c>
      <c r="C2763" s="4" t="s">
        <v>14064</v>
      </c>
      <c r="D2763" s="4" t="s">
        <v>14065</v>
      </c>
      <c r="F2763" s="4" t="s">
        <v>14066</v>
      </c>
      <c r="I2763" s="4" t="s">
        <v>14067</v>
      </c>
    </row>
    <row r="2764" spans="1:11" ht="86.4" x14ac:dyDescent="0.3">
      <c r="A2764" s="1">
        <v>21381</v>
      </c>
      <c r="C2764" s="4" t="s">
        <v>14068</v>
      </c>
      <c r="D2764" s="4" t="s">
        <v>14069</v>
      </c>
      <c r="E2764" s="4" t="s">
        <v>14070</v>
      </c>
      <c r="F2764" s="4" t="s">
        <v>14071</v>
      </c>
      <c r="G2764" s="4" t="s">
        <v>14072</v>
      </c>
      <c r="H2764" s="4" t="s">
        <v>14073</v>
      </c>
      <c r="I2764" s="4" t="s">
        <v>14074</v>
      </c>
      <c r="K2764" s="4" t="s">
        <v>14075</v>
      </c>
    </row>
    <row r="2765" spans="1:11" ht="43.2" x14ac:dyDescent="0.3">
      <c r="A2765" s="1">
        <v>21396</v>
      </c>
      <c r="C2765" s="4" t="s">
        <v>14076</v>
      </c>
      <c r="D2765" s="4" t="s">
        <v>14077</v>
      </c>
      <c r="E2765" s="4" t="s">
        <v>14078</v>
      </c>
      <c r="F2765" s="4" t="s">
        <v>7462</v>
      </c>
      <c r="G2765" s="4" t="s">
        <v>14079</v>
      </c>
      <c r="H2765" s="4" t="s">
        <v>14080</v>
      </c>
      <c r="I2765" s="4" t="s">
        <v>14081</v>
      </c>
      <c r="K2765" s="4" t="s">
        <v>14082</v>
      </c>
    </row>
    <row r="2766" spans="1:11" ht="28.8" x14ac:dyDescent="0.3">
      <c r="A2766" s="1">
        <v>21401</v>
      </c>
      <c r="E2766" s="4" t="s">
        <v>14083</v>
      </c>
    </row>
    <row r="2767" spans="1:11" ht="72" x14ac:dyDescent="0.3">
      <c r="A2767" s="1">
        <v>21406</v>
      </c>
      <c r="C2767" s="4" t="s">
        <v>14084</v>
      </c>
      <c r="D2767" s="4" t="s">
        <v>14085</v>
      </c>
      <c r="E2767" s="4" t="s">
        <v>14086</v>
      </c>
      <c r="F2767" s="4" t="s">
        <v>14087</v>
      </c>
      <c r="G2767" s="4" t="s">
        <v>14088</v>
      </c>
      <c r="H2767" s="4" t="s">
        <v>14089</v>
      </c>
      <c r="K2767" s="4" t="s">
        <v>14090</v>
      </c>
    </row>
    <row r="2768" spans="1:11" ht="28.8" x14ac:dyDescent="0.3">
      <c r="A2768" s="1">
        <v>21416</v>
      </c>
      <c r="D2768" s="4" t="s">
        <v>14091</v>
      </c>
      <c r="F2768" s="4" t="s">
        <v>1895</v>
      </c>
      <c r="G2768" s="4" t="s">
        <v>14092</v>
      </c>
      <c r="I2768" s="4" t="s">
        <v>14093</v>
      </c>
    </row>
    <row r="2769" spans="1:11" ht="86.4" x14ac:dyDescent="0.3">
      <c r="A2769" s="1">
        <v>21421</v>
      </c>
      <c r="C2769" s="4" t="s">
        <v>14094</v>
      </c>
      <c r="D2769" s="4" t="s">
        <v>14095</v>
      </c>
      <c r="E2769" s="4" t="s">
        <v>14096</v>
      </c>
      <c r="F2769" s="4" t="s">
        <v>14097</v>
      </c>
      <c r="G2769" s="4" t="s">
        <v>14098</v>
      </c>
      <c r="J2769" s="4" t="s">
        <v>14099</v>
      </c>
      <c r="K2769" s="4" t="s">
        <v>14094</v>
      </c>
    </row>
    <row r="2770" spans="1:11" x14ac:dyDescent="0.3">
      <c r="A2770" s="1">
        <v>21426</v>
      </c>
    </row>
    <row r="2771" spans="1:11" ht="57.6" x14ac:dyDescent="0.3">
      <c r="A2771" s="1">
        <v>21436</v>
      </c>
      <c r="C2771" s="4" t="s">
        <v>14100</v>
      </c>
      <c r="D2771" s="4" t="s">
        <v>14101</v>
      </c>
      <c r="F2771" s="4" t="s">
        <v>14102</v>
      </c>
      <c r="I2771" s="4" t="s">
        <v>14103</v>
      </c>
    </row>
    <row r="2772" spans="1:11" ht="86.4" x14ac:dyDescent="0.3">
      <c r="A2772" s="1">
        <v>21441</v>
      </c>
      <c r="C2772" s="4" t="s">
        <v>14104</v>
      </c>
      <c r="D2772" s="4" t="s">
        <v>14105</v>
      </c>
      <c r="E2772" s="4" t="s">
        <v>14106</v>
      </c>
      <c r="F2772" s="4" t="s">
        <v>14107</v>
      </c>
      <c r="G2772" s="4" t="s">
        <v>14108</v>
      </c>
      <c r="H2772" s="4" t="s">
        <v>14109</v>
      </c>
      <c r="I2772" s="4" t="s">
        <v>14110</v>
      </c>
      <c r="J2772" s="4" t="s">
        <v>14111</v>
      </c>
      <c r="K2772" s="4" t="s">
        <v>14112</v>
      </c>
    </row>
    <row r="2773" spans="1:11" ht="72" x14ac:dyDescent="0.3">
      <c r="A2773" s="1">
        <v>21446</v>
      </c>
      <c r="C2773" s="4" t="s">
        <v>14113</v>
      </c>
      <c r="D2773" s="4" t="s">
        <v>14114</v>
      </c>
      <c r="E2773" s="4" t="s">
        <v>14115</v>
      </c>
      <c r="F2773" s="4" t="s">
        <v>14116</v>
      </c>
      <c r="G2773" s="4" t="s">
        <v>14117</v>
      </c>
      <c r="H2773" s="4" t="s">
        <v>14118</v>
      </c>
      <c r="I2773" s="4" t="s">
        <v>14119</v>
      </c>
      <c r="K2773" s="4" t="s">
        <v>14120</v>
      </c>
    </row>
    <row r="2774" spans="1:11" ht="72" x14ac:dyDescent="0.3">
      <c r="A2774" s="1">
        <v>21456</v>
      </c>
      <c r="C2774" s="4" t="s">
        <v>14121</v>
      </c>
      <c r="D2774" s="4" t="s">
        <v>14122</v>
      </c>
      <c r="G2774" s="4" t="s">
        <v>14123</v>
      </c>
      <c r="H2774" s="4" t="s">
        <v>14124</v>
      </c>
      <c r="I2774" s="4" t="s">
        <v>14125</v>
      </c>
      <c r="K2774" s="4" t="s">
        <v>14126</v>
      </c>
    </row>
    <row r="2775" spans="1:11" ht="72" x14ac:dyDescent="0.3">
      <c r="A2775" s="1">
        <v>21461</v>
      </c>
      <c r="D2775" s="4" t="s">
        <v>14127</v>
      </c>
      <c r="G2775" s="4" t="s">
        <v>14128</v>
      </c>
      <c r="H2775" s="4" t="s">
        <v>14129</v>
      </c>
      <c r="K2775" s="4" t="s">
        <v>14130</v>
      </c>
    </row>
    <row r="2776" spans="1:11" ht="86.4" x14ac:dyDescent="0.3">
      <c r="A2776" s="1">
        <v>21466</v>
      </c>
      <c r="C2776" s="4" t="s">
        <v>14131</v>
      </c>
      <c r="D2776" s="4" t="s">
        <v>14132</v>
      </c>
      <c r="E2776" s="4" t="s">
        <v>14131</v>
      </c>
      <c r="F2776" s="4" t="s">
        <v>14131</v>
      </c>
      <c r="G2776" s="4" t="s">
        <v>14131</v>
      </c>
      <c r="H2776" s="4" t="s">
        <v>14131</v>
      </c>
      <c r="I2776" s="4" t="s">
        <v>14131</v>
      </c>
      <c r="K2776" s="4" t="s">
        <v>14131</v>
      </c>
    </row>
    <row r="2777" spans="1:11" x14ac:dyDescent="0.3">
      <c r="A2777" s="1">
        <v>21481</v>
      </c>
    </row>
    <row r="2778" spans="1:11" ht="72" x14ac:dyDescent="0.3">
      <c r="A2778" s="1">
        <v>21491</v>
      </c>
      <c r="C2778" s="4" t="s">
        <v>14133</v>
      </c>
      <c r="D2778" s="4" t="s">
        <v>14134</v>
      </c>
      <c r="F2778" s="4" t="s">
        <v>14135</v>
      </c>
      <c r="G2778" s="4" t="s">
        <v>14136</v>
      </c>
      <c r="H2778" s="4" t="s">
        <v>1895</v>
      </c>
      <c r="K2778" s="4" t="s">
        <v>14137</v>
      </c>
    </row>
    <row r="2779" spans="1:11" ht="28.8" x14ac:dyDescent="0.3">
      <c r="A2779" s="1">
        <v>21511</v>
      </c>
      <c r="E2779" s="4" t="s">
        <v>14138</v>
      </c>
      <c r="F2779" s="4" t="s">
        <v>14139</v>
      </c>
    </row>
    <row r="2780" spans="1:11" ht="57.6" x14ac:dyDescent="0.3">
      <c r="A2780" s="1">
        <v>21516</v>
      </c>
      <c r="C2780" s="4" t="s">
        <v>14140</v>
      </c>
      <c r="E2780" s="4" t="s">
        <v>14141</v>
      </c>
      <c r="F2780" s="4" t="s">
        <v>14142</v>
      </c>
      <c r="G2780" s="4" t="s">
        <v>14143</v>
      </c>
      <c r="K2780" s="4" t="s">
        <v>14144</v>
      </c>
    </row>
    <row r="2781" spans="1:11" ht="86.4" x14ac:dyDescent="0.3">
      <c r="A2781" s="1">
        <v>21521</v>
      </c>
      <c r="C2781" s="4" t="s">
        <v>14145</v>
      </c>
      <c r="D2781" s="4" t="s">
        <v>14146</v>
      </c>
      <c r="E2781" s="4" t="s">
        <v>14147</v>
      </c>
      <c r="F2781" s="4" t="s">
        <v>14148</v>
      </c>
      <c r="G2781" s="4" t="s">
        <v>14149</v>
      </c>
      <c r="H2781" s="4" t="s">
        <v>14150</v>
      </c>
      <c r="I2781" s="4" t="s">
        <v>14151</v>
      </c>
      <c r="K2781" s="4" t="s">
        <v>14152</v>
      </c>
    </row>
    <row r="2782" spans="1:11" ht="86.4" x14ac:dyDescent="0.3">
      <c r="A2782" s="1">
        <v>21556</v>
      </c>
      <c r="C2782" s="4" t="s">
        <v>14153</v>
      </c>
      <c r="D2782" s="4" t="s">
        <v>14154</v>
      </c>
      <c r="E2782" s="4" t="s">
        <v>14155</v>
      </c>
      <c r="F2782" s="4" t="s">
        <v>14156</v>
      </c>
      <c r="G2782" s="4" t="s">
        <v>14157</v>
      </c>
      <c r="H2782" s="4" t="s">
        <v>14158</v>
      </c>
      <c r="I2782" s="4" t="s">
        <v>14159</v>
      </c>
      <c r="K2782" s="4" t="s">
        <v>14160</v>
      </c>
    </row>
    <row r="2783" spans="1:11" ht="86.4" x14ac:dyDescent="0.3">
      <c r="A2783" s="1">
        <v>21561</v>
      </c>
      <c r="C2783" s="4" t="s">
        <v>14161</v>
      </c>
      <c r="F2783" s="4" t="s">
        <v>14162</v>
      </c>
      <c r="G2783" s="4" t="s">
        <v>14163</v>
      </c>
      <c r="H2783" s="4" t="s">
        <v>14164</v>
      </c>
      <c r="I2783" s="4" t="s">
        <v>14165</v>
      </c>
      <c r="K2783" s="4" t="s">
        <v>14166</v>
      </c>
    </row>
    <row r="2784" spans="1:11" x14ac:dyDescent="0.3">
      <c r="A2784" s="1">
        <v>21566</v>
      </c>
    </row>
    <row r="2785" spans="1:11" ht="28.8" x14ac:dyDescent="0.3">
      <c r="A2785" s="1">
        <v>21576</v>
      </c>
      <c r="D2785" s="4" t="s">
        <v>14167</v>
      </c>
      <c r="F2785" s="4" t="s">
        <v>14168</v>
      </c>
      <c r="G2785" s="4" t="s">
        <v>14169</v>
      </c>
    </row>
    <row r="2786" spans="1:11" ht="86.4" x14ac:dyDescent="0.3">
      <c r="A2786" s="1">
        <v>21586</v>
      </c>
      <c r="C2786" s="4" t="s">
        <v>14170</v>
      </c>
      <c r="D2786" s="4" t="s">
        <v>14171</v>
      </c>
      <c r="E2786" s="4" t="s">
        <v>14172</v>
      </c>
      <c r="F2786" s="4" t="s">
        <v>14173</v>
      </c>
      <c r="H2786" s="4" t="s">
        <v>14174</v>
      </c>
      <c r="J2786" s="4" t="s">
        <v>14175</v>
      </c>
      <c r="K2786" s="4" t="s">
        <v>14176</v>
      </c>
    </row>
    <row r="2787" spans="1:11" ht="86.4" x14ac:dyDescent="0.3">
      <c r="A2787" s="1">
        <v>21596</v>
      </c>
      <c r="C2787" s="4" t="s">
        <v>14177</v>
      </c>
      <c r="D2787" s="4" t="s">
        <v>14178</v>
      </c>
      <c r="E2787" s="4" t="s">
        <v>14179</v>
      </c>
      <c r="F2787" s="4" t="s">
        <v>14180</v>
      </c>
      <c r="G2787" s="4" t="s">
        <v>14181</v>
      </c>
      <c r="H2787" s="4" t="s">
        <v>14182</v>
      </c>
      <c r="I2787" s="4" t="s">
        <v>14183</v>
      </c>
      <c r="K2787" s="4" t="s">
        <v>14184</v>
      </c>
    </row>
    <row r="2788" spans="1:11" ht="28.8" x14ac:dyDescent="0.3">
      <c r="A2788" s="1">
        <v>21601</v>
      </c>
      <c r="C2788" s="4" t="s">
        <v>14185</v>
      </c>
      <c r="D2788" s="4" t="s">
        <v>14186</v>
      </c>
      <c r="E2788" s="4" t="s">
        <v>14187</v>
      </c>
      <c r="F2788" s="4" t="s">
        <v>14188</v>
      </c>
      <c r="G2788" s="4" t="s">
        <v>14189</v>
      </c>
      <c r="H2788" s="4" t="s">
        <v>14190</v>
      </c>
    </row>
    <row r="2789" spans="1:11" ht="28.8" x14ac:dyDescent="0.3">
      <c r="A2789" s="1">
        <v>21606</v>
      </c>
      <c r="C2789" s="4" t="s">
        <v>14191</v>
      </c>
      <c r="D2789" s="4" t="s">
        <v>14192</v>
      </c>
      <c r="E2789" s="4" t="s">
        <v>14193</v>
      </c>
      <c r="H2789" s="4" t="s">
        <v>14194</v>
      </c>
      <c r="K2789" s="4" t="s">
        <v>14195</v>
      </c>
    </row>
    <row r="2790" spans="1:11" ht="43.2" x14ac:dyDescent="0.3">
      <c r="A2790" s="1">
        <v>21611</v>
      </c>
      <c r="C2790" s="4" t="s">
        <v>14196</v>
      </c>
      <c r="D2790" s="4" t="s">
        <v>14197</v>
      </c>
      <c r="E2790" s="4" t="s">
        <v>14198</v>
      </c>
      <c r="H2790" s="4" t="s">
        <v>14199</v>
      </c>
      <c r="I2790" s="4" t="s">
        <v>14200</v>
      </c>
      <c r="K2790" s="4" t="s">
        <v>14201</v>
      </c>
    </row>
    <row r="2791" spans="1:11" ht="72" x14ac:dyDescent="0.3">
      <c r="A2791" s="1">
        <v>21621</v>
      </c>
      <c r="C2791" s="4" t="s">
        <v>14202</v>
      </c>
      <c r="D2791" s="4" t="s">
        <v>14203</v>
      </c>
      <c r="E2791" s="4" t="s">
        <v>14204</v>
      </c>
      <c r="F2791" s="4" t="s">
        <v>14205</v>
      </c>
      <c r="G2791" s="4" t="s">
        <v>14206</v>
      </c>
      <c r="H2791" s="4" t="s">
        <v>14207</v>
      </c>
      <c r="I2791" s="4" t="s">
        <v>14208</v>
      </c>
      <c r="K2791" s="4" t="s">
        <v>14209</v>
      </c>
    </row>
    <row r="2792" spans="1:11" ht="86.4" x14ac:dyDescent="0.3">
      <c r="A2792" s="1">
        <v>21626</v>
      </c>
      <c r="C2792" s="4" t="s">
        <v>14210</v>
      </c>
    </row>
    <row r="2793" spans="1:11" ht="57.6" x14ac:dyDescent="0.3">
      <c r="A2793" s="1">
        <v>21631</v>
      </c>
      <c r="C2793" s="4" t="s">
        <v>14211</v>
      </c>
      <c r="D2793" s="4" t="s">
        <v>14212</v>
      </c>
      <c r="F2793" s="4" t="s">
        <v>14213</v>
      </c>
      <c r="J2793" s="4" t="s">
        <v>14214</v>
      </c>
    </row>
    <row r="2794" spans="1:11" ht="72" x14ac:dyDescent="0.3">
      <c r="A2794" s="1">
        <v>21636</v>
      </c>
      <c r="C2794" s="4" t="s">
        <v>14215</v>
      </c>
      <c r="D2794" s="4" t="s">
        <v>14216</v>
      </c>
      <c r="F2794" s="4" t="s">
        <v>14217</v>
      </c>
      <c r="G2794" s="4" t="s">
        <v>14218</v>
      </c>
      <c r="H2794" s="4" t="s">
        <v>14219</v>
      </c>
      <c r="I2794" s="4" t="s">
        <v>14220</v>
      </c>
      <c r="J2794" s="4" t="s">
        <v>14221</v>
      </c>
    </row>
    <row r="2795" spans="1:11" ht="72" x14ac:dyDescent="0.3">
      <c r="A2795" s="1">
        <v>21646</v>
      </c>
      <c r="B2795" s="1" t="s">
        <v>14222</v>
      </c>
      <c r="D2795" s="4" t="s">
        <v>14223</v>
      </c>
      <c r="E2795" s="4" t="s">
        <v>14224</v>
      </c>
      <c r="F2795" s="4" t="s">
        <v>14225</v>
      </c>
      <c r="G2795" s="4" t="s">
        <v>14226</v>
      </c>
      <c r="I2795" s="4" t="s">
        <v>14227</v>
      </c>
      <c r="K2795" s="4" t="s">
        <v>14228</v>
      </c>
    </row>
    <row r="2796" spans="1:11" x14ac:dyDescent="0.3">
      <c r="A2796" s="1">
        <v>21656</v>
      </c>
    </row>
    <row r="2797" spans="1:11" ht="57.6" x14ac:dyDescent="0.3">
      <c r="A2797" s="1">
        <v>21666</v>
      </c>
      <c r="C2797" s="4" t="s">
        <v>14229</v>
      </c>
      <c r="D2797" s="4" t="s">
        <v>14230</v>
      </c>
      <c r="E2797" s="4" t="s">
        <v>14231</v>
      </c>
      <c r="G2797" s="4" t="s">
        <v>14232</v>
      </c>
      <c r="J2797" s="4" t="s">
        <v>14233</v>
      </c>
    </row>
    <row r="2798" spans="1:11" ht="72" x14ac:dyDescent="0.3">
      <c r="A2798" s="1">
        <v>21676</v>
      </c>
      <c r="D2798" s="4" t="s">
        <v>14234</v>
      </c>
    </row>
    <row r="2799" spans="1:11" x14ac:dyDescent="0.3">
      <c r="A2799" s="1">
        <v>21691</v>
      </c>
    </row>
    <row r="2800" spans="1:11" ht="57.6" x14ac:dyDescent="0.3">
      <c r="A2800" s="1">
        <v>21701</v>
      </c>
      <c r="C2800" s="4" t="s">
        <v>14235</v>
      </c>
      <c r="D2800" s="4" t="s">
        <v>14236</v>
      </c>
      <c r="E2800" s="4" t="s">
        <v>14237</v>
      </c>
      <c r="F2800" s="4" t="s">
        <v>14238</v>
      </c>
      <c r="G2800" s="4" t="s">
        <v>14239</v>
      </c>
      <c r="K2800" s="4" t="s">
        <v>14240</v>
      </c>
    </row>
    <row r="2801" spans="1:11" ht="86.4" x14ac:dyDescent="0.3">
      <c r="A2801" s="1">
        <v>21706</v>
      </c>
      <c r="C2801" s="4" t="s">
        <v>14241</v>
      </c>
      <c r="D2801" s="4" t="s">
        <v>14242</v>
      </c>
      <c r="E2801" s="4" t="s">
        <v>14243</v>
      </c>
      <c r="H2801" s="4" t="s">
        <v>14244</v>
      </c>
      <c r="K2801" s="4" t="s">
        <v>14244</v>
      </c>
    </row>
    <row r="2802" spans="1:11" ht="86.4" x14ac:dyDescent="0.3">
      <c r="A2802" s="1">
        <v>21711</v>
      </c>
      <c r="C2802" s="4" t="s">
        <v>14245</v>
      </c>
      <c r="D2802" s="4" t="s">
        <v>14246</v>
      </c>
      <c r="E2802" s="4" t="s">
        <v>14247</v>
      </c>
      <c r="F2802" s="4" t="s">
        <v>14248</v>
      </c>
      <c r="G2802" s="4" t="s">
        <v>14249</v>
      </c>
    </row>
    <row r="2803" spans="1:11" x14ac:dyDescent="0.3">
      <c r="A2803" s="1">
        <v>21721</v>
      </c>
    </row>
    <row r="2804" spans="1:11" ht="86.4" x14ac:dyDescent="0.3">
      <c r="A2804" s="1">
        <v>21726</v>
      </c>
      <c r="C2804" s="4" t="s">
        <v>14250</v>
      </c>
      <c r="D2804" s="4" t="s">
        <v>14251</v>
      </c>
      <c r="E2804" s="4" t="s">
        <v>14252</v>
      </c>
      <c r="F2804" s="4" t="s">
        <v>14253</v>
      </c>
      <c r="G2804" s="4" t="s">
        <v>14254</v>
      </c>
      <c r="H2804" s="4" t="s">
        <v>14255</v>
      </c>
      <c r="I2804" s="4" t="s">
        <v>14256</v>
      </c>
      <c r="K2804" s="4" t="s">
        <v>14257</v>
      </c>
    </row>
    <row r="2805" spans="1:11" ht="43.2" x14ac:dyDescent="0.3">
      <c r="A2805" s="1">
        <v>21736</v>
      </c>
      <c r="C2805" s="4" t="s">
        <v>14258</v>
      </c>
      <c r="D2805" s="4" t="s">
        <v>14259</v>
      </c>
      <c r="G2805" s="4" t="s">
        <v>14260</v>
      </c>
    </row>
    <row r="2806" spans="1:11" ht="86.4" x14ac:dyDescent="0.3">
      <c r="A2806" s="1">
        <v>21746</v>
      </c>
      <c r="C2806" s="4" t="s">
        <v>14261</v>
      </c>
      <c r="D2806" s="4" t="s">
        <v>14262</v>
      </c>
      <c r="E2806" s="4" t="s">
        <v>4768</v>
      </c>
      <c r="G2806" s="4" t="s">
        <v>14263</v>
      </c>
      <c r="H2806" s="4" t="s">
        <v>14264</v>
      </c>
      <c r="I2806" s="4" t="s">
        <v>14265</v>
      </c>
      <c r="J2806" s="4" t="s">
        <v>14266</v>
      </c>
      <c r="K2806" s="4" t="s">
        <v>14267</v>
      </c>
    </row>
    <row r="2807" spans="1:11" ht="86.4" x14ac:dyDescent="0.3">
      <c r="A2807" s="1">
        <v>21751</v>
      </c>
      <c r="C2807" s="4" t="s">
        <v>14268</v>
      </c>
      <c r="D2807" s="4" t="s">
        <v>14269</v>
      </c>
      <c r="E2807" s="4" t="s">
        <v>14270</v>
      </c>
      <c r="F2807" s="4" t="s">
        <v>14271</v>
      </c>
      <c r="G2807" s="4" t="s">
        <v>14272</v>
      </c>
      <c r="H2807" s="4" t="s">
        <v>14273</v>
      </c>
      <c r="I2807" s="4" t="s">
        <v>14274</v>
      </c>
      <c r="K2807" s="4" t="s">
        <v>14275</v>
      </c>
    </row>
    <row r="2808" spans="1:11" ht="72" x14ac:dyDescent="0.3">
      <c r="A2808" s="1">
        <v>21756</v>
      </c>
      <c r="C2808" s="4" t="s">
        <v>14276</v>
      </c>
      <c r="D2808" s="4" t="s">
        <v>14277</v>
      </c>
      <c r="G2808" s="4" t="s">
        <v>14278</v>
      </c>
      <c r="H2808" s="4" t="s">
        <v>14279</v>
      </c>
      <c r="K2808" s="4" t="s">
        <v>14280</v>
      </c>
    </row>
    <row r="2809" spans="1:11" ht="86.4" x14ac:dyDescent="0.3">
      <c r="A2809" s="1">
        <v>21761</v>
      </c>
      <c r="C2809" s="4" t="s">
        <v>14281</v>
      </c>
      <c r="D2809" s="4" t="s">
        <v>14282</v>
      </c>
      <c r="G2809" s="4" t="s">
        <v>14283</v>
      </c>
      <c r="H2809" s="4" t="s">
        <v>14284</v>
      </c>
    </row>
    <row r="2810" spans="1:11" ht="86.4" x14ac:dyDescent="0.3">
      <c r="A2810" s="1">
        <v>21766</v>
      </c>
      <c r="C2810" s="4" t="s">
        <v>14285</v>
      </c>
      <c r="D2810" s="4" t="s">
        <v>14286</v>
      </c>
      <c r="K2810" s="4" t="s">
        <v>14287</v>
      </c>
    </row>
    <row r="2811" spans="1:11" x14ac:dyDescent="0.3">
      <c r="A2811" s="1">
        <v>21776</v>
      </c>
    </row>
    <row r="2812" spans="1:11" ht="72" x14ac:dyDescent="0.3">
      <c r="A2812" s="1">
        <v>21786</v>
      </c>
      <c r="C2812" s="4" t="s">
        <v>14288</v>
      </c>
      <c r="D2812" s="4" t="s">
        <v>14289</v>
      </c>
      <c r="F2812" s="4" t="s">
        <v>14290</v>
      </c>
      <c r="G2812" s="4" t="s">
        <v>14291</v>
      </c>
      <c r="I2812" s="4" t="s">
        <v>14292</v>
      </c>
    </row>
    <row r="2813" spans="1:11" ht="72" x14ac:dyDescent="0.3">
      <c r="A2813" s="1">
        <v>21791</v>
      </c>
      <c r="C2813" s="4" t="s">
        <v>14293</v>
      </c>
      <c r="D2813" s="4" t="s">
        <v>14294</v>
      </c>
      <c r="E2813" s="4" t="s">
        <v>14295</v>
      </c>
      <c r="F2813" s="4" t="s">
        <v>14296</v>
      </c>
      <c r="G2813" s="4" t="s">
        <v>14297</v>
      </c>
      <c r="H2813" s="4" t="s">
        <v>14298</v>
      </c>
      <c r="I2813" s="4" t="s">
        <v>14299</v>
      </c>
      <c r="K2813" s="4" t="s">
        <v>14300</v>
      </c>
    </row>
    <row r="2814" spans="1:11" ht="72" x14ac:dyDescent="0.3">
      <c r="A2814" s="1">
        <v>21796</v>
      </c>
      <c r="C2814" s="4" t="s">
        <v>14301</v>
      </c>
      <c r="E2814" s="4" t="s">
        <v>14302</v>
      </c>
      <c r="F2814" s="4" t="s">
        <v>14303</v>
      </c>
      <c r="G2814" s="4" t="s">
        <v>14304</v>
      </c>
      <c r="H2814" s="4" t="s">
        <v>14305</v>
      </c>
      <c r="J2814" s="4" t="s">
        <v>8254</v>
      </c>
    </row>
    <row r="2815" spans="1:11" ht="43.2" x14ac:dyDescent="0.3">
      <c r="A2815" s="1">
        <v>21801</v>
      </c>
      <c r="G2815" s="4" t="s">
        <v>14306</v>
      </c>
      <c r="H2815" s="4" t="s">
        <v>14307</v>
      </c>
      <c r="K2815" s="4" t="s">
        <v>14308</v>
      </c>
    </row>
    <row r="2816" spans="1:11" ht="28.8" x14ac:dyDescent="0.3">
      <c r="A2816" s="1">
        <v>21806</v>
      </c>
      <c r="G2816" s="4" t="s">
        <v>14309</v>
      </c>
      <c r="H2816" s="4" t="s">
        <v>14310</v>
      </c>
      <c r="K2816" s="4" t="s">
        <v>14311</v>
      </c>
    </row>
    <row r="2817" spans="1:11" ht="86.4" x14ac:dyDescent="0.3">
      <c r="A2817" s="1">
        <v>21821</v>
      </c>
      <c r="C2817" s="4" t="s">
        <v>14312</v>
      </c>
      <c r="D2817" s="4" t="s">
        <v>14313</v>
      </c>
      <c r="E2817" s="4" t="s">
        <v>14314</v>
      </c>
      <c r="F2817" s="4" t="s">
        <v>14315</v>
      </c>
      <c r="G2817" s="4" t="s">
        <v>14316</v>
      </c>
      <c r="H2817" s="4" t="s">
        <v>14317</v>
      </c>
      <c r="I2817" s="4" t="s">
        <v>14318</v>
      </c>
      <c r="K2817" s="4" t="s">
        <v>14319</v>
      </c>
    </row>
    <row r="2818" spans="1:11" ht="57.6" x14ac:dyDescent="0.3">
      <c r="A2818" s="1">
        <v>21826</v>
      </c>
      <c r="C2818" s="4" t="s">
        <v>14320</v>
      </c>
      <c r="D2818" s="4" t="s">
        <v>14321</v>
      </c>
      <c r="E2818" s="4" t="s">
        <v>14322</v>
      </c>
      <c r="F2818" s="4" t="s">
        <v>14323</v>
      </c>
      <c r="G2818" s="4" t="s">
        <v>14324</v>
      </c>
      <c r="H2818" s="4" t="s">
        <v>14325</v>
      </c>
      <c r="I2818" s="4" t="s">
        <v>14326</v>
      </c>
      <c r="K2818" s="4" t="s">
        <v>14327</v>
      </c>
    </row>
    <row r="2819" spans="1:11" ht="86.4" x14ac:dyDescent="0.3">
      <c r="A2819" s="1">
        <v>21831</v>
      </c>
      <c r="C2819" s="4" t="s">
        <v>14328</v>
      </c>
      <c r="D2819" s="4" t="s">
        <v>14329</v>
      </c>
      <c r="E2819" s="4" t="s">
        <v>14330</v>
      </c>
      <c r="F2819" s="4" t="s">
        <v>14331</v>
      </c>
      <c r="G2819" s="4" t="s">
        <v>14332</v>
      </c>
      <c r="H2819" s="4" t="s">
        <v>14333</v>
      </c>
      <c r="J2819" s="4" t="s">
        <v>14334</v>
      </c>
    </row>
    <row r="2820" spans="1:11" ht="72" x14ac:dyDescent="0.3">
      <c r="A2820" s="1">
        <v>21836</v>
      </c>
      <c r="C2820" s="4" t="s">
        <v>14335</v>
      </c>
      <c r="D2820" s="4" t="s">
        <v>14336</v>
      </c>
      <c r="E2820" s="4" t="s">
        <v>14337</v>
      </c>
      <c r="F2820" s="4" t="s">
        <v>14338</v>
      </c>
      <c r="G2820" s="4" t="s">
        <v>14339</v>
      </c>
      <c r="H2820" s="4" t="s">
        <v>14340</v>
      </c>
      <c r="I2820" s="4" t="s">
        <v>14341</v>
      </c>
      <c r="K2820" s="4" t="s">
        <v>14342</v>
      </c>
    </row>
    <row r="2821" spans="1:11" ht="72" x14ac:dyDescent="0.3">
      <c r="A2821" s="1">
        <v>21846</v>
      </c>
      <c r="C2821" s="4" t="s">
        <v>14343</v>
      </c>
      <c r="D2821" s="4" t="s">
        <v>14344</v>
      </c>
      <c r="G2821" s="4" t="s">
        <v>14345</v>
      </c>
      <c r="H2821" s="4" t="s">
        <v>14346</v>
      </c>
      <c r="I2821" s="4" t="s">
        <v>14347</v>
      </c>
      <c r="K2821" s="4" t="s">
        <v>14348</v>
      </c>
    </row>
    <row r="2822" spans="1:11" ht="100.8" x14ac:dyDescent="0.3">
      <c r="A2822" s="1">
        <v>21856</v>
      </c>
      <c r="C2822" s="4" t="s">
        <v>14349</v>
      </c>
      <c r="D2822" s="4" t="s">
        <v>14350</v>
      </c>
      <c r="G2822" s="4" t="s">
        <v>14351</v>
      </c>
      <c r="J2822" s="4" t="s">
        <v>14352</v>
      </c>
      <c r="K2822" s="4" t="s">
        <v>14353</v>
      </c>
    </row>
    <row r="2823" spans="1:11" ht="86.4" x14ac:dyDescent="0.3">
      <c r="A2823" s="1">
        <v>21861</v>
      </c>
      <c r="C2823" s="4" t="s">
        <v>14354</v>
      </c>
      <c r="D2823" s="4" t="s">
        <v>14355</v>
      </c>
      <c r="I2823" s="4" t="s">
        <v>14356</v>
      </c>
      <c r="K2823" s="4" t="s">
        <v>14357</v>
      </c>
    </row>
    <row r="2824" spans="1:11" ht="86.4" x14ac:dyDescent="0.3">
      <c r="A2824" s="1">
        <v>21866</v>
      </c>
      <c r="C2824" s="4" t="s">
        <v>14358</v>
      </c>
      <c r="D2824" s="4" t="s">
        <v>14359</v>
      </c>
      <c r="E2824" s="4" t="s">
        <v>14360</v>
      </c>
      <c r="F2824" s="4" t="s">
        <v>14361</v>
      </c>
      <c r="G2824" s="4" t="s">
        <v>14362</v>
      </c>
      <c r="H2824" s="4" t="s">
        <v>14363</v>
      </c>
      <c r="I2824" s="4" t="s">
        <v>14364</v>
      </c>
      <c r="K2824" s="4" t="s">
        <v>14365</v>
      </c>
    </row>
    <row r="2825" spans="1:11" ht="72" x14ac:dyDescent="0.3">
      <c r="A2825" s="1">
        <v>21871</v>
      </c>
      <c r="C2825" s="4" t="s">
        <v>14366</v>
      </c>
      <c r="D2825" s="4" t="s">
        <v>14367</v>
      </c>
      <c r="G2825" s="4" t="s">
        <v>14368</v>
      </c>
      <c r="H2825" s="4" t="s">
        <v>14369</v>
      </c>
      <c r="K2825" s="4" t="s">
        <v>14370</v>
      </c>
    </row>
    <row r="2826" spans="1:11" ht="86.4" x14ac:dyDescent="0.3">
      <c r="A2826" s="1">
        <v>21876</v>
      </c>
      <c r="C2826" s="4" t="s">
        <v>14371</v>
      </c>
      <c r="H2826" s="4" t="s">
        <v>14372</v>
      </c>
      <c r="J2826" s="4" t="s">
        <v>14373</v>
      </c>
      <c r="K2826" s="4" t="s">
        <v>14374</v>
      </c>
    </row>
    <row r="2827" spans="1:11" ht="43.2" x14ac:dyDescent="0.3">
      <c r="A2827" s="1">
        <v>21881</v>
      </c>
      <c r="C2827" s="4" t="s">
        <v>14375</v>
      </c>
      <c r="D2827" s="4" t="s">
        <v>14376</v>
      </c>
      <c r="E2827" s="4" t="s">
        <v>14377</v>
      </c>
      <c r="F2827" s="4" t="s">
        <v>14378</v>
      </c>
      <c r="G2827" s="4" t="s">
        <v>14379</v>
      </c>
      <c r="H2827" s="4" t="s">
        <v>14380</v>
      </c>
      <c r="I2827" s="4" t="s">
        <v>14380</v>
      </c>
      <c r="J2827" s="4" t="s">
        <v>14381</v>
      </c>
      <c r="K2827" s="4" t="s">
        <v>14382</v>
      </c>
    </row>
    <row r="2828" spans="1:11" ht="57.6" x14ac:dyDescent="0.3">
      <c r="A2828" s="1">
        <v>21886</v>
      </c>
      <c r="C2828" s="4" t="s">
        <v>14383</v>
      </c>
      <c r="D2828" s="4" t="s">
        <v>14384</v>
      </c>
      <c r="F2828" s="4" t="s">
        <v>14385</v>
      </c>
      <c r="H2828" s="4" t="s">
        <v>14386</v>
      </c>
      <c r="K2828" s="4" t="s">
        <v>14387</v>
      </c>
    </row>
    <row r="2829" spans="1:11" ht="86.4" x14ac:dyDescent="0.3">
      <c r="A2829" s="1">
        <v>21896</v>
      </c>
      <c r="C2829" s="4" t="s">
        <v>14388</v>
      </c>
      <c r="D2829" s="4" t="s">
        <v>14389</v>
      </c>
      <c r="E2829" s="4" t="s">
        <v>14390</v>
      </c>
      <c r="F2829" s="4" t="s">
        <v>14391</v>
      </c>
      <c r="G2829" s="4" t="s">
        <v>14392</v>
      </c>
      <c r="H2829" s="4" t="s">
        <v>14393</v>
      </c>
      <c r="I2829" s="4" t="s">
        <v>14394</v>
      </c>
      <c r="J2829" s="4" t="s">
        <v>14395</v>
      </c>
    </row>
    <row r="2830" spans="1:11" x14ac:dyDescent="0.3">
      <c r="A2830" s="1">
        <v>21906</v>
      </c>
      <c r="B2830" s="1" t="s">
        <v>1897</v>
      </c>
    </row>
    <row r="2831" spans="1:11" ht="43.2" x14ac:dyDescent="0.3">
      <c r="A2831" s="1">
        <v>21911</v>
      </c>
      <c r="C2831" s="4" t="s">
        <v>14396</v>
      </c>
      <c r="D2831" s="4" t="s">
        <v>14397</v>
      </c>
      <c r="E2831" s="4" t="s">
        <v>14398</v>
      </c>
      <c r="F2831" s="4" t="s">
        <v>14399</v>
      </c>
      <c r="G2831" s="4" t="s">
        <v>14400</v>
      </c>
      <c r="H2831" s="4" t="s">
        <v>14401</v>
      </c>
    </row>
    <row r="2832" spans="1:11" ht="72" x14ac:dyDescent="0.3">
      <c r="A2832" s="1">
        <v>21916</v>
      </c>
      <c r="C2832" s="4" t="s">
        <v>14402</v>
      </c>
      <c r="D2832" s="4" t="s">
        <v>14403</v>
      </c>
      <c r="F2832" s="4" t="s">
        <v>14404</v>
      </c>
      <c r="G2832" s="4" t="s">
        <v>14405</v>
      </c>
      <c r="H2832" s="4" t="s">
        <v>14406</v>
      </c>
      <c r="I2832" s="4" t="s">
        <v>14407</v>
      </c>
      <c r="K2832" s="4" t="s">
        <v>14408</v>
      </c>
    </row>
    <row r="2833" spans="1:11" ht="72" x14ac:dyDescent="0.3">
      <c r="A2833" s="1">
        <v>21921</v>
      </c>
      <c r="D2833" s="4" t="s">
        <v>14409</v>
      </c>
      <c r="F2833" s="4" t="s">
        <v>14410</v>
      </c>
      <c r="G2833" s="4" t="s">
        <v>14411</v>
      </c>
      <c r="H2833" s="4" t="s">
        <v>14412</v>
      </c>
      <c r="I2833" s="4" t="s">
        <v>14413</v>
      </c>
      <c r="K2833" s="4" t="s">
        <v>14414</v>
      </c>
    </row>
    <row r="2834" spans="1:11" ht="72" x14ac:dyDescent="0.3">
      <c r="A2834" s="1">
        <v>21936</v>
      </c>
      <c r="C2834" s="4" t="s">
        <v>14415</v>
      </c>
      <c r="D2834" s="4" t="s">
        <v>14416</v>
      </c>
      <c r="G2834" s="4" t="s">
        <v>14417</v>
      </c>
      <c r="H2834" s="4" t="s">
        <v>14418</v>
      </c>
      <c r="I2834" s="4" t="s">
        <v>14419</v>
      </c>
      <c r="K2834" s="4" t="s">
        <v>14420</v>
      </c>
    </row>
    <row r="2835" spans="1:11" ht="57.6" x14ac:dyDescent="0.3">
      <c r="A2835" s="1">
        <v>21941</v>
      </c>
      <c r="C2835" s="4" t="s">
        <v>14421</v>
      </c>
      <c r="D2835" s="4" t="s">
        <v>14422</v>
      </c>
      <c r="E2835" s="4" t="s">
        <v>14423</v>
      </c>
      <c r="F2835" s="4" t="s">
        <v>14424</v>
      </c>
      <c r="G2835" s="4" t="s">
        <v>14425</v>
      </c>
      <c r="H2835" s="4" t="s">
        <v>14426</v>
      </c>
      <c r="I2835" s="4" t="s">
        <v>14427</v>
      </c>
      <c r="J2835" s="4" t="s">
        <v>14428</v>
      </c>
    </row>
    <row r="2836" spans="1:11" ht="86.4" x14ac:dyDescent="0.3">
      <c r="A2836" s="1">
        <v>21946</v>
      </c>
      <c r="D2836" s="4" t="s">
        <v>23153</v>
      </c>
      <c r="G2836" s="4" t="s">
        <v>14429</v>
      </c>
      <c r="H2836" s="4" t="s">
        <v>14430</v>
      </c>
      <c r="I2836" s="4" t="s">
        <v>14431</v>
      </c>
      <c r="K2836" s="4" t="s">
        <v>14432</v>
      </c>
    </row>
    <row r="2837" spans="1:11" ht="100.8" x14ac:dyDescent="0.3">
      <c r="A2837" s="1">
        <v>21956</v>
      </c>
      <c r="C2837" s="4" t="s">
        <v>14433</v>
      </c>
      <c r="D2837" s="4" t="s">
        <v>14434</v>
      </c>
      <c r="E2837" s="4" t="s">
        <v>14435</v>
      </c>
      <c r="F2837" s="4" t="s">
        <v>14436</v>
      </c>
      <c r="G2837" s="4" t="s">
        <v>14437</v>
      </c>
      <c r="H2837" s="4" t="s">
        <v>14438</v>
      </c>
      <c r="I2837" s="4" t="s">
        <v>14439</v>
      </c>
      <c r="J2837" s="4" t="s">
        <v>14440</v>
      </c>
      <c r="K2837" s="4" t="s">
        <v>14441</v>
      </c>
    </row>
    <row r="2838" spans="1:11" ht="86.4" x14ac:dyDescent="0.3">
      <c r="A2838" s="1">
        <v>21961</v>
      </c>
      <c r="C2838" s="4" t="s">
        <v>14442</v>
      </c>
      <c r="D2838" s="4" t="s">
        <v>14443</v>
      </c>
      <c r="E2838" s="4" t="s">
        <v>14444</v>
      </c>
      <c r="F2838" s="4" t="s">
        <v>14445</v>
      </c>
      <c r="G2838" s="4" t="s">
        <v>14446</v>
      </c>
      <c r="H2838" s="4" t="s">
        <v>14447</v>
      </c>
      <c r="I2838" s="4" t="s">
        <v>14448</v>
      </c>
      <c r="K2838" s="4" t="s">
        <v>14449</v>
      </c>
    </row>
    <row r="2839" spans="1:11" ht="72" x14ac:dyDescent="0.3">
      <c r="A2839" s="1">
        <v>21966</v>
      </c>
      <c r="C2839" s="4" t="s">
        <v>14450</v>
      </c>
      <c r="D2839" s="4" t="s">
        <v>14451</v>
      </c>
      <c r="F2839" s="4" t="s">
        <v>14452</v>
      </c>
      <c r="H2839" s="4" t="s">
        <v>14453</v>
      </c>
    </row>
    <row r="2840" spans="1:11" ht="86.4" x14ac:dyDescent="0.3">
      <c r="A2840" s="1">
        <v>21981</v>
      </c>
      <c r="C2840" s="4" t="s">
        <v>14454</v>
      </c>
      <c r="D2840" s="4" t="s">
        <v>14455</v>
      </c>
      <c r="E2840" s="4" t="s">
        <v>14456</v>
      </c>
      <c r="F2840" s="4" t="s">
        <v>14457</v>
      </c>
      <c r="G2840" s="4" t="s">
        <v>14458</v>
      </c>
      <c r="H2840" s="4" t="s">
        <v>14459</v>
      </c>
      <c r="I2840" s="4" t="s">
        <v>14460</v>
      </c>
      <c r="J2840" s="4" t="s">
        <v>14461</v>
      </c>
    </row>
    <row r="2841" spans="1:11" ht="86.4" x14ac:dyDescent="0.3">
      <c r="A2841" s="1">
        <v>21986</v>
      </c>
      <c r="C2841" s="4" t="s">
        <v>14462</v>
      </c>
      <c r="D2841" s="4" t="s">
        <v>14463</v>
      </c>
      <c r="E2841" s="4" t="s">
        <v>14464</v>
      </c>
      <c r="F2841" s="4" t="s">
        <v>14465</v>
      </c>
      <c r="G2841" s="4" t="s">
        <v>4757</v>
      </c>
      <c r="H2841" s="4" t="s">
        <v>14466</v>
      </c>
      <c r="I2841" s="4" t="s">
        <v>14467</v>
      </c>
      <c r="K2841" s="4" t="s">
        <v>14468</v>
      </c>
    </row>
    <row r="2842" spans="1:11" ht="43.2" x14ac:dyDescent="0.3">
      <c r="A2842" s="1">
        <v>21991</v>
      </c>
      <c r="D2842" s="4" t="s">
        <v>14469</v>
      </c>
      <c r="G2842" s="4" t="s">
        <v>14470</v>
      </c>
    </row>
    <row r="2843" spans="1:11" ht="86.4" x14ac:dyDescent="0.3">
      <c r="A2843" s="1">
        <v>21996</v>
      </c>
      <c r="C2843" s="4" t="s">
        <v>14471</v>
      </c>
      <c r="D2843" s="4" t="s">
        <v>14472</v>
      </c>
      <c r="E2843" s="4" t="s">
        <v>14473</v>
      </c>
      <c r="F2843" s="4" t="s">
        <v>14474</v>
      </c>
      <c r="G2843" s="4" t="s">
        <v>14475</v>
      </c>
      <c r="H2843" s="4" t="s">
        <v>14476</v>
      </c>
      <c r="I2843" s="4" t="s">
        <v>14477</v>
      </c>
      <c r="J2843" s="4" t="s">
        <v>14478</v>
      </c>
      <c r="K2843" s="4" t="s">
        <v>14479</v>
      </c>
    </row>
    <row r="2844" spans="1:11" ht="100.8" x14ac:dyDescent="0.3">
      <c r="A2844" s="1">
        <v>22011</v>
      </c>
      <c r="C2844" s="4" t="s">
        <v>14480</v>
      </c>
      <c r="D2844" s="4" t="s">
        <v>14481</v>
      </c>
      <c r="E2844" s="4" t="s">
        <v>14482</v>
      </c>
      <c r="F2844" s="4" t="s">
        <v>14483</v>
      </c>
      <c r="G2844" s="4" t="s">
        <v>14484</v>
      </c>
      <c r="H2844" s="4" t="s">
        <v>14485</v>
      </c>
      <c r="K2844" s="4" t="s">
        <v>14486</v>
      </c>
    </row>
    <row r="2845" spans="1:11" ht="57.6" x14ac:dyDescent="0.3">
      <c r="A2845" s="1">
        <v>22016</v>
      </c>
      <c r="C2845" s="4" t="s">
        <v>14487</v>
      </c>
      <c r="D2845" s="4" t="s">
        <v>14488</v>
      </c>
      <c r="E2845" s="4" t="s">
        <v>14489</v>
      </c>
      <c r="F2845" s="4" t="s">
        <v>14490</v>
      </c>
      <c r="G2845" s="4" t="s">
        <v>14491</v>
      </c>
      <c r="H2845" s="4" t="s">
        <v>14492</v>
      </c>
      <c r="K2845" s="4" t="s">
        <v>14486</v>
      </c>
    </row>
    <row r="2846" spans="1:11" ht="72" x14ac:dyDescent="0.3">
      <c r="A2846" s="1">
        <v>22021</v>
      </c>
      <c r="C2846" s="4" t="s">
        <v>14493</v>
      </c>
      <c r="D2846" s="4" t="s">
        <v>14494</v>
      </c>
      <c r="E2846" s="4" t="s">
        <v>14495</v>
      </c>
      <c r="F2846" s="4" t="s">
        <v>14496</v>
      </c>
      <c r="H2846" s="4" t="s">
        <v>14497</v>
      </c>
    </row>
    <row r="2847" spans="1:11" ht="72" x14ac:dyDescent="0.3">
      <c r="A2847" s="1">
        <v>22026</v>
      </c>
      <c r="C2847" s="4" t="s">
        <v>14498</v>
      </c>
      <c r="D2847" s="4" t="s">
        <v>14499</v>
      </c>
      <c r="E2847" s="4" t="s">
        <v>14500</v>
      </c>
      <c r="F2847" s="4" t="s">
        <v>14501</v>
      </c>
      <c r="G2847" s="4" t="s">
        <v>14502</v>
      </c>
      <c r="H2847" s="4" t="s">
        <v>14503</v>
      </c>
      <c r="K2847" s="4" t="s">
        <v>14504</v>
      </c>
    </row>
    <row r="2848" spans="1:11" ht="72" x14ac:dyDescent="0.3">
      <c r="A2848" s="1">
        <v>22031</v>
      </c>
      <c r="C2848" s="4" t="s">
        <v>14505</v>
      </c>
      <c r="D2848" s="4" t="s">
        <v>14506</v>
      </c>
      <c r="E2848" s="4" t="s">
        <v>14507</v>
      </c>
      <c r="F2848" s="4" t="s">
        <v>14508</v>
      </c>
      <c r="G2848" s="4" t="s">
        <v>14509</v>
      </c>
      <c r="H2848" s="4" t="s">
        <v>14510</v>
      </c>
      <c r="K2848" s="4" t="s">
        <v>14486</v>
      </c>
    </row>
    <row r="2849" spans="1:11" ht="86.4" x14ac:dyDescent="0.3">
      <c r="A2849" s="1">
        <v>22041</v>
      </c>
      <c r="C2849" s="4" t="s">
        <v>14511</v>
      </c>
      <c r="D2849" s="4" t="s">
        <v>14512</v>
      </c>
      <c r="E2849" s="4" t="s">
        <v>14513</v>
      </c>
      <c r="F2849" s="4" t="s">
        <v>14514</v>
      </c>
      <c r="G2849" s="4" t="s">
        <v>14515</v>
      </c>
      <c r="H2849" s="4" t="s">
        <v>14516</v>
      </c>
      <c r="I2849" s="4" t="s">
        <v>14517</v>
      </c>
      <c r="K2849" s="4" t="s">
        <v>14518</v>
      </c>
    </row>
    <row r="2850" spans="1:11" ht="86.4" x14ac:dyDescent="0.3">
      <c r="A2850" s="1">
        <v>22046</v>
      </c>
      <c r="C2850" s="4" t="s">
        <v>14519</v>
      </c>
      <c r="D2850" s="4" t="s">
        <v>14520</v>
      </c>
      <c r="E2850" s="4" t="s">
        <v>14521</v>
      </c>
      <c r="F2850" s="4" t="s">
        <v>14522</v>
      </c>
      <c r="G2850" s="4" t="s">
        <v>14523</v>
      </c>
      <c r="H2850" s="4" t="s">
        <v>14523</v>
      </c>
      <c r="I2850" s="4" t="s">
        <v>14524</v>
      </c>
      <c r="K2850" s="4" t="s">
        <v>14525</v>
      </c>
    </row>
    <row r="2851" spans="1:11" ht="86.4" x14ac:dyDescent="0.3">
      <c r="A2851" s="1">
        <v>22056</v>
      </c>
      <c r="C2851" s="4" t="s">
        <v>14526</v>
      </c>
      <c r="D2851" s="4" t="s">
        <v>14527</v>
      </c>
      <c r="E2851" s="4" t="s">
        <v>14528</v>
      </c>
      <c r="F2851" s="4" t="s">
        <v>14529</v>
      </c>
      <c r="G2851" s="4" t="s">
        <v>14530</v>
      </c>
      <c r="H2851" s="4" t="s">
        <v>14531</v>
      </c>
      <c r="I2851" s="4" t="s">
        <v>14532</v>
      </c>
      <c r="K2851" s="4" t="s">
        <v>14533</v>
      </c>
    </row>
    <row r="2852" spans="1:11" ht="86.4" x14ac:dyDescent="0.3">
      <c r="A2852" s="1">
        <v>22061</v>
      </c>
      <c r="C2852" s="4" t="s">
        <v>14534</v>
      </c>
      <c r="D2852" s="4" t="s">
        <v>14535</v>
      </c>
      <c r="F2852" s="4" t="s">
        <v>14536</v>
      </c>
      <c r="H2852" s="4" t="s">
        <v>14537</v>
      </c>
      <c r="I2852" s="4" t="s">
        <v>14538</v>
      </c>
      <c r="K2852" s="4" t="s">
        <v>14539</v>
      </c>
    </row>
    <row r="2853" spans="1:11" ht="86.4" x14ac:dyDescent="0.3">
      <c r="A2853" s="1">
        <v>22071</v>
      </c>
      <c r="D2853" s="4" t="s">
        <v>14540</v>
      </c>
      <c r="E2853" s="4" t="s">
        <v>14541</v>
      </c>
      <c r="F2853" s="4" t="s">
        <v>14542</v>
      </c>
      <c r="G2853" s="4" t="s">
        <v>14543</v>
      </c>
      <c r="H2853" s="4" t="s">
        <v>14544</v>
      </c>
      <c r="I2853" s="4" t="s">
        <v>14545</v>
      </c>
      <c r="K2853" s="4" t="s">
        <v>14546</v>
      </c>
    </row>
    <row r="2854" spans="1:11" x14ac:dyDescent="0.3">
      <c r="A2854" s="1">
        <v>22076</v>
      </c>
    </row>
    <row r="2855" spans="1:11" ht="72" x14ac:dyDescent="0.3">
      <c r="A2855" s="1">
        <v>22081</v>
      </c>
      <c r="C2855" s="4" t="s">
        <v>14547</v>
      </c>
      <c r="D2855" s="4" t="s">
        <v>14548</v>
      </c>
      <c r="E2855" s="4" t="s">
        <v>14549</v>
      </c>
      <c r="F2855" s="4" t="s">
        <v>14550</v>
      </c>
      <c r="G2855" s="4" t="s">
        <v>14551</v>
      </c>
      <c r="I2855" s="4" t="s">
        <v>14552</v>
      </c>
    </row>
    <row r="2856" spans="1:11" ht="86.4" x14ac:dyDescent="0.3">
      <c r="A2856" s="1">
        <v>22086</v>
      </c>
      <c r="C2856" s="4" t="s">
        <v>14553</v>
      </c>
      <c r="D2856" s="4" t="s">
        <v>14554</v>
      </c>
      <c r="E2856" s="4" t="s">
        <v>14555</v>
      </c>
      <c r="F2856" s="4" t="s">
        <v>14556</v>
      </c>
      <c r="G2856" s="4" t="s">
        <v>14557</v>
      </c>
      <c r="H2856" s="4" t="s">
        <v>14558</v>
      </c>
      <c r="I2856" s="4" t="s">
        <v>14559</v>
      </c>
      <c r="K2856" s="4" t="s">
        <v>14560</v>
      </c>
    </row>
    <row r="2857" spans="1:11" ht="57.6" x14ac:dyDescent="0.3">
      <c r="A2857" s="1">
        <v>22096</v>
      </c>
      <c r="C2857" s="4" t="s">
        <v>14561</v>
      </c>
      <c r="D2857" s="4" t="s">
        <v>14562</v>
      </c>
      <c r="E2857" s="4" t="s">
        <v>14563</v>
      </c>
      <c r="F2857" s="4" t="s">
        <v>10925</v>
      </c>
      <c r="G2857" s="4" t="s">
        <v>14564</v>
      </c>
      <c r="H2857" s="4" t="s">
        <v>14565</v>
      </c>
      <c r="I2857" s="4" t="s">
        <v>14566</v>
      </c>
      <c r="K2857" s="4" t="s">
        <v>14567</v>
      </c>
    </row>
    <row r="2858" spans="1:11" x14ac:dyDescent="0.3">
      <c r="A2858" s="1">
        <v>22101</v>
      </c>
    </row>
    <row r="2859" spans="1:11" ht="86.4" x14ac:dyDescent="0.3">
      <c r="A2859" s="1">
        <v>22106</v>
      </c>
      <c r="C2859" s="4" t="s">
        <v>14568</v>
      </c>
      <c r="D2859" s="4" t="s">
        <v>14569</v>
      </c>
      <c r="E2859" s="4" t="s">
        <v>14570</v>
      </c>
      <c r="F2859" s="4" t="s">
        <v>14571</v>
      </c>
      <c r="G2859" s="4" t="s">
        <v>14572</v>
      </c>
      <c r="H2859" s="4" t="s">
        <v>14573</v>
      </c>
      <c r="I2859" s="4" t="s">
        <v>14574</v>
      </c>
      <c r="K2859" s="4" t="s">
        <v>14575</v>
      </c>
    </row>
    <row r="2860" spans="1:11" ht="86.4" x14ac:dyDescent="0.3">
      <c r="A2860" s="1">
        <v>22111</v>
      </c>
      <c r="C2860" s="4" t="s">
        <v>14576</v>
      </c>
      <c r="D2860" s="4" t="s">
        <v>14577</v>
      </c>
      <c r="E2860" s="4" t="s">
        <v>14578</v>
      </c>
      <c r="F2860" s="4" t="s">
        <v>14579</v>
      </c>
      <c r="G2860" s="4" t="s">
        <v>14580</v>
      </c>
      <c r="H2860" s="4" t="s">
        <v>14581</v>
      </c>
      <c r="I2860" s="4" t="s">
        <v>14582</v>
      </c>
      <c r="K2860" s="4" t="s">
        <v>14583</v>
      </c>
    </row>
    <row r="2861" spans="1:11" ht="86.4" x14ac:dyDescent="0.3">
      <c r="A2861" s="1">
        <v>22116</v>
      </c>
      <c r="C2861" s="4" t="s">
        <v>14584</v>
      </c>
      <c r="D2861" s="4" t="s">
        <v>14585</v>
      </c>
      <c r="E2861" s="4" t="s">
        <v>14586</v>
      </c>
      <c r="F2861" s="4" t="s">
        <v>14587</v>
      </c>
      <c r="G2861" s="4" t="s">
        <v>14588</v>
      </c>
      <c r="H2861" s="4" t="s">
        <v>14589</v>
      </c>
      <c r="I2861" s="4" t="s">
        <v>14590</v>
      </c>
      <c r="K2861" s="4" t="s">
        <v>14591</v>
      </c>
    </row>
    <row r="2862" spans="1:11" ht="86.4" x14ac:dyDescent="0.3">
      <c r="A2862" s="1">
        <v>22126</v>
      </c>
      <c r="C2862" s="4" t="s">
        <v>14592</v>
      </c>
      <c r="D2862" s="4" t="s">
        <v>14593</v>
      </c>
      <c r="E2862" s="4" t="s">
        <v>14594</v>
      </c>
      <c r="F2862" s="4" t="s">
        <v>14595</v>
      </c>
      <c r="G2862" s="4" t="s">
        <v>14596</v>
      </c>
      <c r="H2862" s="4" t="s">
        <v>14597</v>
      </c>
      <c r="I2862" s="4" t="s">
        <v>14598</v>
      </c>
      <c r="K2862" s="4" t="s">
        <v>14599</v>
      </c>
    </row>
    <row r="2863" spans="1:11" x14ac:dyDescent="0.3">
      <c r="A2863" s="1">
        <v>22136</v>
      </c>
    </row>
    <row r="2864" spans="1:11" ht="72" x14ac:dyDescent="0.3">
      <c r="A2864" s="1">
        <v>22141</v>
      </c>
      <c r="C2864" s="4" t="s">
        <v>14600</v>
      </c>
      <c r="D2864" s="4" t="s">
        <v>14601</v>
      </c>
      <c r="E2864" s="4" t="s">
        <v>14602</v>
      </c>
      <c r="F2864" s="4" t="s">
        <v>14603</v>
      </c>
      <c r="G2864" s="4" t="s">
        <v>14604</v>
      </c>
      <c r="H2864" s="4" t="s">
        <v>14605</v>
      </c>
      <c r="I2864" s="4" t="s">
        <v>14606</v>
      </c>
      <c r="J2864" s="4" t="s">
        <v>14607</v>
      </c>
      <c r="K2864" s="4" t="s">
        <v>14608</v>
      </c>
    </row>
    <row r="2865" spans="1:11" ht="86.4" x14ac:dyDescent="0.3">
      <c r="A2865" s="1">
        <v>22146</v>
      </c>
      <c r="C2865" s="4" t="s">
        <v>14609</v>
      </c>
      <c r="D2865" s="4" t="s">
        <v>14610</v>
      </c>
      <c r="E2865" s="4" t="s">
        <v>14611</v>
      </c>
      <c r="F2865" s="4" t="s">
        <v>14612</v>
      </c>
      <c r="G2865" s="4" t="s">
        <v>14613</v>
      </c>
      <c r="H2865" s="4" t="s">
        <v>14614</v>
      </c>
      <c r="J2865" s="4" t="s">
        <v>14615</v>
      </c>
      <c r="K2865" s="4" t="s">
        <v>14616</v>
      </c>
    </row>
    <row r="2866" spans="1:11" ht="43.2" x14ac:dyDescent="0.3">
      <c r="A2866" s="1">
        <v>22151</v>
      </c>
      <c r="C2866" s="4" t="s">
        <v>14617</v>
      </c>
      <c r="D2866" s="4" t="s">
        <v>14618</v>
      </c>
      <c r="E2866" s="4" t="s">
        <v>14619</v>
      </c>
      <c r="F2866" s="4" t="s">
        <v>14620</v>
      </c>
      <c r="G2866" s="4" t="s">
        <v>14621</v>
      </c>
      <c r="H2866" s="4" t="s">
        <v>14622</v>
      </c>
      <c r="I2866" s="4" t="s">
        <v>14623</v>
      </c>
      <c r="K2866" s="4" t="s">
        <v>14624</v>
      </c>
    </row>
    <row r="2867" spans="1:11" ht="86.4" x14ac:dyDescent="0.3">
      <c r="A2867" s="1">
        <v>22156</v>
      </c>
      <c r="C2867" s="4" t="s">
        <v>14625</v>
      </c>
      <c r="D2867" s="4" t="s">
        <v>14626</v>
      </c>
      <c r="E2867" s="4" t="s">
        <v>14627</v>
      </c>
      <c r="F2867" s="4" t="s">
        <v>14628</v>
      </c>
      <c r="G2867" s="4" t="s">
        <v>14629</v>
      </c>
      <c r="I2867" s="4" t="s">
        <v>14630</v>
      </c>
      <c r="K2867" s="4" t="s">
        <v>14631</v>
      </c>
    </row>
    <row r="2868" spans="1:11" ht="86.4" x14ac:dyDescent="0.3">
      <c r="A2868" s="1">
        <v>22161</v>
      </c>
      <c r="C2868" s="4" t="s">
        <v>14632</v>
      </c>
      <c r="D2868" s="4" t="s">
        <v>14633</v>
      </c>
      <c r="E2868" s="4" t="s">
        <v>14634</v>
      </c>
      <c r="F2868" s="4" t="s">
        <v>14635</v>
      </c>
      <c r="G2868" s="4" t="s">
        <v>14636</v>
      </c>
      <c r="H2868" s="4" t="s">
        <v>14637</v>
      </c>
      <c r="I2868" s="4" t="s">
        <v>14638</v>
      </c>
      <c r="K2868" s="4" t="s">
        <v>14639</v>
      </c>
    </row>
    <row r="2869" spans="1:11" ht="72" x14ac:dyDescent="0.3">
      <c r="A2869" s="1">
        <v>22166</v>
      </c>
      <c r="C2869" s="4" t="s">
        <v>14640</v>
      </c>
      <c r="D2869" s="4" t="s">
        <v>14641</v>
      </c>
      <c r="E2869" s="4" t="s">
        <v>14642</v>
      </c>
      <c r="F2869" s="4" t="s">
        <v>14643</v>
      </c>
      <c r="G2869" s="4" t="s">
        <v>14644</v>
      </c>
      <c r="H2869" s="4" t="s">
        <v>14645</v>
      </c>
      <c r="I2869" s="4" t="s">
        <v>14646</v>
      </c>
    </row>
    <row r="2870" spans="1:11" ht="86.4" x14ac:dyDescent="0.3">
      <c r="A2870" s="1">
        <v>22171</v>
      </c>
      <c r="C2870" s="4" t="s">
        <v>14647</v>
      </c>
      <c r="D2870" s="4" t="s">
        <v>14648</v>
      </c>
      <c r="E2870" s="4" t="s">
        <v>9693</v>
      </c>
      <c r="F2870" s="4" t="s">
        <v>9693</v>
      </c>
      <c r="G2870" s="4" t="s">
        <v>14649</v>
      </c>
      <c r="H2870" s="4" t="s">
        <v>14650</v>
      </c>
      <c r="I2870" s="4" t="s">
        <v>14651</v>
      </c>
      <c r="K2870" s="4" t="s">
        <v>14652</v>
      </c>
    </row>
    <row r="2871" spans="1:11" ht="72" x14ac:dyDescent="0.3">
      <c r="A2871" s="1">
        <v>22176</v>
      </c>
      <c r="C2871" s="4" t="s">
        <v>14653</v>
      </c>
      <c r="D2871" s="4" t="s">
        <v>14654</v>
      </c>
      <c r="E2871" s="4" t="s">
        <v>14655</v>
      </c>
      <c r="F2871" s="4" t="s">
        <v>14656</v>
      </c>
      <c r="G2871" s="4" t="s">
        <v>14657</v>
      </c>
      <c r="H2871" s="4" t="s">
        <v>14658</v>
      </c>
      <c r="I2871" s="4" t="s">
        <v>14659</v>
      </c>
      <c r="K2871" s="4" t="s">
        <v>14660</v>
      </c>
    </row>
    <row r="2872" spans="1:11" ht="86.4" x14ac:dyDescent="0.3">
      <c r="A2872" s="1">
        <v>22181</v>
      </c>
      <c r="C2872" s="4" t="s">
        <v>14661</v>
      </c>
      <c r="D2872" s="4" t="s">
        <v>14662</v>
      </c>
      <c r="E2872" s="4" t="s">
        <v>14663</v>
      </c>
      <c r="F2872" s="4" t="s">
        <v>14664</v>
      </c>
      <c r="G2872" s="4" t="s">
        <v>14665</v>
      </c>
      <c r="H2872" s="4" t="s">
        <v>14666</v>
      </c>
      <c r="I2872" s="4" t="s">
        <v>14667</v>
      </c>
      <c r="K2872" s="4" t="s">
        <v>14668</v>
      </c>
    </row>
    <row r="2873" spans="1:11" ht="72" x14ac:dyDescent="0.3">
      <c r="A2873" s="1">
        <v>22191</v>
      </c>
      <c r="C2873" s="4" t="s">
        <v>14669</v>
      </c>
      <c r="D2873" s="4" t="s">
        <v>14670</v>
      </c>
      <c r="E2873" s="4" t="s">
        <v>14671</v>
      </c>
      <c r="F2873" s="4" t="s">
        <v>14672</v>
      </c>
      <c r="G2873" s="4" t="s">
        <v>14673</v>
      </c>
      <c r="H2873" s="4" t="s">
        <v>14674</v>
      </c>
      <c r="I2873" s="4" t="s">
        <v>14675</v>
      </c>
      <c r="K2873" s="4" t="s">
        <v>14676</v>
      </c>
    </row>
    <row r="2874" spans="1:11" ht="86.4" x14ac:dyDescent="0.3">
      <c r="A2874" s="1">
        <v>22201</v>
      </c>
      <c r="C2874" s="4" t="s">
        <v>14677</v>
      </c>
      <c r="D2874" s="4" t="s">
        <v>14678</v>
      </c>
      <c r="G2874" s="4" t="s">
        <v>14679</v>
      </c>
      <c r="H2874" s="4" t="s">
        <v>14680</v>
      </c>
      <c r="K2874" s="4" t="s">
        <v>14681</v>
      </c>
    </row>
    <row r="2875" spans="1:11" ht="86.4" x14ac:dyDescent="0.3">
      <c r="A2875" s="1">
        <v>22206</v>
      </c>
      <c r="C2875" s="4" t="s">
        <v>14682</v>
      </c>
      <c r="D2875" s="4" t="s">
        <v>14683</v>
      </c>
      <c r="E2875" s="4" t="s">
        <v>14684</v>
      </c>
      <c r="F2875" s="4" t="s">
        <v>14685</v>
      </c>
      <c r="G2875" s="4" t="s">
        <v>14686</v>
      </c>
      <c r="H2875" s="4" t="s">
        <v>14687</v>
      </c>
      <c r="I2875" s="4" t="s">
        <v>14688</v>
      </c>
      <c r="K2875" s="4" t="s">
        <v>14689</v>
      </c>
    </row>
    <row r="2876" spans="1:11" ht="100.8" x14ac:dyDescent="0.3">
      <c r="A2876" s="1">
        <v>22211</v>
      </c>
      <c r="C2876" s="4" t="s">
        <v>14690</v>
      </c>
      <c r="D2876" s="4" t="s">
        <v>14691</v>
      </c>
      <c r="E2876" s="4" t="s">
        <v>14692</v>
      </c>
      <c r="F2876" s="4" t="s">
        <v>14693</v>
      </c>
      <c r="G2876" s="4" t="s">
        <v>14694</v>
      </c>
      <c r="I2876" s="4" t="s">
        <v>14695</v>
      </c>
      <c r="K2876" s="4" t="s">
        <v>14696</v>
      </c>
    </row>
    <row r="2877" spans="1:11" ht="86.4" x14ac:dyDescent="0.3">
      <c r="A2877" s="1">
        <v>22216</v>
      </c>
      <c r="C2877" s="4" t="s">
        <v>14697</v>
      </c>
      <c r="D2877" s="4" t="s">
        <v>14698</v>
      </c>
      <c r="E2877" s="4" t="s">
        <v>14699</v>
      </c>
      <c r="F2877" s="4" t="s">
        <v>14700</v>
      </c>
      <c r="G2877" s="4" t="s">
        <v>14701</v>
      </c>
      <c r="H2877" s="4" t="s">
        <v>14702</v>
      </c>
      <c r="I2877" s="4" t="s">
        <v>14703</v>
      </c>
      <c r="K2877" s="4" t="s">
        <v>14704</v>
      </c>
    </row>
    <row r="2878" spans="1:11" ht="72" x14ac:dyDescent="0.3">
      <c r="A2878" s="1">
        <v>22221</v>
      </c>
      <c r="C2878" s="4" t="s">
        <v>14705</v>
      </c>
      <c r="D2878" s="4" t="s">
        <v>14706</v>
      </c>
      <c r="F2878" s="4" t="s">
        <v>14707</v>
      </c>
      <c r="G2878" s="4" t="s">
        <v>14708</v>
      </c>
      <c r="H2878" s="4" t="s">
        <v>14709</v>
      </c>
      <c r="J2878" s="4" t="s">
        <v>14710</v>
      </c>
    </row>
    <row r="2879" spans="1:11" ht="72" x14ac:dyDescent="0.3">
      <c r="A2879" s="1">
        <v>22231</v>
      </c>
      <c r="D2879" s="4" t="s">
        <v>14711</v>
      </c>
      <c r="E2879" s="4" t="s">
        <v>14712</v>
      </c>
      <c r="F2879" s="4" t="s">
        <v>14713</v>
      </c>
      <c r="G2879" s="4" t="s">
        <v>14714</v>
      </c>
      <c r="H2879" s="4" t="s">
        <v>14715</v>
      </c>
    </row>
    <row r="2880" spans="1:11" ht="86.4" x14ac:dyDescent="0.3">
      <c r="A2880" s="1">
        <v>22236</v>
      </c>
      <c r="C2880" s="4" t="s">
        <v>14716</v>
      </c>
      <c r="D2880" s="4" t="s">
        <v>14717</v>
      </c>
      <c r="E2880" s="4" t="s">
        <v>14718</v>
      </c>
      <c r="F2880" s="4" t="s">
        <v>14719</v>
      </c>
      <c r="G2880" s="4" t="s">
        <v>14720</v>
      </c>
      <c r="H2880" s="4" t="s">
        <v>14721</v>
      </c>
      <c r="I2880" s="4" t="s">
        <v>14722</v>
      </c>
      <c r="J2880" s="4" t="s">
        <v>14723</v>
      </c>
      <c r="K2880" s="4" t="s">
        <v>14724</v>
      </c>
    </row>
    <row r="2881" spans="1:11" ht="86.4" x14ac:dyDescent="0.3">
      <c r="A2881" s="1">
        <v>22241</v>
      </c>
      <c r="D2881" s="4" t="s">
        <v>14725</v>
      </c>
      <c r="E2881" s="4" t="s">
        <v>14726</v>
      </c>
      <c r="F2881" s="4" t="s">
        <v>14727</v>
      </c>
      <c r="G2881" s="4" t="s">
        <v>14728</v>
      </c>
      <c r="H2881" s="4" t="s">
        <v>14729</v>
      </c>
      <c r="K2881" s="4" t="s">
        <v>14730</v>
      </c>
    </row>
    <row r="2882" spans="1:11" ht="86.4" x14ac:dyDescent="0.3">
      <c r="A2882" s="1">
        <v>22246</v>
      </c>
      <c r="D2882" s="4" t="s">
        <v>14731</v>
      </c>
      <c r="G2882" s="4" t="s">
        <v>14732</v>
      </c>
      <c r="H2882" s="4" t="s">
        <v>14733</v>
      </c>
      <c r="I2882" s="4" t="s">
        <v>14734</v>
      </c>
      <c r="J2882" s="4" t="s">
        <v>14735</v>
      </c>
      <c r="K2882" s="4" t="s">
        <v>14736</v>
      </c>
    </row>
    <row r="2883" spans="1:11" ht="86.4" x14ac:dyDescent="0.3">
      <c r="A2883" s="1">
        <v>22251</v>
      </c>
      <c r="C2883" s="4" t="s">
        <v>14737</v>
      </c>
      <c r="D2883" s="4" t="s">
        <v>14738</v>
      </c>
      <c r="E2883" s="4" t="s">
        <v>14739</v>
      </c>
      <c r="F2883" s="4" t="s">
        <v>14740</v>
      </c>
      <c r="G2883" s="4" t="s">
        <v>14741</v>
      </c>
      <c r="H2883" s="4" t="s">
        <v>14742</v>
      </c>
      <c r="I2883" s="4" t="s">
        <v>14743</v>
      </c>
      <c r="J2883" s="4" t="s">
        <v>14744</v>
      </c>
    </row>
    <row r="2884" spans="1:11" ht="72" x14ac:dyDescent="0.3">
      <c r="A2884" s="1">
        <v>22256</v>
      </c>
      <c r="C2884" s="4" t="s">
        <v>14745</v>
      </c>
      <c r="D2884" s="4" t="s">
        <v>14746</v>
      </c>
      <c r="F2884" s="4" t="s">
        <v>14747</v>
      </c>
      <c r="G2884" s="4" t="s">
        <v>14748</v>
      </c>
      <c r="H2884" s="4" t="s">
        <v>14749</v>
      </c>
      <c r="K2884" s="4" t="s">
        <v>14750</v>
      </c>
    </row>
    <row r="2885" spans="1:11" ht="72" x14ac:dyDescent="0.3">
      <c r="A2885" s="1">
        <v>22261</v>
      </c>
      <c r="C2885" s="4" t="s">
        <v>14751</v>
      </c>
      <c r="D2885" s="4" t="s">
        <v>14752</v>
      </c>
      <c r="E2885" s="4" t="s">
        <v>14753</v>
      </c>
      <c r="F2885" s="4" t="s">
        <v>14754</v>
      </c>
      <c r="G2885" s="4" t="s">
        <v>14755</v>
      </c>
      <c r="H2885" s="4" t="s">
        <v>14756</v>
      </c>
      <c r="I2885" s="4" t="s">
        <v>14757</v>
      </c>
      <c r="K2885" s="4" t="s">
        <v>14758</v>
      </c>
    </row>
    <row r="2886" spans="1:11" ht="43.2" x14ac:dyDescent="0.3">
      <c r="A2886" s="1">
        <v>22266</v>
      </c>
      <c r="D2886" s="4" t="s">
        <v>14759</v>
      </c>
      <c r="G2886" s="4" t="s">
        <v>14760</v>
      </c>
      <c r="J2886" s="4" t="s">
        <v>14761</v>
      </c>
    </row>
    <row r="2887" spans="1:11" ht="43.2" x14ac:dyDescent="0.3">
      <c r="A2887" s="1">
        <v>22271</v>
      </c>
      <c r="C2887" s="4" t="s">
        <v>14762</v>
      </c>
      <c r="G2887" s="4" t="s">
        <v>14763</v>
      </c>
    </row>
    <row r="2888" spans="1:11" ht="28.8" x14ac:dyDescent="0.3">
      <c r="A2888" s="1">
        <v>22276</v>
      </c>
      <c r="C2888" s="4" t="s">
        <v>14764</v>
      </c>
      <c r="D2888" s="4" t="s">
        <v>14765</v>
      </c>
      <c r="E2888" s="4" t="s">
        <v>14766</v>
      </c>
      <c r="F2888" s="4" t="s">
        <v>14767</v>
      </c>
      <c r="G2888" s="4" t="s">
        <v>14768</v>
      </c>
      <c r="H2888" s="4" t="s">
        <v>14769</v>
      </c>
      <c r="I2888" s="4" t="s">
        <v>14770</v>
      </c>
      <c r="K2888" s="4" t="s">
        <v>14771</v>
      </c>
    </row>
    <row r="2889" spans="1:11" ht="28.8" x14ac:dyDescent="0.3">
      <c r="A2889" s="1">
        <v>22281</v>
      </c>
      <c r="C2889" s="4" t="s">
        <v>14772</v>
      </c>
      <c r="D2889" s="4" t="s">
        <v>14773</v>
      </c>
      <c r="K2889" s="4" t="s">
        <v>14774</v>
      </c>
    </row>
    <row r="2890" spans="1:11" ht="86.4" x14ac:dyDescent="0.3">
      <c r="A2890" s="1">
        <v>22291</v>
      </c>
      <c r="D2890" s="4" t="s">
        <v>14775</v>
      </c>
      <c r="E2890" s="4" t="s">
        <v>14776</v>
      </c>
      <c r="F2890" s="4" t="s">
        <v>1413</v>
      </c>
      <c r="G2890" s="4" t="s">
        <v>14777</v>
      </c>
      <c r="J2890" s="4" t="s">
        <v>14778</v>
      </c>
    </row>
    <row r="2891" spans="1:11" ht="57.6" x14ac:dyDescent="0.3">
      <c r="A2891" s="1">
        <v>22296</v>
      </c>
      <c r="D2891" s="4" t="s">
        <v>14779</v>
      </c>
      <c r="E2891" s="4" t="s">
        <v>14780</v>
      </c>
      <c r="F2891" s="4" t="s">
        <v>14781</v>
      </c>
      <c r="G2891" s="4" t="s">
        <v>14782</v>
      </c>
      <c r="H2891" s="4" t="s">
        <v>14783</v>
      </c>
      <c r="K2891" s="4" t="s">
        <v>14784</v>
      </c>
    </row>
    <row r="2892" spans="1:11" ht="86.4" x14ac:dyDescent="0.3">
      <c r="A2892" s="1">
        <v>22316</v>
      </c>
      <c r="C2892" s="4" t="s">
        <v>14785</v>
      </c>
      <c r="D2892" s="4" t="s">
        <v>14786</v>
      </c>
      <c r="E2892" s="4" t="s">
        <v>14787</v>
      </c>
      <c r="F2892" s="4" t="s">
        <v>14788</v>
      </c>
      <c r="G2892" s="4" t="s">
        <v>14789</v>
      </c>
      <c r="H2892" s="4" t="s">
        <v>14790</v>
      </c>
      <c r="I2892" s="4" t="s">
        <v>14791</v>
      </c>
      <c r="J2892" s="4" t="s">
        <v>14792</v>
      </c>
      <c r="K2892" s="4" t="s">
        <v>6197</v>
      </c>
    </row>
    <row r="2893" spans="1:11" ht="43.2" x14ac:dyDescent="0.3">
      <c r="A2893" s="1">
        <v>22341</v>
      </c>
      <c r="F2893" s="4" t="s">
        <v>14793</v>
      </c>
    </row>
    <row r="2894" spans="1:11" ht="86.4" x14ac:dyDescent="0.3">
      <c r="A2894" s="1">
        <v>22366</v>
      </c>
      <c r="C2894" s="4" t="s">
        <v>14794</v>
      </c>
      <c r="D2894" s="4" t="s">
        <v>14795</v>
      </c>
      <c r="E2894" s="4" t="s">
        <v>14796</v>
      </c>
      <c r="F2894" s="4" t="s">
        <v>14797</v>
      </c>
      <c r="G2894" s="4" t="s">
        <v>14798</v>
      </c>
      <c r="H2894" s="4" t="s">
        <v>14799</v>
      </c>
      <c r="I2894" s="4" t="s">
        <v>14800</v>
      </c>
      <c r="K2894" s="4" t="s">
        <v>14801</v>
      </c>
    </row>
    <row r="2895" spans="1:11" ht="86.4" x14ac:dyDescent="0.3">
      <c r="A2895" s="1">
        <v>22371</v>
      </c>
      <c r="C2895" s="4" t="s">
        <v>14802</v>
      </c>
      <c r="D2895" s="4" t="s">
        <v>14803</v>
      </c>
      <c r="G2895" s="4" t="s">
        <v>14804</v>
      </c>
      <c r="H2895" s="4" t="s">
        <v>14805</v>
      </c>
      <c r="I2895" s="4" t="s">
        <v>14806</v>
      </c>
      <c r="K2895" s="4" t="s">
        <v>14807</v>
      </c>
    </row>
    <row r="2896" spans="1:11" ht="86.4" x14ac:dyDescent="0.3">
      <c r="A2896" s="1">
        <v>22376</v>
      </c>
      <c r="C2896" s="4" t="s">
        <v>14808</v>
      </c>
      <c r="D2896" s="4" t="s">
        <v>14809</v>
      </c>
      <c r="E2896" s="4" t="s">
        <v>14810</v>
      </c>
      <c r="F2896" s="4" t="s">
        <v>14811</v>
      </c>
      <c r="G2896" s="4" t="s">
        <v>14812</v>
      </c>
      <c r="H2896" s="4" t="s">
        <v>14813</v>
      </c>
      <c r="I2896" s="4" t="s">
        <v>14814</v>
      </c>
      <c r="K2896" s="4" t="s">
        <v>14815</v>
      </c>
    </row>
    <row r="2897" spans="1:11" ht="28.8" x14ac:dyDescent="0.3">
      <c r="A2897" s="1">
        <v>22386</v>
      </c>
      <c r="F2897" s="4" t="s">
        <v>14816</v>
      </c>
      <c r="G2897" s="4" t="s">
        <v>14817</v>
      </c>
      <c r="H2897" s="4" t="s">
        <v>14818</v>
      </c>
    </row>
    <row r="2898" spans="1:11" ht="43.2" x14ac:dyDescent="0.3">
      <c r="A2898" s="1">
        <v>22391</v>
      </c>
      <c r="C2898" s="4" t="s">
        <v>14819</v>
      </c>
      <c r="D2898" s="4" t="s">
        <v>14820</v>
      </c>
      <c r="E2898" s="4" t="s">
        <v>14821</v>
      </c>
      <c r="F2898" s="4" t="s">
        <v>14822</v>
      </c>
      <c r="G2898" s="4" t="s">
        <v>14823</v>
      </c>
      <c r="H2898" s="4" t="s">
        <v>14824</v>
      </c>
      <c r="I2898" s="4" t="s">
        <v>14825</v>
      </c>
      <c r="K2898" s="4" t="s">
        <v>14826</v>
      </c>
    </row>
    <row r="2899" spans="1:11" ht="86.4" x14ac:dyDescent="0.3">
      <c r="A2899" s="1">
        <v>22396</v>
      </c>
      <c r="C2899" s="4" t="s">
        <v>14827</v>
      </c>
      <c r="D2899" s="4" t="s">
        <v>14828</v>
      </c>
      <c r="E2899" s="4" t="s">
        <v>14829</v>
      </c>
      <c r="F2899" s="4" t="s">
        <v>14830</v>
      </c>
      <c r="G2899" s="4" t="s">
        <v>14831</v>
      </c>
      <c r="H2899" s="4" t="s">
        <v>14832</v>
      </c>
      <c r="I2899" s="4" t="s">
        <v>14833</v>
      </c>
      <c r="K2899" s="4" t="s">
        <v>14834</v>
      </c>
    </row>
    <row r="2900" spans="1:11" ht="86.4" x14ac:dyDescent="0.3">
      <c r="A2900" s="1">
        <v>22401</v>
      </c>
      <c r="C2900" s="4" t="s">
        <v>5676</v>
      </c>
      <c r="D2900" s="4" t="s">
        <v>14835</v>
      </c>
      <c r="E2900" s="4" t="s">
        <v>14836</v>
      </c>
      <c r="F2900" s="4" t="s">
        <v>14837</v>
      </c>
      <c r="G2900" s="4" t="s">
        <v>14838</v>
      </c>
      <c r="H2900" s="4" t="s">
        <v>14839</v>
      </c>
      <c r="I2900" s="4" t="s">
        <v>14840</v>
      </c>
    </row>
    <row r="2901" spans="1:11" ht="72" x14ac:dyDescent="0.3">
      <c r="A2901" s="1">
        <v>22406</v>
      </c>
      <c r="D2901" s="4" t="s">
        <v>14841</v>
      </c>
      <c r="E2901" s="4" t="s">
        <v>14842</v>
      </c>
      <c r="F2901" s="4" t="s">
        <v>14843</v>
      </c>
      <c r="K2901" s="4" t="s">
        <v>14844</v>
      </c>
    </row>
    <row r="2902" spans="1:11" ht="43.2" x14ac:dyDescent="0.3">
      <c r="A2902" s="1">
        <v>22416</v>
      </c>
      <c r="C2902" s="4" t="s">
        <v>14845</v>
      </c>
      <c r="E2902" s="4" t="s">
        <v>14846</v>
      </c>
      <c r="F2902" s="4" t="s">
        <v>14847</v>
      </c>
      <c r="G2902" s="4" t="s">
        <v>14848</v>
      </c>
      <c r="I2902" s="4" t="s">
        <v>14849</v>
      </c>
    </row>
    <row r="2903" spans="1:11" ht="86.4" x14ac:dyDescent="0.3">
      <c r="A2903" s="1">
        <v>22421</v>
      </c>
      <c r="C2903" s="4" t="s">
        <v>14850</v>
      </c>
      <c r="D2903" s="4" t="s">
        <v>14851</v>
      </c>
      <c r="E2903" s="4" t="s">
        <v>14852</v>
      </c>
      <c r="G2903" s="4" t="s">
        <v>14853</v>
      </c>
      <c r="H2903" s="4" t="s">
        <v>14854</v>
      </c>
    </row>
    <row r="2904" spans="1:11" x14ac:dyDescent="0.3">
      <c r="A2904" s="1">
        <v>22431</v>
      </c>
    </row>
    <row r="2905" spans="1:11" ht="86.4" x14ac:dyDescent="0.3">
      <c r="A2905" s="1">
        <v>22436</v>
      </c>
      <c r="C2905" s="4" t="s">
        <v>14855</v>
      </c>
      <c r="D2905" s="4" t="s">
        <v>14856</v>
      </c>
      <c r="E2905" s="4" t="s">
        <v>14857</v>
      </c>
      <c r="F2905" s="4" t="s">
        <v>14858</v>
      </c>
      <c r="G2905" s="4" t="s">
        <v>14859</v>
      </c>
      <c r="H2905" s="4" t="s">
        <v>14860</v>
      </c>
      <c r="I2905" s="4" t="s">
        <v>14861</v>
      </c>
      <c r="K2905" s="4" t="s">
        <v>14862</v>
      </c>
    </row>
    <row r="2906" spans="1:11" ht="72" x14ac:dyDescent="0.3">
      <c r="A2906" s="1">
        <v>22461</v>
      </c>
      <c r="C2906" s="4" t="s">
        <v>14863</v>
      </c>
      <c r="D2906" s="4" t="s">
        <v>14864</v>
      </c>
      <c r="E2906" s="4" t="s">
        <v>14865</v>
      </c>
      <c r="F2906" s="4" t="s">
        <v>14866</v>
      </c>
      <c r="G2906" s="4" t="s">
        <v>14867</v>
      </c>
      <c r="H2906" s="4" t="s">
        <v>14868</v>
      </c>
      <c r="I2906" s="4" t="s">
        <v>14869</v>
      </c>
    </row>
    <row r="2907" spans="1:11" ht="86.4" x14ac:dyDescent="0.3">
      <c r="A2907" s="1">
        <v>22466</v>
      </c>
      <c r="C2907" s="4" t="s">
        <v>14870</v>
      </c>
      <c r="D2907" s="4" t="s">
        <v>14871</v>
      </c>
      <c r="E2907" s="4" t="s">
        <v>14872</v>
      </c>
      <c r="F2907" s="4" t="s">
        <v>14873</v>
      </c>
      <c r="G2907" s="4" t="s">
        <v>14874</v>
      </c>
      <c r="H2907" s="4" t="s">
        <v>14875</v>
      </c>
      <c r="I2907" s="4" t="s">
        <v>14876</v>
      </c>
      <c r="K2907" s="4" t="s">
        <v>14877</v>
      </c>
    </row>
    <row r="2908" spans="1:11" ht="86.4" x14ac:dyDescent="0.3">
      <c r="A2908" s="1">
        <v>22476</v>
      </c>
      <c r="C2908" s="4" t="s">
        <v>14878</v>
      </c>
      <c r="D2908" s="4" t="s">
        <v>14879</v>
      </c>
      <c r="E2908" s="4" t="s">
        <v>14880</v>
      </c>
      <c r="F2908" s="4" t="s">
        <v>14880</v>
      </c>
      <c r="G2908" s="4" t="s">
        <v>14881</v>
      </c>
      <c r="H2908" s="4" t="s">
        <v>14882</v>
      </c>
      <c r="I2908" s="4" t="s">
        <v>14883</v>
      </c>
      <c r="K2908" s="4" t="s">
        <v>14884</v>
      </c>
    </row>
    <row r="2909" spans="1:11" ht="28.8" x14ac:dyDescent="0.3">
      <c r="A2909" s="1">
        <v>22486</v>
      </c>
      <c r="C2909" s="4" t="s">
        <v>14885</v>
      </c>
      <c r="D2909" s="4" t="s">
        <v>14886</v>
      </c>
      <c r="F2909" s="4" t="s">
        <v>14887</v>
      </c>
      <c r="J2909" s="4" t="s">
        <v>14888</v>
      </c>
    </row>
    <row r="2910" spans="1:11" ht="86.4" x14ac:dyDescent="0.3">
      <c r="A2910" s="1">
        <v>22491</v>
      </c>
      <c r="E2910" s="4" t="s">
        <v>14889</v>
      </c>
      <c r="F2910" s="4" t="s">
        <v>14890</v>
      </c>
      <c r="G2910" s="4" t="s">
        <v>14891</v>
      </c>
      <c r="H2910" s="4" t="s">
        <v>14892</v>
      </c>
      <c r="K2910" s="4" t="s">
        <v>23135</v>
      </c>
    </row>
    <row r="2911" spans="1:11" ht="86.4" x14ac:dyDescent="0.3">
      <c r="A2911" s="1">
        <v>22496</v>
      </c>
      <c r="C2911" s="4" t="s">
        <v>14893</v>
      </c>
      <c r="D2911" s="4" t="s">
        <v>14894</v>
      </c>
      <c r="E2911" s="4" t="s">
        <v>14895</v>
      </c>
      <c r="F2911" s="4" t="s">
        <v>14896</v>
      </c>
      <c r="G2911" s="4" t="s">
        <v>14897</v>
      </c>
      <c r="H2911" s="4" t="s">
        <v>14898</v>
      </c>
      <c r="I2911" s="4" t="s">
        <v>14899</v>
      </c>
      <c r="K2911" s="4" t="s">
        <v>14900</v>
      </c>
    </row>
    <row r="2912" spans="1:11" ht="86.4" x14ac:dyDescent="0.3">
      <c r="A2912" s="1">
        <v>22501</v>
      </c>
      <c r="C2912" s="4" t="s">
        <v>14901</v>
      </c>
      <c r="D2912" s="4" t="s">
        <v>14902</v>
      </c>
      <c r="E2912" s="4" t="s">
        <v>14903</v>
      </c>
      <c r="F2912" s="4" t="s">
        <v>14904</v>
      </c>
      <c r="G2912" s="4" t="s">
        <v>14905</v>
      </c>
      <c r="H2912" s="4" t="s">
        <v>14906</v>
      </c>
    </row>
    <row r="2913" spans="1:11" ht="86.4" x14ac:dyDescent="0.3">
      <c r="A2913" s="1">
        <v>22506</v>
      </c>
      <c r="B2913" s="1" t="s">
        <v>3197</v>
      </c>
      <c r="C2913" s="4" t="s">
        <v>14907</v>
      </c>
      <c r="D2913" s="4" t="s">
        <v>14908</v>
      </c>
      <c r="E2913" s="4" t="s">
        <v>14909</v>
      </c>
      <c r="F2913" s="4" t="s">
        <v>14910</v>
      </c>
      <c r="G2913" s="4" t="s">
        <v>14911</v>
      </c>
      <c r="H2913" s="4" t="s">
        <v>14912</v>
      </c>
      <c r="I2913" s="4" t="s">
        <v>14913</v>
      </c>
      <c r="K2913" s="4" t="s">
        <v>14914</v>
      </c>
    </row>
    <row r="2914" spans="1:11" ht="86.4" x14ac:dyDescent="0.3">
      <c r="A2914" s="1">
        <v>22511</v>
      </c>
      <c r="C2914" s="4" t="s">
        <v>14915</v>
      </c>
      <c r="D2914" s="4" t="s">
        <v>14916</v>
      </c>
      <c r="E2914" s="4" t="s">
        <v>14917</v>
      </c>
      <c r="F2914" s="4" t="s">
        <v>14918</v>
      </c>
      <c r="G2914" s="4" t="s">
        <v>14919</v>
      </c>
      <c r="H2914" s="4" t="s">
        <v>14920</v>
      </c>
      <c r="I2914" s="4" t="s">
        <v>14921</v>
      </c>
      <c r="J2914" s="4" t="s">
        <v>14922</v>
      </c>
      <c r="K2914" s="4" t="s">
        <v>14923</v>
      </c>
    </row>
    <row r="2915" spans="1:11" ht="57.6" x14ac:dyDescent="0.3">
      <c r="A2915" s="1">
        <v>22516</v>
      </c>
      <c r="C2915" s="4" t="s">
        <v>14924</v>
      </c>
      <c r="D2915" s="4" t="s">
        <v>14925</v>
      </c>
      <c r="E2915" s="4" t="s">
        <v>14926</v>
      </c>
      <c r="G2915" s="4" t="s">
        <v>14927</v>
      </c>
      <c r="H2915" s="4" t="s">
        <v>14928</v>
      </c>
      <c r="I2915" s="4" t="s">
        <v>14929</v>
      </c>
      <c r="K2915" s="4" t="s">
        <v>14930</v>
      </c>
    </row>
    <row r="2916" spans="1:11" ht="86.4" x14ac:dyDescent="0.3">
      <c r="A2916" s="1">
        <v>22526</v>
      </c>
      <c r="C2916" s="4" t="s">
        <v>14931</v>
      </c>
      <c r="D2916" s="4" t="s">
        <v>14932</v>
      </c>
      <c r="G2916" s="4" t="s">
        <v>14933</v>
      </c>
      <c r="H2916" s="4" t="s">
        <v>14934</v>
      </c>
      <c r="I2916" s="4" t="s">
        <v>14935</v>
      </c>
      <c r="K2916" s="4" t="s">
        <v>14936</v>
      </c>
    </row>
    <row r="2917" spans="1:11" ht="72" x14ac:dyDescent="0.3">
      <c r="A2917" s="1">
        <v>22531</v>
      </c>
      <c r="C2917" s="4" t="s">
        <v>14937</v>
      </c>
      <c r="D2917" s="4" t="s">
        <v>14938</v>
      </c>
      <c r="E2917" s="4" t="s">
        <v>14939</v>
      </c>
      <c r="G2917" s="4" t="s">
        <v>14940</v>
      </c>
      <c r="H2917" s="4" t="s">
        <v>14940</v>
      </c>
      <c r="I2917" s="4" t="s">
        <v>14941</v>
      </c>
      <c r="K2917" s="4" t="s">
        <v>14942</v>
      </c>
    </row>
    <row r="2918" spans="1:11" ht="86.4" x14ac:dyDescent="0.3">
      <c r="A2918" s="1">
        <v>22536</v>
      </c>
      <c r="C2918" s="4" t="s">
        <v>14943</v>
      </c>
      <c r="D2918" s="4" t="s">
        <v>14944</v>
      </c>
      <c r="E2918" s="4" t="s">
        <v>14945</v>
      </c>
      <c r="F2918" s="4" t="s">
        <v>14946</v>
      </c>
      <c r="G2918" s="4" t="s">
        <v>14947</v>
      </c>
      <c r="H2918" s="4" t="s">
        <v>14948</v>
      </c>
      <c r="I2918" s="4" t="s">
        <v>14949</v>
      </c>
      <c r="K2918" s="4" t="s">
        <v>14950</v>
      </c>
    </row>
    <row r="2919" spans="1:11" ht="72" x14ac:dyDescent="0.3">
      <c r="A2919" s="1">
        <v>22541</v>
      </c>
      <c r="C2919" s="4" t="s">
        <v>14951</v>
      </c>
      <c r="D2919" s="4" t="s">
        <v>14952</v>
      </c>
      <c r="E2919" s="4" t="s">
        <v>14953</v>
      </c>
      <c r="F2919" s="4" t="s">
        <v>1285</v>
      </c>
      <c r="G2919" s="4" t="s">
        <v>14954</v>
      </c>
      <c r="H2919" s="4" t="s">
        <v>14955</v>
      </c>
      <c r="I2919" s="4" t="s">
        <v>14956</v>
      </c>
      <c r="K2919" s="4" t="s">
        <v>14957</v>
      </c>
    </row>
    <row r="2920" spans="1:11" x14ac:dyDescent="0.3">
      <c r="A2920" s="1">
        <v>22551</v>
      </c>
      <c r="C2920" s="4" t="e">
        <v>#NAME?</v>
      </c>
      <c r="D2920" s="4" t="e">
        <v>#NAME?</v>
      </c>
      <c r="E2920" s="4" t="e">
        <v>#NAME?</v>
      </c>
      <c r="F2920" s="4" t="e">
        <v>#NAME?</v>
      </c>
      <c r="G2920" s="4" t="e">
        <v>#NAME?</v>
      </c>
      <c r="H2920" s="4" t="e">
        <v>#NAME?</v>
      </c>
      <c r="I2920" s="4" t="e">
        <v>#NAME?</v>
      </c>
      <c r="K2920" s="4" t="e">
        <v>#NAME?</v>
      </c>
    </row>
    <row r="2921" spans="1:11" ht="72" x14ac:dyDescent="0.3">
      <c r="A2921" s="1">
        <v>22561</v>
      </c>
      <c r="C2921" s="4" t="s">
        <v>14958</v>
      </c>
      <c r="D2921" s="4" t="s">
        <v>14959</v>
      </c>
      <c r="E2921" s="4" t="s">
        <v>14960</v>
      </c>
      <c r="F2921" s="4" t="s">
        <v>14961</v>
      </c>
      <c r="G2921" s="4" t="s">
        <v>14962</v>
      </c>
      <c r="H2921" s="4" t="s">
        <v>14963</v>
      </c>
      <c r="I2921" s="4" t="s">
        <v>14964</v>
      </c>
      <c r="K2921" s="4" t="s">
        <v>14965</v>
      </c>
    </row>
    <row r="2922" spans="1:11" ht="28.8" x14ac:dyDescent="0.3">
      <c r="A2922" s="1">
        <v>22576</v>
      </c>
      <c r="D2922" s="4" t="s">
        <v>14966</v>
      </c>
      <c r="G2922" s="4" t="s">
        <v>14967</v>
      </c>
      <c r="I2922" s="4" t="s">
        <v>14968</v>
      </c>
      <c r="K2922" s="4" t="s">
        <v>14969</v>
      </c>
    </row>
    <row r="2923" spans="1:11" ht="72" x14ac:dyDescent="0.3">
      <c r="A2923" s="1">
        <v>22586</v>
      </c>
      <c r="C2923" s="4" t="s">
        <v>14970</v>
      </c>
      <c r="D2923" s="4" t="s">
        <v>14971</v>
      </c>
      <c r="E2923" s="4" t="s">
        <v>14972</v>
      </c>
      <c r="H2923" s="4" t="s">
        <v>14973</v>
      </c>
      <c r="I2923" s="4" t="s">
        <v>14974</v>
      </c>
      <c r="K2923" s="4" t="s">
        <v>14975</v>
      </c>
    </row>
    <row r="2924" spans="1:11" ht="72" x14ac:dyDescent="0.3">
      <c r="A2924" s="1">
        <v>22591</v>
      </c>
      <c r="C2924" s="4" t="s">
        <v>14976</v>
      </c>
      <c r="D2924" s="4" t="s">
        <v>14977</v>
      </c>
      <c r="E2924" s="4" t="s">
        <v>14978</v>
      </c>
      <c r="F2924" s="4" t="s">
        <v>14979</v>
      </c>
      <c r="G2924" s="4" t="s">
        <v>14980</v>
      </c>
      <c r="H2924" s="4" t="s">
        <v>14981</v>
      </c>
      <c r="I2924" s="4" t="s">
        <v>14982</v>
      </c>
      <c r="K2924" s="4" t="s">
        <v>14983</v>
      </c>
    </row>
    <row r="2925" spans="1:11" ht="86.4" x14ac:dyDescent="0.3">
      <c r="A2925" s="1">
        <v>22601</v>
      </c>
      <c r="C2925" s="4" t="s">
        <v>14984</v>
      </c>
      <c r="D2925" s="4" t="s">
        <v>14985</v>
      </c>
      <c r="E2925" s="4" t="s">
        <v>14986</v>
      </c>
      <c r="F2925" s="4" t="s">
        <v>14987</v>
      </c>
      <c r="G2925" s="4" t="s">
        <v>14988</v>
      </c>
      <c r="H2925" s="4" t="s">
        <v>14989</v>
      </c>
      <c r="I2925" s="4" t="s">
        <v>14990</v>
      </c>
      <c r="K2925" s="4" t="s">
        <v>14991</v>
      </c>
    </row>
    <row r="2926" spans="1:11" ht="86.4" x14ac:dyDescent="0.3">
      <c r="A2926" s="1">
        <v>22606</v>
      </c>
      <c r="C2926" s="4" t="s">
        <v>14992</v>
      </c>
      <c r="D2926" s="4" t="s">
        <v>14993</v>
      </c>
      <c r="E2926" s="4" t="s">
        <v>14994</v>
      </c>
      <c r="F2926" s="4" t="s">
        <v>14995</v>
      </c>
      <c r="G2926" s="4" t="s">
        <v>14996</v>
      </c>
      <c r="H2926" s="4" t="s">
        <v>14997</v>
      </c>
      <c r="I2926" s="4" t="s">
        <v>14998</v>
      </c>
      <c r="K2926" s="4" t="s">
        <v>14999</v>
      </c>
    </row>
    <row r="2927" spans="1:11" ht="86.4" x14ac:dyDescent="0.3">
      <c r="A2927" s="1">
        <v>22611</v>
      </c>
      <c r="C2927" s="4" t="s">
        <v>15000</v>
      </c>
      <c r="D2927" s="4" t="s">
        <v>15001</v>
      </c>
      <c r="E2927" s="4" t="s">
        <v>15002</v>
      </c>
      <c r="F2927" s="4" t="s">
        <v>15003</v>
      </c>
      <c r="G2927" s="4" t="s">
        <v>15004</v>
      </c>
      <c r="H2927" s="4" t="s">
        <v>15005</v>
      </c>
      <c r="I2927" s="4" t="s">
        <v>15006</v>
      </c>
      <c r="K2927" s="4" t="s">
        <v>15007</v>
      </c>
    </row>
    <row r="2928" spans="1:11" ht="28.8" x14ac:dyDescent="0.3">
      <c r="A2928" s="1">
        <v>22616</v>
      </c>
      <c r="D2928" s="4" t="s">
        <v>15008</v>
      </c>
      <c r="I2928" s="4" t="s">
        <v>15009</v>
      </c>
    </row>
    <row r="2929" spans="1:11" ht="28.8" x14ac:dyDescent="0.3">
      <c r="A2929" s="1">
        <v>22621</v>
      </c>
      <c r="C2929" s="4" t="s">
        <v>15010</v>
      </c>
      <c r="D2929" s="4" t="s">
        <v>15011</v>
      </c>
      <c r="E2929" s="4" t="s">
        <v>15012</v>
      </c>
      <c r="F2929" s="4" t="s">
        <v>15013</v>
      </c>
      <c r="G2929" s="4" t="s">
        <v>15014</v>
      </c>
      <c r="H2929" s="4" t="s">
        <v>15015</v>
      </c>
      <c r="I2929" s="4" t="s">
        <v>15016</v>
      </c>
    </row>
    <row r="2930" spans="1:11" ht="86.4" x14ac:dyDescent="0.3">
      <c r="A2930" s="1">
        <v>22626</v>
      </c>
      <c r="C2930" s="4" t="s">
        <v>15017</v>
      </c>
      <c r="D2930" s="4" t="s">
        <v>15018</v>
      </c>
      <c r="E2930" s="4" t="s">
        <v>15019</v>
      </c>
      <c r="F2930" s="4" t="s">
        <v>15020</v>
      </c>
      <c r="G2930" s="4" t="s">
        <v>15021</v>
      </c>
      <c r="H2930" s="4" t="s">
        <v>15022</v>
      </c>
      <c r="I2930" s="4" t="s">
        <v>15023</v>
      </c>
      <c r="K2930" s="4" t="s">
        <v>15024</v>
      </c>
    </row>
    <row r="2931" spans="1:11" ht="86.4" x14ac:dyDescent="0.3">
      <c r="A2931" s="1">
        <v>22636</v>
      </c>
      <c r="C2931" s="4" t="s">
        <v>15025</v>
      </c>
      <c r="D2931" s="4" t="s">
        <v>15026</v>
      </c>
      <c r="E2931" s="4" t="s">
        <v>15027</v>
      </c>
      <c r="F2931" s="4" t="s">
        <v>15028</v>
      </c>
      <c r="G2931" s="4" t="s">
        <v>15029</v>
      </c>
      <c r="H2931" s="4" t="s">
        <v>15030</v>
      </c>
      <c r="I2931" s="4" t="s">
        <v>15031</v>
      </c>
    </row>
    <row r="2932" spans="1:11" ht="86.4" x14ac:dyDescent="0.3">
      <c r="A2932" s="1">
        <v>22646</v>
      </c>
      <c r="C2932" s="4" t="s">
        <v>15032</v>
      </c>
      <c r="D2932" s="4" t="s">
        <v>15033</v>
      </c>
      <c r="K2932" s="4" t="s">
        <v>15034</v>
      </c>
    </row>
    <row r="2933" spans="1:11" x14ac:dyDescent="0.3">
      <c r="A2933" s="1">
        <v>22656</v>
      </c>
    </row>
    <row r="2934" spans="1:11" ht="86.4" x14ac:dyDescent="0.3">
      <c r="A2934" s="1">
        <v>22661</v>
      </c>
      <c r="C2934" s="4" t="s">
        <v>15035</v>
      </c>
      <c r="D2934" s="4" t="s">
        <v>15036</v>
      </c>
      <c r="E2934" s="4" t="s">
        <v>15037</v>
      </c>
      <c r="F2934" s="4" t="s">
        <v>15038</v>
      </c>
      <c r="I2934" s="4" t="s">
        <v>15039</v>
      </c>
      <c r="K2934" s="4" t="s">
        <v>15040</v>
      </c>
    </row>
    <row r="2935" spans="1:11" ht="43.2" x14ac:dyDescent="0.3">
      <c r="A2935" s="1">
        <v>22666</v>
      </c>
      <c r="C2935" s="4" t="s">
        <v>15041</v>
      </c>
      <c r="D2935" s="4" t="s">
        <v>15042</v>
      </c>
      <c r="E2935" s="4" t="s">
        <v>15043</v>
      </c>
      <c r="F2935" s="4" t="s">
        <v>15044</v>
      </c>
      <c r="G2935" s="4" t="s">
        <v>15045</v>
      </c>
      <c r="H2935" s="4" t="s">
        <v>15046</v>
      </c>
      <c r="I2935" s="4" t="s">
        <v>15047</v>
      </c>
      <c r="K2935" s="4" t="s">
        <v>15048</v>
      </c>
    </row>
    <row r="2936" spans="1:11" ht="43.2" x14ac:dyDescent="0.3">
      <c r="A2936" s="1">
        <v>22671</v>
      </c>
      <c r="C2936" s="4" t="s">
        <v>15049</v>
      </c>
      <c r="D2936" s="4" t="s">
        <v>15050</v>
      </c>
      <c r="E2936" s="4" t="s">
        <v>15051</v>
      </c>
      <c r="F2936" s="4" t="s">
        <v>15052</v>
      </c>
      <c r="G2936" s="4" t="s">
        <v>15053</v>
      </c>
      <c r="H2936" s="4" t="s">
        <v>15054</v>
      </c>
      <c r="K2936" s="4" t="s">
        <v>15055</v>
      </c>
    </row>
    <row r="2937" spans="1:11" ht="86.4" x14ac:dyDescent="0.3">
      <c r="A2937" s="1">
        <v>22676</v>
      </c>
      <c r="C2937" s="4" t="s">
        <v>15056</v>
      </c>
      <c r="D2937" s="4" t="s">
        <v>15057</v>
      </c>
      <c r="E2937" s="4" t="s">
        <v>15058</v>
      </c>
      <c r="F2937" s="4" t="s">
        <v>15059</v>
      </c>
      <c r="G2937" s="4" t="s">
        <v>15060</v>
      </c>
      <c r="H2937" s="4" t="s">
        <v>15061</v>
      </c>
      <c r="I2937" s="4" t="s">
        <v>15062</v>
      </c>
      <c r="K2937" s="4" t="s">
        <v>15063</v>
      </c>
    </row>
    <row r="2938" spans="1:11" ht="43.2" x14ac:dyDescent="0.3">
      <c r="A2938" s="1">
        <v>22686</v>
      </c>
      <c r="G2938" s="4" t="s">
        <v>15064</v>
      </c>
      <c r="H2938" s="4" t="s">
        <v>15064</v>
      </c>
      <c r="K2938" s="4" t="s">
        <v>15065</v>
      </c>
    </row>
    <row r="2939" spans="1:11" ht="86.4" x14ac:dyDescent="0.3">
      <c r="A2939" s="1">
        <v>22706</v>
      </c>
      <c r="C2939" s="4" t="s">
        <v>15066</v>
      </c>
      <c r="D2939" s="4" t="s">
        <v>15067</v>
      </c>
      <c r="E2939" s="4" t="s">
        <v>15068</v>
      </c>
      <c r="F2939" s="4" t="s">
        <v>15069</v>
      </c>
      <c r="G2939" s="4" t="s">
        <v>15070</v>
      </c>
      <c r="H2939" s="4" t="s">
        <v>15071</v>
      </c>
      <c r="I2939" s="4" t="s">
        <v>15072</v>
      </c>
      <c r="J2939" s="4" t="s">
        <v>15073</v>
      </c>
      <c r="K2939" s="4" t="s">
        <v>15074</v>
      </c>
    </row>
    <row r="2940" spans="1:11" ht="72" x14ac:dyDescent="0.3">
      <c r="A2940" s="1">
        <v>22711</v>
      </c>
      <c r="H2940" s="4" t="s">
        <v>15075</v>
      </c>
    </row>
    <row r="2941" spans="1:11" ht="100.8" x14ac:dyDescent="0.3">
      <c r="A2941" s="1">
        <v>22716</v>
      </c>
      <c r="C2941" s="4" t="s">
        <v>15076</v>
      </c>
      <c r="D2941" s="4" t="s">
        <v>15077</v>
      </c>
      <c r="E2941" s="4" t="s">
        <v>15078</v>
      </c>
      <c r="F2941" s="4" t="s">
        <v>15079</v>
      </c>
      <c r="G2941" s="4" t="s">
        <v>15080</v>
      </c>
      <c r="H2941" s="4" t="s">
        <v>15081</v>
      </c>
      <c r="I2941" s="4" t="s">
        <v>15082</v>
      </c>
      <c r="J2941" s="4" t="s">
        <v>15083</v>
      </c>
      <c r="K2941" s="4" t="s">
        <v>15084</v>
      </c>
    </row>
    <row r="2942" spans="1:11" ht="72" x14ac:dyDescent="0.3">
      <c r="A2942" s="1">
        <v>22721</v>
      </c>
      <c r="C2942" s="4" t="s">
        <v>15085</v>
      </c>
      <c r="D2942" s="4" t="s">
        <v>15086</v>
      </c>
      <c r="E2942" s="4" t="s">
        <v>15087</v>
      </c>
      <c r="F2942" s="4" t="s">
        <v>15088</v>
      </c>
      <c r="G2942" s="4" t="s">
        <v>15089</v>
      </c>
      <c r="H2942" s="4" t="s">
        <v>15090</v>
      </c>
      <c r="I2942" s="4" t="s">
        <v>15091</v>
      </c>
      <c r="J2942" s="4" t="s">
        <v>15092</v>
      </c>
      <c r="K2942" s="4" t="s">
        <v>15093</v>
      </c>
    </row>
    <row r="2943" spans="1:11" ht="72" x14ac:dyDescent="0.3">
      <c r="A2943" s="1">
        <v>22726</v>
      </c>
      <c r="C2943" s="4" t="s">
        <v>15094</v>
      </c>
      <c r="D2943" s="4" t="s">
        <v>15095</v>
      </c>
      <c r="E2943" s="4" t="s">
        <v>15096</v>
      </c>
      <c r="F2943" s="4" t="s">
        <v>15097</v>
      </c>
      <c r="G2943" s="4" t="s">
        <v>15098</v>
      </c>
      <c r="H2943" s="4" t="s">
        <v>15099</v>
      </c>
      <c r="I2943" s="4" t="s">
        <v>15100</v>
      </c>
      <c r="K2943" s="4" t="s">
        <v>15101</v>
      </c>
    </row>
    <row r="2944" spans="1:11" x14ac:dyDescent="0.3">
      <c r="A2944" s="1">
        <v>22736</v>
      </c>
    </row>
    <row r="2945" spans="1:11" ht="43.2" x14ac:dyDescent="0.3">
      <c r="A2945" s="1">
        <v>22741</v>
      </c>
      <c r="C2945" s="4" t="s">
        <v>15102</v>
      </c>
      <c r="D2945" s="4" t="s">
        <v>15103</v>
      </c>
      <c r="E2945" s="4" t="s">
        <v>15104</v>
      </c>
      <c r="F2945" s="4" t="s">
        <v>15105</v>
      </c>
      <c r="G2945" s="4" t="s">
        <v>15106</v>
      </c>
      <c r="H2945" s="4" t="s">
        <v>15107</v>
      </c>
      <c r="I2945" s="4" t="s">
        <v>15108</v>
      </c>
      <c r="K2945" s="4" t="s">
        <v>15109</v>
      </c>
    </row>
    <row r="2946" spans="1:11" ht="86.4" x14ac:dyDescent="0.3">
      <c r="A2946" s="1">
        <v>22746</v>
      </c>
      <c r="C2946" s="4" t="s">
        <v>15110</v>
      </c>
      <c r="D2946" s="4" t="s">
        <v>15111</v>
      </c>
      <c r="E2946" s="4" t="s">
        <v>15112</v>
      </c>
      <c r="F2946" s="4" t="s">
        <v>8440</v>
      </c>
      <c r="G2946" s="4" t="s">
        <v>15113</v>
      </c>
      <c r="H2946" s="4" t="s">
        <v>15114</v>
      </c>
      <c r="K2946" s="4" t="s">
        <v>15115</v>
      </c>
    </row>
    <row r="2947" spans="1:11" ht="86.4" x14ac:dyDescent="0.3">
      <c r="A2947" s="1">
        <v>22751</v>
      </c>
      <c r="C2947" s="4" t="s">
        <v>15116</v>
      </c>
      <c r="D2947" s="4" t="s">
        <v>15117</v>
      </c>
      <c r="E2947" s="4" t="s">
        <v>15118</v>
      </c>
      <c r="F2947" s="4" t="s">
        <v>15119</v>
      </c>
      <c r="G2947" s="4" t="s">
        <v>15120</v>
      </c>
      <c r="H2947" s="4" t="s">
        <v>15121</v>
      </c>
      <c r="I2947" s="4" t="s">
        <v>15122</v>
      </c>
      <c r="K2947" s="4" t="s">
        <v>15123</v>
      </c>
    </row>
    <row r="2948" spans="1:11" ht="86.4" x14ac:dyDescent="0.3">
      <c r="A2948" s="1">
        <v>22756</v>
      </c>
      <c r="C2948" s="4" t="s">
        <v>15124</v>
      </c>
      <c r="D2948" s="4" t="s">
        <v>15125</v>
      </c>
      <c r="E2948" s="4" t="s">
        <v>15126</v>
      </c>
      <c r="F2948" s="4" t="s">
        <v>15127</v>
      </c>
      <c r="G2948" s="4" t="s">
        <v>15128</v>
      </c>
      <c r="H2948" s="4" t="s">
        <v>15128</v>
      </c>
      <c r="I2948" s="4" t="s">
        <v>15129</v>
      </c>
      <c r="K2948" s="4" t="s">
        <v>15130</v>
      </c>
    </row>
    <row r="2949" spans="1:11" x14ac:dyDescent="0.3">
      <c r="A2949" s="1">
        <v>22771</v>
      </c>
    </row>
    <row r="2950" spans="1:11" ht="86.4" x14ac:dyDescent="0.3">
      <c r="A2950" s="1">
        <v>22786</v>
      </c>
      <c r="C2950" s="4" t="s">
        <v>15131</v>
      </c>
      <c r="D2950" s="4" t="s">
        <v>15132</v>
      </c>
      <c r="E2950" s="4" t="s">
        <v>15133</v>
      </c>
      <c r="F2950" s="4" t="s">
        <v>15134</v>
      </c>
      <c r="G2950" s="4" t="s">
        <v>15135</v>
      </c>
      <c r="H2950" s="4" t="s">
        <v>15136</v>
      </c>
      <c r="I2950" s="4" t="s">
        <v>15137</v>
      </c>
      <c r="K2950" s="4" t="s">
        <v>15138</v>
      </c>
    </row>
    <row r="2951" spans="1:11" ht="86.4" x14ac:dyDescent="0.3">
      <c r="A2951" s="1">
        <v>22801</v>
      </c>
      <c r="C2951" s="4" t="s">
        <v>15139</v>
      </c>
      <c r="D2951" s="4" t="s">
        <v>15140</v>
      </c>
      <c r="G2951" s="4" t="s">
        <v>15141</v>
      </c>
    </row>
    <row r="2952" spans="1:11" ht="86.4" x14ac:dyDescent="0.3">
      <c r="A2952" s="1">
        <v>22806</v>
      </c>
      <c r="C2952" s="4" t="s">
        <v>15142</v>
      </c>
      <c r="D2952" s="4" t="s">
        <v>15143</v>
      </c>
      <c r="F2952" s="4" t="s">
        <v>15144</v>
      </c>
      <c r="G2952" s="4" t="s">
        <v>15145</v>
      </c>
    </row>
    <row r="2953" spans="1:11" ht="43.2" x14ac:dyDescent="0.3">
      <c r="A2953" s="1">
        <v>22811</v>
      </c>
      <c r="C2953" s="4" t="s">
        <v>15146</v>
      </c>
      <c r="D2953" s="4" t="s">
        <v>15147</v>
      </c>
      <c r="E2953" s="4" t="s">
        <v>15148</v>
      </c>
      <c r="F2953" s="4" t="e">
        <v>#NAME?</v>
      </c>
      <c r="G2953" s="4" t="s">
        <v>15149</v>
      </c>
      <c r="H2953" s="4" t="s">
        <v>15150</v>
      </c>
      <c r="I2953" s="4" t="s">
        <v>15151</v>
      </c>
      <c r="J2953" s="4" t="s">
        <v>15152</v>
      </c>
      <c r="K2953" s="4" t="s">
        <v>15153</v>
      </c>
    </row>
    <row r="2954" spans="1:11" ht="57.6" x14ac:dyDescent="0.3">
      <c r="A2954" s="1">
        <v>22816</v>
      </c>
      <c r="D2954" s="4" t="s">
        <v>15154</v>
      </c>
      <c r="E2954" s="4" t="s">
        <v>15155</v>
      </c>
      <c r="K2954" s="4" t="s">
        <v>15156</v>
      </c>
    </row>
    <row r="2955" spans="1:11" ht="72" x14ac:dyDescent="0.3">
      <c r="A2955" s="1">
        <v>22826</v>
      </c>
      <c r="C2955" s="4" t="s">
        <v>15157</v>
      </c>
      <c r="D2955" s="4" t="s">
        <v>15158</v>
      </c>
      <c r="E2955" s="4" t="s">
        <v>15159</v>
      </c>
      <c r="F2955" s="4" t="s">
        <v>15160</v>
      </c>
      <c r="G2955" s="4" t="s">
        <v>15161</v>
      </c>
      <c r="H2955" s="4" t="s">
        <v>15162</v>
      </c>
      <c r="I2955" s="4" t="s">
        <v>15163</v>
      </c>
    </row>
    <row r="2956" spans="1:11" ht="72" x14ac:dyDescent="0.3">
      <c r="A2956" s="1">
        <v>22831</v>
      </c>
      <c r="C2956" s="4" t="s">
        <v>15164</v>
      </c>
      <c r="D2956" s="4" t="s">
        <v>15165</v>
      </c>
      <c r="E2956" s="4" t="s">
        <v>15166</v>
      </c>
      <c r="F2956" s="4" t="s">
        <v>15167</v>
      </c>
      <c r="G2956" s="4" t="s">
        <v>15168</v>
      </c>
      <c r="H2956" s="4" t="s">
        <v>15169</v>
      </c>
      <c r="I2956" s="4" t="s">
        <v>15170</v>
      </c>
      <c r="J2956" s="4" t="s">
        <v>15171</v>
      </c>
      <c r="K2956" s="4" t="s">
        <v>15172</v>
      </c>
    </row>
    <row r="2957" spans="1:11" x14ac:dyDescent="0.3">
      <c r="A2957" s="1">
        <v>22846</v>
      </c>
      <c r="E2957" s="4" t="s">
        <v>15173</v>
      </c>
    </row>
    <row r="2958" spans="1:11" ht="28.8" x14ac:dyDescent="0.3">
      <c r="A2958" s="1">
        <v>22851</v>
      </c>
      <c r="C2958" s="4" t="s">
        <v>15174</v>
      </c>
      <c r="D2958" s="4" t="s">
        <v>15175</v>
      </c>
      <c r="E2958" s="4" t="s">
        <v>15176</v>
      </c>
      <c r="F2958" s="4" t="s">
        <v>15177</v>
      </c>
      <c r="G2958" s="4" t="s">
        <v>15178</v>
      </c>
    </row>
    <row r="2959" spans="1:11" ht="72" x14ac:dyDescent="0.3">
      <c r="A2959" s="1">
        <v>22856</v>
      </c>
      <c r="C2959" s="4" t="s">
        <v>15179</v>
      </c>
      <c r="D2959" s="4" t="s">
        <v>15180</v>
      </c>
      <c r="E2959" s="4" t="s">
        <v>15181</v>
      </c>
      <c r="F2959" s="4" t="s">
        <v>15182</v>
      </c>
      <c r="G2959" s="4" t="s">
        <v>15183</v>
      </c>
      <c r="H2959" s="4" t="s">
        <v>15184</v>
      </c>
    </row>
    <row r="2960" spans="1:11" ht="86.4" x14ac:dyDescent="0.3">
      <c r="A2960" s="1">
        <v>22861</v>
      </c>
      <c r="C2960" s="4" t="s">
        <v>15185</v>
      </c>
      <c r="D2960" s="4" t="s">
        <v>15186</v>
      </c>
      <c r="E2960" s="4" t="s">
        <v>15187</v>
      </c>
      <c r="H2960" s="4" t="s">
        <v>15188</v>
      </c>
      <c r="I2960" s="4" t="s">
        <v>15189</v>
      </c>
      <c r="K2960" s="4" t="s">
        <v>15190</v>
      </c>
    </row>
    <row r="2961" spans="1:11" ht="86.4" x14ac:dyDescent="0.3">
      <c r="A2961" s="1">
        <v>22866</v>
      </c>
      <c r="B2961" s="1" t="s">
        <v>9681</v>
      </c>
      <c r="C2961" s="4" t="s">
        <v>15191</v>
      </c>
      <c r="D2961" s="4" t="s">
        <v>15192</v>
      </c>
      <c r="E2961" s="4" t="s">
        <v>15193</v>
      </c>
      <c r="F2961" s="4" t="s">
        <v>15194</v>
      </c>
      <c r="H2961" s="4" t="s">
        <v>15195</v>
      </c>
      <c r="I2961" s="4" t="s">
        <v>15196</v>
      </c>
      <c r="K2961" s="4" t="s">
        <v>15197</v>
      </c>
    </row>
    <row r="2962" spans="1:11" ht="28.8" x14ac:dyDescent="0.3">
      <c r="A2962" s="1">
        <v>22876</v>
      </c>
      <c r="C2962" s="4" t="s">
        <v>15198</v>
      </c>
      <c r="D2962" s="4" t="s">
        <v>15199</v>
      </c>
      <c r="G2962" s="4" t="s">
        <v>15200</v>
      </c>
      <c r="I2962" s="4" t="s">
        <v>15201</v>
      </c>
    </row>
    <row r="2963" spans="1:11" ht="28.8" x14ac:dyDescent="0.3">
      <c r="A2963" s="1">
        <v>22881</v>
      </c>
      <c r="C2963" s="4" t="s">
        <v>15202</v>
      </c>
    </row>
    <row r="2964" spans="1:11" ht="72" x14ac:dyDescent="0.3">
      <c r="A2964" s="1">
        <v>22886</v>
      </c>
      <c r="C2964" s="4" t="s">
        <v>15203</v>
      </c>
      <c r="D2964" s="4" t="s">
        <v>15204</v>
      </c>
      <c r="E2964" s="4" t="s">
        <v>15205</v>
      </c>
      <c r="F2964" s="4" t="s">
        <v>15206</v>
      </c>
      <c r="G2964" s="4" t="s">
        <v>15207</v>
      </c>
      <c r="H2964" s="4" t="s">
        <v>15208</v>
      </c>
      <c r="K2964" s="4" t="s">
        <v>15209</v>
      </c>
    </row>
    <row r="2965" spans="1:11" ht="86.4" x14ac:dyDescent="0.3">
      <c r="A2965" s="1">
        <v>22901</v>
      </c>
      <c r="C2965" s="4" t="s">
        <v>15210</v>
      </c>
      <c r="D2965" s="4" t="s">
        <v>15211</v>
      </c>
      <c r="E2965" s="4" t="s">
        <v>15212</v>
      </c>
      <c r="F2965" s="4" t="s">
        <v>15213</v>
      </c>
      <c r="G2965" s="4" t="s">
        <v>15214</v>
      </c>
      <c r="H2965" s="4" t="s">
        <v>15215</v>
      </c>
      <c r="K2965" s="4" t="s">
        <v>15216</v>
      </c>
    </row>
    <row r="2966" spans="1:11" ht="86.4" x14ac:dyDescent="0.3">
      <c r="A2966" s="1">
        <v>22926</v>
      </c>
      <c r="C2966" s="4" t="s">
        <v>15217</v>
      </c>
      <c r="D2966" s="4" t="s">
        <v>15218</v>
      </c>
      <c r="F2966" s="4" t="s">
        <v>15219</v>
      </c>
      <c r="G2966" s="4" t="s">
        <v>15220</v>
      </c>
      <c r="H2966" s="4" t="s">
        <v>15221</v>
      </c>
      <c r="I2966" s="4" t="s">
        <v>15222</v>
      </c>
      <c r="K2966" s="4" t="s">
        <v>15223</v>
      </c>
    </row>
    <row r="2967" spans="1:11" ht="86.4" x14ac:dyDescent="0.3">
      <c r="A2967" s="1">
        <v>22931</v>
      </c>
      <c r="C2967" s="4" t="s">
        <v>15224</v>
      </c>
      <c r="D2967" s="4" t="s">
        <v>15225</v>
      </c>
      <c r="E2967" s="4" t="s">
        <v>15226</v>
      </c>
      <c r="F2967" s="4" t="s">
        <v>15227</v>
      </c>
      <c r="G2967" s="4" t="s">
        <v>15228</v>
      </c>
      <c r="H2967" s="4" t="s">
        <v>15229</v>
      </c>
      <c r="I2967" s="4" t="s">
        <v>15230</v>
      </c>
      <c r="K2967" s="4" t="s">
        <v>15231</v>
      </c>
    </row>
    <row r="2968" spans="1:11" ht="72" x14ac:dyDescent="0.3">
      <c r="A2968" s="1">
        <v>22936</v>
      </c>
      <c r="C2968" s="4" t="s">
        <v>15232</v>
      </c>
      <c r="D2968" s="4" t="s">
        <v>15233</v>
      </c>
      <c r="H2968" s="4" t="s">
        <v>15234</v>
      </c>
      <c r="I2968" s="4" t="s">
        <v>15235</v>
      </c>
      <c r="K2968" s="4" t="s">
        <v>15236</v>
      </c>
    </row>
    <row r="2969" spans="1:11" x14ac:dyDescent="0.3">
      <c r="A2969" s="1">
        <v>22941</v>
      </c>
    </row>
    <row r="2970" spans="1:11" ht="86.4" x14ac:dyDescent="0.3">
      <c r="A2970" s="1">
        <v>22951</v>
      </c>
      <c r="C2970" s="4" t="s">
        <v>15237</v>
      </c>
      <c r="D2970" s="4" t="s">
        <v>15238</v>
      </c>
      <c r="E2970" s="4" t="s">
        <v>15239</v>
      </c>
      <c r="F2970" s="4" t="s">
        <v>15240</v>
      </c>
      <c r="G2970" s="4" t="s">
        <v>15241</v>
      </c>
      <c r="H2970" s="4" t="s">
        <v>15242</v>
      </c>
      <c r="J2970" s="4" t="s">
        <v>15243</v>
      </c>
      <c r="K2970" s="4" t="s">
        <v>15244</v>
      </c>
    </row>
    <row r="2971" spans="1:11" ht="86.4" x14ac:dyDescent="0.3">
      <c r="A2971" s="1">
        <v>22961</v>
      </c>
      <c r="C2971" s="4" t="s">
        <v>15245</v>
      </c>
      <c r="D2971" s="4" t="s">
        <v>15246</v>
      </c>
      <c r="E2971" s="4" t="s">
        <v>15247</v>
      </c>
      <c r="F2971" s="4" t="s">
        <v>15248</v>
      </c>
      <c r="G2971" s="4" t="s">
        <v>15249</v>
      </c>
      <c r="H2971" s="4" t="s">
        <v>15250</v>
      </c>
      <c r="K2971" s="4" t="s">
        <v>15251</v>
      </c>
    </row>
    <row r="2972" spans="1:11" ht="86.4" x14ac:dyDescent="0.3">
      <c r="A2972" s="1">
        <v>22981</v>
      </c>
      <c r="C2972" s="4" t="s">
        <v>15252</v>
      </c>
      <c r="D2972" s="4" t="s">
        <v>15253</v>
      </c>
      <c r="F2972" s="4" t="s">
        <v>15254</v>
      </c>
      <c r="K2972" s="4" t="s">
        <v>15255</v>
      </c>
    </row>
    <row r="2973" spans="1:11" ht="86.4" x14ac:dyDescent="0.3">
      <c r="A2973" s="1">
        <v>22986</v>
      </c>
      <c r="C2973" s="4" t="s">
        <v>15256</v>
      </c>
      <c r="D2973" s="4" t="s">
        <v>15257</v>
      </c>
      <c r="E2973" s="4" t="s">
        <v>15258</v>
      </c>
      <c r="F2973" s="4" t="s">
        <v>15259</v>
      </c>
      <c r="G2973" s="4" t="s">
        <v>15260</v>
      </c>
      <c r="H2973" s="4" t="s">
        <v>15261</v>
      </c>
      <c r="K2973" s="4" t="s">
        <v>15262</v>
      </c>
    </row>
    <row r="2974" spans="1:11" ht="72" x14ac:dyDescent="0.3">
      <c r="A2974" s="1">
        <v>22991</v>
      </c>
      <c r="C2974" s="4" t="s">
        <v>15263</v>
      </c>
      <c r="D2974" s="4" t="s">
        <v>15264</v>
      </c>
      <c r="E2974" s="4" t="s">
        <v>15265</v>
      </c>
      <c r="G2974" s="4" t="s">
        <v>15266</v>
      </c>
      <c r="H2974" s="4" t="s">
        <v>15267</v>
      </c>
    </row>
    <row r="2975" spans="1:11" x14ac:dyDescent="0.3">
      <c r="A2975" s="1">
        <v>22996</v>
      </c>
    </row>
    <row r="2976" spans="1:11" ht="86.4" x14ac:dyDescent="0.3">
      <c r="A2976" s="1">
        <v>23011</v>
      </c>
      <c r="C2976" s="4" t="s">
        <v>15268</v>
      </c>
      <c r="D2976" s="4" t="s">
        <v>15269</v>
      </c>
      <c r="E2976" s="4" t="s">
        <v>15270</v>
      </c>
      <c r="F2976" s="4" t="s">
        <v>15271</v>
      </c>
      <c r="G2976" s="4" t="s">
        <v>15272</v>
      </c>
      <c r="H2976" s="4" t="s">
        <v>15273</v>
      </c>
      <c r="I2976" s="4" t="s">
        <v>15274</v>
      </c>
      <c r="K2976" s="4" t="s">
        <v>15275</v>
      </c>
    </row>
    <row r="2977" spans="1:11" ht="86.4" x14ac:dyDescent="0.3">
      <c r="A2977" s="1">
        <v>23016</v>
      </c>
      <c r="C2977" s="4" t="s">
        <v>15276</v>
      </c>
      <c r="D2977" s="4" t="s">
        <v>15277</v>
      </c>
      <c r="E2977" s="4" t="s">
        <v>15278</v>
      </c>
      <c r="F2977" s="4" t="s">
        <v>15279</v>
      </c>
      <c r="G2977" s="4" t="s">
        <v>15280</v>
      </c>
      <c r="H2977" s="4" t="s">
        <v>15281</v>
      </c>
      <c r="I2977" s="4" t="s">
        <v>15282</v>
      </c>
      <c r="J2977" s="4" t="s">
        <v>15283</v>
      </c>
      <c r="K2977" s="4" t="s">
        <v>15284</v>
      </c>
    </row>
    <row r="2978" spans="1:11" x14ac:dyDescent="0.3">
      <c r="A2978" s="1">
        <v>23026</v>
      </c>
      <c r="H2978" s="4" t="s">
        <v>15285</v>
      </c>
    </row>
    <row r="2979" spans="1:11" ht="72" x14ac:dyDescent="0.3">
      <c r="A2979" s="1">
        <v>23031</v>
      </c>
      <c r="C2979" s="4" t="s">
        <v>15286</v>
      </c>
      <c r="D2979" s="4" t="s">
        <v>15287</v>
      </c>
      <c r="E2979" s="4" t="s">
        <v>15288</v>
      </c>
      <c r="F2979" s="4" t="s">
        <v>15289</v>
      </c>
      <c r="G2979" s="4" t="s">
        <v>15290</v>
      </c>
      <c r="H2979" s="4" t="s">
        <v>15291</v>
      </c>
      <c r="K2979" s="4" t="s">
        <v>15292</v>
      </c>
    </row>
    <row r="2980" spans="1:11" ht="86.4" x14ac:dyDescent="0.3">
      <c r="A2980" s="1">
        <v>23036</v>
      </c>
      <c r="C2980" s="4" t="s">
        <v>15293</v>
      </c>
      <c r="D2980" s="4" t="s">
        <v>15294</v>
      </c>
      <c r="E2980" s="4" t="s">
        <v>23136</v>
      </c>
      <c r="F2980" s="4" t="s">
        <v>23137</v>
      </c>
      <c r="G2980" s="4" t="s">
        <v>15295</v>
      </c>
      <c r="H2980" s="4" t="s">
        <v>15296</v>
      </c>
    </row>
    <row r="2981" spans="1:11" ht="86.4" x14ac:dyDescent="0.3">
      <c r="A2981" s="1">
        <v>23051</v>
      </c>
      <c r="D2981" s="4" t="s">
        <v>15297</v>
      </c>
      <c r="E2981" s="4" t="s">
        <v>15298</v>
      </c>
      <c r="F2981" s="4" t="s">
        <v>15299</v>
      </c>
      <c r="G2981" s="4" t="s">
        <v>15300</v>
      </c>
      <c r="H2981" s="4" t="s">
        <v>15301</v>
      </c>
      <c r="I2981" s="4" t="s">
        <v>15302</v>
      </c>
      <c r="K2981" s="4" t="s">
        <v>15303</v>
      </c>
    </row>
    <row r="2982" spans="1:11" x14ac:dyDescent="0.3">
      <c r="A2982" s="1">
        <v>23056</v>
      </c>
    </row>
    <row r="2983" spans="1:11" ht="86.4" x14ac:dyDescent="0.3">
      <c r="A2983" s="1">
        <v>23066</v>
      </c>
      <c r="C2983" s="4" t="s">
        <v>15304</v>
      </c>
      <c r="D2983" s="4" t="s">
        <v>15305</v>
      </c>
      <c r="E2983" s="4" t="s">
        <v>15306</v>
      </c>
      <c r="F2983" s="4" t="s">
        <v>15307</v>
      </c>
      <c r="H2983" s="4" t="s">
        <v>15308</v>
      </c>
      <c r="I2983" s="4" t="s">
        <v>15309</v>
      </c>
      <c r="K2983" s="4" t="s">
        <v>15310</v>
      </c>
    </row>
    <row r="2984" spans="1:11" x14ac:dyDescent="0.3">
      <c r="A2984" s="1">
        <v>23081</v>
      </c>
      <c r="C2984" s="4" t="s">
        <v>15311</v>
      </c>
      <c r="D2984" s="4" t="s">
        <v>15312</v>
      </c>
    </row>
    <row r="2985" spans="1:11" ht="100.8" x14ac:dyDescent="0.3">
      <c r="A2985" s="1">
        <v>23086</v>
      </c>
      <c r="C2985" s="4" t="s">
        <v>15313</v>
      </c>
      <c r="D2985" s="4" t="s">
        <v>15314</v>
      </c>
      <c r="E2985" s="4" t="s">
        <v>15315</v>
      </c>
      <c r="F2985" s="4" t="s">
        <v>15316</v>
      </c>
      <c r="G2985" s="4" t="s">
        <v>15317</v>
      </c>
      <c r="H2985" s="4" t="s">
        <v>15318</v>
      </c>
      <c r="I2985" s="4" t="s">
        <v>15319</v>
      </c>
      <c r="K2985" s="4" t="s">
        <v>15320</v>
      </c>
    </row>
    <row r="2986" spans="1:11" ht="86.4" x14ac:dyDescent="0.3">
      <c r="A2986" s="1">
        <v>23091</v>
      </c>
      <c r="D2986" s="4" t="s">
        <v>15321</v>
      </c>
      <c r="E2986" s="4" t="s">
        <v>15322</v>
      </c>
      <c r="F2986" s="4" t="s">
        <v>15323</v>
      </c>
      <c r="G2986" s="4" t="s">
        <v>15324</v>
      </c>
      <c r="I2986" s="4" t="s">
        <v>15325</v>
      </c>
      <c r="K2986" s="4" t="s">
        <v>15326</v>
      </c>
    </row>
    <row r="2987" spans="1:11" ht="43.2" x14ac:dyDescent="0.3">
      <c r="A2987" s="1">
        <v>23096</v>
      </c>
      <c r="C2987" s="4" t="s">
        <v>15327</v>
      </c>
      <c r="D2987" s="4" t="s">
        <v>15328</v>
      </c>
      <c r="E2987" s="4" t="s">
        <v>15329</v>
      </c>
      <c r="K2987" s="4" t="s">
        <v>15330</v>
      </c>
    </row>
    <row r="2988" spans="1:11" ht="57.6" x14ac:dyDescent="0.3">
      <c r="A2988" s="1">
        <v>23111</v>
      </c>
      <c r="C2988" s="4" t="s">
        <v>15331</v>
      </c>
      <c r="D2988" s="4" t="s">
        <v>15332</v>
      </c>
      <c r="E2988" s="4" t="s">
        <v>15333</v>
      </c>
      <c r="F2988" s="4" t="s">
        <v>15334</v>
      </c>
      <c r="H2988" s="4" t="s">
        <v>15335</v>
      </c>
      <c r="I2988" s="4" t="s">
        <v>15336</v>
      </c>
    </row>
    <row r="2989" spans="1:11" ht="43.2" x14ac:dyDescent="0.3">
      <c r="A2989" s="1">
        <v>23116</v>
      </c>
      <c r="C2989" s="4" t="s">
        <v>15337</v>
      </c>
      <c r="D2989" s="4" t="s">
        <v>15338</v>
      </c>
      <c r="G2989" s="4" t="s">
        <v>15339</v>
      </c>
      <c r="I2989" s="4" t="s">
        <v>15340</v>
      </c>
    </row>
    <row r="2990" spans="1:11" ht="86.4" x14ac:dyDescent="0.3">
      <c r="A2990" s="1">
        <v>23126</v>
      </c>
      <c r="C2990" s="4" t="s">
        <v>15341</v>
      </c>
      <c r="D2990" s="4" t="s">
        <v>15342</v>
      </c>
      <c r="G2990" s="4" t="s">
        <v>15343</v>
      </c>
      <c r="K2990" s="4" t="s">
        <v>15344</v>
      </c>
    </row>
    <row r="2991" spans="1:11" ht="28.8" x14ac:dyDescent="0.3">
      <c r="A2991" s="1">
        <v>23131</v>
      </c>
      <c r="J2991" s="4" t="s">
        <v>15345</v>
      </c>
    </row>
    <row r="2992" spans="1:11" ht="72" x14ac:dyDescent="0.3">
      <c r="A2992" s="1">
        <v>23136</v>
      </c>
      <c r="C2992" s="4" t="s">
        <v>15346</v>
      </c>
      <c r="D2992" s="4" t="s">
        <v>15347</v>
      </c>
      <c r="E2992" s="4" t="s">
        <v>15348</v>
      </c>
      <c r="F2992" s="4" t="s">
        <v>15349</v>
      </c>
      <c r="G2992" s="4" t="s">
        <v>15350</v>
      </c>
      <c r="H2992" s="4" t="s">
        <v>15351</v>
      </c>
      <c r="I2992" s="4" t="s">
        <v>15352</v>
      </c>
      <c r="J2992" s="4" t="s">
        <v>15353</v>
      </c>
      <c r="K2992" s="4" t="s">
        <v>15354</v>
      </c>
    </row>
    <row r="2993" spans="1:11" ht="86.4" x14ac:dyDescent="0.3">
      <c r="A2993" s="1">
        <v>23146</v>
      </c>
      <c r="C2993" s="4" t="s">
        <v>15355</v>
      </c>
      <c r="D2993" s="4" t="s">
        <v>15356</v>
      </c>
      <c r="K2993" s="4" t="s">
        <v>15357</v>
      </c>
    </row>
    <row r="2994" spans="1:11" x14ac:dyDescent="0.3">
      <c r="A2994" s="1">
        <v>23151</v>
      </c>
    </row>
    <row r="2995" spans="1:11" x14ac:dyDescent="0.3">
      <c r="A2995" s="1">
        <v>23161</v>
      </c>
    </row>
    <row r="2996" spans="1:11" ht="72" x14ac:dyDescent="0.3">
      <c r="A2996" s="1">
        <v>23176</v>
      </c>
      <c r="C2996" s="4" t="s">
        <v>15358</v>
      </c>
      <c r="D2996" s="4" t="s">
        <v>15359</v>
      </c>
      <c r="G2996" s="4" t="s">
        <v>15360</v>
      </c>
      <c r="H2996" s="4" t="s">
        <v>15361</v>
      </c>
      <c r="K2996" s="4" t="s">
        <v>15362</v>
      </c>
    </row>
    <row r="2997" spans="1:11" ht="86.4" x14ac:dyDescent="0.3">
      <c r="A2997" s="1">
        <v>23201</v>
      </c>
      <c r="C2997" s="4" t="s">
        <v>15363</v>
      </c>
      <c r="D2997" s="4" t="s">
        <v>15364</v>
      </c>
      <c r="E2997" s="4" t="s">
        <v>15365</v>
      </c>
      <c r="F2997" s="4" t="s">
        <v>15366</v>
      </c>
      <c r="G2997" s="4" t="s">
        <v>15367</v>
      </c>
      <c r="H2997" s="4" t="s">
        <v>15368</v>
      </c>
      <c r="I2997" s="4" t="s">
        <v>15369</v>
      </c>
      <c r="J2997" s="4" t="s">
        <v>15370</v>
      </c>
      <c r="K2997" s="4" t="s">
        <v>15371</v>
      </c>
    </row>
    <row r="2998" spans="1:11" ht="28.8" x14ac:dyDescent="0.3">
      <c r="A2998" s="1">
        <v>23211</v>
      </c>
      <c r="C2998" s="4" t="s">
        <v>15372</v>
      </c>
      <c r="D2998" s="4" t="s">
        <v>15373</v>
      </c>
      <c r="E2998" s="4" t="s">
        <v>15374</v>
      </c>
      <c r="G2998" s="4" t="s">
        <v>15375</v>
      </c>
      <c r="H2998" s="4" t="s">
        <v>15376</v>
      </c>
      <c r="I2998" s="4" t="s">
        <v>15377</v>
      </c>
    </row>
    <row r="2999" spans="1:11" ht="57.6" x14ac:dyDescent="0.3">
      <c r="A2999" s="1">
        <v>23216</v>
      </c>
      <c r="C2999" s="4" t="s">
        <v>15378</v>
      </c>
      <c r="D2999" s="4" t="s">
        <v>15379</v>
      </c>
      <c r="E2999" s="4" t="s">
        <v>15380</v>
      </c>
      <c r="F2999" s="4" t="s">
        <v>15381</v>
      </c>
    </row>
    <row r="3000" spans="1:11" ht="72" x14ac:dyDescent="0.3">
      <c r="A3000" s="1">
        <v>23226</v>
      </c>
      <c r="C3000" s="4" t="s">
        <v>15382</v>
      </c>
      <c r="D3000" s="4" t="s">
        <v>15383</v>
      </c>
      <c r="E3000" s="4" t="s">
        <v>15384</v>
      </c>
      <c r="G3000" s="4" t="s">
        <v>15385</v>
      </c>
      <c r="H3000" s="4" t="s">
        <v>15386</v>
      </c>
      <c r="I3000" s="4" t="s">
        <v>15387</v>
      </c>
      <c r="K3000" s="4" t="s">
        <v>15388</v>
      </c>
    </row>
    <row r="3001" spans="1:11" ht="28.8" x14ac:dyDescent="0.3">
      <c r="A3001" s="1">
        <v>23236</v>
      </c>
      <c r="C3001" s="4" t="s">
        <v>15389</v>
      </c>
      <c r="D3001" s="4" t="s">
        <v>15390</v>
      </c>
      <c r="H3001" s="4" t="s">
        <v>15391</v>
      </c>
    </row>
    <row r="3002" spans="1:11" ht="43.2" x14ac:dyDescent="0.3">
      <c r="A3002" s="1">
        <v>23246</v>
      </c>
      <c r="C3002" s="4" t="s">
        <v>15392</v>
      </c>
      <c r="K3002" s="4" t="s">
        <v>15393</v>
      </c>
    </row>
    <row r="3003" spans="1:11" ht="86.4" x14ac:dyDescent="0.3">
      <c r="A3003" s="1">
        <v>23261</v>
      </c>
      <c r="C3003" s="4" t="s">
        <v>15394</v>
      </c>
      <c r="D3003" s="4" t="s">
        <v>15395</v>
      </c>
      <c r="E3003" s="4" t="s">
        <v>15396</v>
      </c>
      <c r="F3003" s="4" t="s">
        <v>15397</v>
      </c>
      <c r="G3003" s="4" t="s">
        <v>15398</v>
      </c>
      <c r="H3003" s="4" t="s">
        <v>15399</v>
      </c>
      <c r="K3003" s="4" t="s">
        <v>15400</v>
      </c>
    </row>
    <row r="3004" spans="1:11" ht="72" x14ac:dyDescent="0.3">
      <c r="A3004" s="1">
        <v>23266</v>
      </c>
      <c r="C3004" s="4" t="s">
        <v>15401</v>
      </c>
      <c r="H3004" s="4" t="s">
        <v>15402</v>
      </c>
      <c r="I3004" s="4" t="s">
        <v>15403</v>
      </c>
    </row>
    <row r="3005" spans="1:11" x14ac:dyDescent="0.3">
      <c r="A3005" s="1">
        <v>23301</v>
      </c>
      <c r="C3005" s="4" t="s">
        <v>15404</v>
      </c>
      <c r="D3005" s="4" t="s">
        <v>15405</v>
      </c>
    </row>
    <row r="3006" spans="1:11" ht="72" x14ac:dyDescent="0.3">
      <c r="A3006" s="1">
        <v>23306</v>
      </c>
      <c r="C3006" s="4" t="s">
        <v>15406</v>
      </c>
      <c r="D3006" s="4" t="s">
        <v>15407</v>
      </c>
      <c r="E3006" s="4" t="s">
        <v>15408</v>
      </c>
      <c r="F3006" s="4" t="s">
        <v>15409</v>
      </c>
      <c r="G3006" s="4" t="s">
        <v>15410</v>
      </c>
      <c r="H3006" s="4" t="s">
        <v>15411</v>
      </c>
      <c r="I3006" s="4" t="s">
        <v>15412</v>
      </c>
      <c r="K3006" s="4" t="s">
        <v>15413</v>
      </c>
    </row>
    <row r="3007" spans="1:11" ht="86.4" x14ac:dyDescent="0.3">
      <c r="A3007" s="1">
        <v>23316</v>
      </c>
      <c r="C3007" s="4" t="s">
        <v>15414</v>
      </c>
      <c r="D3007" s="4" t="s">
        <v>15415</v>
      </c>
      <c r="G3007" s="4" t="s">
        <v>15416</v>
      </c>
      <c r="H3007" s="4" t="s">
        <v>15417</v>
      </c>
      <c r="I3007" s="4" t="s">
        <v>15418</v>
      </c>
      <c r="K3007" s="4" t="s">
        <v>15419</v>
      </c>
    </row>
    <row r="3008" spans="1:11" ht="86.4" x14ac:dyDescent="0.3">
      <c r="A3008" s="1">
        <v>23326</v>
      </c>
      <c r="C3008" s="4" t="s">
        <v>15420</v>
      </c>
      <c r="E3008" s="4" t="s">
        <v>15421</v>
      </c>
      <c r="F3008" s="4" t="s">
        <v>15422</v>
      </c>
      <c r="G3008" s="4" t="s">
        <v>15423</v>
      </c>
      <c r="H3008" s="4" t="s">
        <v>15424</v>
      </c>
      <c r="I3008" s="4" t="s">
        <v>15425</v>
      </c>
      <c r="K3008" s="4" t="s">
        <v>15426</v>
      </c>
    </row>
    <row r="3009" spans="1:11" ht="43.2" x14ac:dyDescent="0.3">
      <c r="A3009" s="1">
        <v>23341</v>
      </c>
      <c r="C3009" s="4" t="s">
        <v>15427</v>
      </c>
      <c r="D3009" s="4" t="s">
        <v>15428</v>
      </c>
    </row>
    <row r="3010" spans="1:11" ht="72" x14ac:dyDescent="0.3">
      <c r="A3010" s="1">
        <v>23351</v>
      </c>
      <c r="C3010" s="4" t="s">
        <v>15429</v>
      </c>
      <c r="G3010" s="4" t="s">
        <v>15430</v>
      </c>
      <c r="H3010" s="4" t="s">
        <v>15431</v>
      </c>
    </row>
    <row r="3011" spans="1:11" ht="72" x14ac:dyDescent="0.3">
      <c r="A3011" s="1">
        <v>23356</v>
      </c>
      <c r="G3011" s="4" t="s">
        <v>15432</v>
      </c>
      <c r="H3011" s="4" t="s">
        <v>15432</v>
      </c>
      <c r="K3011" s="4" t="s">
        <v>15433</v>
      </c>
    </row>
    <row r="3012" spans="1:11" ht="72" x14ac:dyDescent="0.3">
      <c r="A3012" s="1">
        <v>23361</v>
      </c>
      <c r="C3012" s="4" t="s">
        <v>15434</v>
      </c>
      <c r="D3012" s="4" t="s">
        <v>15435</v>
      </c>
      <c r="G3012" s="4" t="s">
        <v>15436</v>
      </c>
      <c r="H3012" s="4" t="s">
        <v>15437</v>
      </c>
      <c r="I3012" s="4" t="s">
        <v>15438</v>
      </c>
      <c r="J3012" s="4" t="s">
        <v>15439</v>
      </c>
      <c r="K3012" s="4" t="s">
        <v>15440</v>
      </c>
    </row>
    <row r="3013" spans="1:11" ht="86.4" x14ac:dyDescent="0.3">
      <c r="A3013" s="1">
        <v>23366</v>
      </c>
      <c r="C3013" s="4" t="s">
        <v>15441</v>
      </c>
      <c r="D3013" s="4" t="s">
        <v>15442</v>
      </c>
      <c r="E3013" s="4" t="s">
        <v>15443</v>
      </c>
      <c r="F3013" s="4" t="s">
        <v>15444</v>
      </c>
    </row>
    <row r="3014" spans="1:11" ht="28.8" x14ac:dyDescent="0.3">
      <c r="A3014" s="1">
        <v>23386</v>
      </c>
      <c r="C3014" s="4" t="s">
        <v>15445</v>
      </c>
      <c r="D3014" s="4" t="s">
        <v>15446</v>
      </c>
      <c r="E3014" s="4" t="s">
        <v>15447</v>
      </c>
    </row>
    <row r="3015" spans="1:11" ht="43.2" x14ac:dyDescent="0.3">
      <c r="A3015" s="1">
        <v>23396</v>
      </c>
      <c r="C3015" s="4" t="s">
        <v>15448</v>
      </c>
      <c r="D3015" s="4" t="s">
        <v>15449</v>
      </c>
      <c r="E3015" s="4" t="s">
        <v>15450</v>
      </c>
      <c r="F3015" s="4" t="s">
        <v>15451</v>
      </c>
    </row>
    <row r="3016" spans="1:11" ht="86.4" x14ac:dyDescent="0.3">
      <c r="A3016" s="1">
        <v>23401</v>
      </c>
      <c r="C3016" s="4" t="s">
        <v>15452</v>
      </c>
      <c r="D3016" s="4" t="s">
        <v>15453</v>
      </c>
      <c r="G3016" s="4" t="s">
        <v>15454</v>
      </c>
      <c r="H3016" s="4" t="s">
        <v>15455</v>
      </c>
      <c r="I3016" s="4" t="s">
        <v>15456</v>
      </c>
      <c r="K3016" s="4" t="s">
        <v>15457</v>
      </c>
    </row>
    <row r="3017" spans="1:11" ht="86.4" x14ac:dyDescent="0.3">
      <c r="A3017" s="1">
        <v>23411</v>
      </c>
      <c r="C3017" s="4" t="s">
        <v>15458</v>
      </c>
      <c r="D3017" s="4" t="s">
        <v>15459</v>
      </c>
      <c r="E3017" s="4" t="s">
        <v>15460</v>
      </c>
      <c r="F3017" s="4" t="s">
        <v>15461</v>
      </c>
      <c r="G3017" s="4" t="s">
        <v>15462</v>
      </c>
      <c r="I3017" s="4" t="s">
        <v>15463</v>
      </c>
      <c r="K3017" s="4" t="s">
        <v>15464</v>
      </c>
    </row>
    <row r="3018" spans="1:11" ht="72" x14ac:dyDescent="0.3">
      <c r="A3018" s="1">
        <v>23416</v>
      </c>
      <c r="C3018" s="4" t="s">
        <v>15465</v>
      </c>
      <c r="D3018" s="4" t="s">
        <v>15466</v>
      </c>
      <c r="H3018" s="4" t="s">
        <v>15467</v>
      </c>
      <c r="I3018" s="4" t="s">
        <v>15468</v>
      </c>
      <c r="K3018" s="4" t="s">
        <v>15469</v>
      </c>
    </row>
    <row r="3019" spans="1:11" ht="72" x14ac:dyDescent="0.3">
      <c r="A3019" s="1">
        <v>23426</v>
      </c>
      <c r="C3019" s="4" t="s">
        <v>15470</v>
      </c>
      <c r="D3019" s="4" t="s">
        <v>15471</v>
      </c>
      <c r="E3019" s="4" t="s">
        <v>15472</v>
      </c>
      <c r="F3019" s="4" t="s">
        <v>15473</v>
      </c>
      <c r="K3019" s="4" t="s">
        <v>15474</v>
      </c>
    </row>
    <row r="3020" spans="1:11" ht="57.6" x14ac:dyDescent="0.3">
      <c r="A3020" s="1">
        <v>23431</v>
      </c>
      <c r="C3020" s="4" t="s">
        <v>15475</v>
      </c>
      <c r="D3020" s="4" t="s">
        <v>15476</v>
      </c>
      <c r="E3020" s="4" t="s">
        <v>15477</v>
      </c>
      <c r="F3020" s="4" t="s">
        <v>15478</v>
      </c>
      <c r="G3020" s="4" t="s">
        <v>15479</v>
      </c>
      <c r="H3020" s="4" t="s">
        <v>15480</v>
      </c>
      <c r="K3020" s="4" t="s">
        <v>15481</v>
      </c>
    </row>
    <row r="3021" spans="1:11" x14ac:dyDescent="0.3">
      <c r="A3021" s="1">
        <v>23436</v>
      </c>
    </row>
    <row r="3022" spans="1:11" x14ac:dyDescent="0.3">
      <c r="A3022" s="1">
        <v>23456</v>
      </c>
    </row>
    <row r="3023" spans="1:11" ht="86.4" x14ac:dyDescent="0.3">
      <c r="A3023" s="1">
        <v>23466</v>
      </c>
      <c r="D3023" s="4" t="s">
        <v>15482</v>
      </c>
      <c r="E3023" s="4" t="s">
        <v>15483</v>
      </c>
      <c r="H3023" s="4" t="s">
        <v>15484</v>
      </c>
      <c r="K3023" s="4" t="s">
        <v>15485</v>
      </c>
    </row>
    <row r="3024" spans="1:11" x14ac:dyDescent="0.3">
      <c r="A3024" s="1">
        <v>23476</v>
      </c>
    </row>
    <row r="3025" spans="1:11" x14ac:dyDescent="0.3">
      <c r="A3025" s="1">
        <v>23511</v>
      </c>
    </row>
    <row r="3026" spans="1:11" ht="57.6" x14ac:dyDescent="0.3">
      <c r="A3026" s="1">
        <v>23531</v>
      </c>
      <c r="C3026" s="4" t="s">
        <v>15486</v>
      </c>
      <c r="D3026" s="4" t="s">
        <v>15487</v>
      </c>
      <c r="E3026" s="4" t="s">
        <v>15488</v>
      </c>
      <c r="G3026" s="4" t="s">
        <v>15489</v>
      </c>
      <c r="H3026" s="4" t="s">
        <v>15490</v>
      </c>
    </row>
    <row r="3027" spans="1:11" ht="28.8" x14ac:dyDescent="0.3">
      <c r="A3027" s="1">
        <v>23536</v>
      </c>
      <c r="C3027" s="4" t="s">
        <v>15491</v>
      </c>
      <c r="D3027" s="4" t="s">
        <v>15492</v>
      </c>
      <c r="E3027" s="4" t="s">
        <v>15493</v>
      </c>
      <c r="I3027" s="4" t="s">
        <v>15494</v>
      </c>
    </row>
    <row r="3028" spans="1:11" ht="86.4" x14ac:dyDescent="0.3">
      <c r="A3028" s="1">
        <v>23546</v>
      </c>
      <c r="C3028" s="4" t="s">
        <v>15495</v>
      </c>
      <c r="D3028" s="4" t="s">
        <v>15496</v>
      </c>
      <c r="E3028" s="4" t="s">
        <v>15497</v>
      </c>
      <c r="F3028" s="4" t="s">
        <v>15498</v>
      </c>
      <c r="G3028" s="4" t="s">
        <v>15499</v>
      </c>
      <c r="H3028" s="4" t="s">
        <v>15500</v>
      </c>
      <c r="I3028" s="4" t="s">
        <v>15501</v>
      </c>
      <c r="K3028" s="4" t="s">
        <v>15502</v>
      </c>
    </row>
    <row r="3029" spans="1:11" ht="86.4" x14ac:dyDescent="0.3">
      <c r="A3029" s="1">
        <v>23551</v>
      </c>
      <c r="C3029" s="4" t="s">
        <v>15503</v>
      </c>
      <c r="G3029" s="4" t="s">
        <v>15504</v>
      </c>
      <c r="H3029" s="4" t="s">
        <v>15505</v>
      </c>
    </row>
    <row r="3030" spans="1:11" ht="57.6" x14ac:dyDescent="0.3">
      <c r="A3030" s="1">
        <v>23556</v>
      </c>
      <c r="C3030" s="4" t="s">
        <v>15506</v>
      </c>
      <c r="D3030" s="4" t="s">
        <v>15507</v>
      </c>
      <c r="E3030" s="4" t="s">
        <v>15508</v>
      </c>
      <c r="F3030" s="4" t="s">
        <v>6079</v>
      </c>
      <c r="G3030" s="4" t="s">
        <v>15509</v>
      </c>
      <c r="H3030" s="4" t="s">
        <v>15510</v>
      </c>
      <c r="I3030" s="4" t="s">
        <v>15511</v>
      </c>
    </row>
    <row r="3031" spans="1:11" x14ac:dyDescent="0.3">
      <c r="A3031" s="1">
        <v>23576</v>
      </c>
      <c r="C3031" s="4" t="s">
        <v>15512</v>
      </c>
    </row>
    <row r="3032" spans="1:11" ht="43.2" x14ac:dyDescent="0.3">
      <c r="A3032" s="1">
        <v>23581</v>
      </c>
      <c r="J3032" s="4" t="s">
        <v>15513</v>
      </c>
    </row>
    <row r="3033" spans="1:11" x14ac:dyDescent="0.3">
      <c r="A3033" s="1">
        <v>23586</v>
      </c>
    </row>
    <row r="3034" spans="1:11" ht="43.2" x14ac:dyDescent="0.3">
      <c r="A3034" s="1">
        <v>23591</v>
      </c>
      <c r="C3034" s="4" t="s">
        <v>15514</v>
      </c>
      <c r="D3034" s="4" t="s">
        <v>15515</v>
      </c>
    </row>
    <row r="3035" spans="1:11" ht="72" x14ac:dyDescent="0.3">
      <c r="A3035" s="1">
        <v>23596</v>
      </c>
      <c r="C3035" s="4" t="s">
        <v>15516</v>
      </c>
      <c r="D3035" s="4" t="s">
        <v>15516</v>
      </c>
      <c r="F3035" s="4" t="s">
        <v>15516</v>
      </c>
      <c r="G3035" s="4" t="s">
        <v>15516</v>
      </c>
      <c r="H3035" s="4" t="s">
        <v>15516</v>
      </c>
      <c r="J3035" s="4" t="s">
        <v>15517</v>
      </c>
      <c r="K3035" s="4" t="s">
        <v>15516</v>
      </c>
    </row>
    <row r="3036" spans="1:11" ht="43.2" x14ac:dyDescent="0.3">
      <c r="A3036" s="1">
        <v>23606</v>
      </c>
      <c r="D3036" s="4" t="s">
        <v>15518</v>
      </c>
      <c r="E3036" s="4" t="s">
        <v>15519</v>
      </c>
      <c r="K3036" s="4" t="s">
        <v>15520</v>
      </c>
    </row>
    <row r="3037" spans="1:11" ht="57.6" x14ac:dyDescent="0.3">
      <c r="A3037" s="1">
        <v>23611</v>
      </c>
      <c r="C3037" s="4" t="s">
        <v>15521</v>
      </c>
      <c r="D3037" s="4" t="s">
        <v>15522</v>
      </c>
      <c r="E3037" s="4" t="s">
        <v>15523</v>
      </c>
      <c r="F3037" s="4" t="s">
        <v>15524</v>
      </c>
      <c r="G3037" s="4" t="s">
        <v>15525</v>
      </c>
      <c r="H3037" s="4" t="s">
        <v>15526</v>
      </c>
      <c r="I3037" s="4" t="s">
        <v>15527</v>
      </c>
      <c r="K3037" s="4" t="s">
        <v>15528</v>
      </c>
    </row>
    <row r="3038" spans="1:11" ht="100.8" x14ac:dyDescent="0.3">
      <c r="A3038" s="1">
        <v>23621</v>
      </c>
      <c r="C3038" s="4" t="s">
        <v>15529</v>
      </c>
      <c r="D3038" s="4" t="s">
        <v>15530</v>
      </c>
      <c r="E3038" s="4" t="s">
        <v>15531</v>
      </c>
      <c r="F3038" s="4" t="s">
        <v>15532</v>
      </c>
      <c r="G3038" s="4" t="s">
        <v>15533</v>
      </c>
      <c r="H3038" s="4" t="s">
        <v>15534</v>
      </c>
      <c r="I3038" s="4" t="s">
        <v>15535</v>
      </c>
      <c r="K3038" s="4" t="s">
        <v>15536</v>
      </c>
    </row>
    <row r="3039" spans="1:11" ht="72" x14ac:dyDescent="0.3">
      <c r="A3039" s="1">
        <v>23626</v>
      </c>
      <c r="C3039" s="4" t="s">
        <v>15537</v>
      </c>
      <c r="D3039" s="4" t="s">
        <v>15538</v>
      </c>
      <c r="E3039" s="4" t="s">
        <v>15539</v>
      </c>
      <c r="G3039" s="4" t="s">
        <v>15540</v>
      </c>
      <c r="H3039" s="4" t="s">
        <v>15541</v>
      </c>
      <c r="K3039" s="4" t="s">
        <v>15542</v>
      </c>
    </row>
    <row r="3040" spans="1:11" ht="86.4" x14ac:dyDescent="0.3">
      <c r="A3040" s="1">
        <v>23646</v>
      </c>
      <c r="C3040" s="4" t="s">
        <v>15543</v>
      </c>
      <c r="D3040" s="4" t="s">
        <v>15544</v>
      </c>
      <c r="E3040" s="4" t="s">
        <v>15545</v>
      </c>
      <c r="F3040" s="4" t="s">
        <v>15546</v>
      </c>
      <c r="G3040" s="4" t="s">
        <v>15547</v>
      </c>
      <c r="H3040" s="4" t="s">
        <v>15548</v>
      </c>
      <c r="I3040" s="4" t="s">
        <v>15549</v>
      </c>
      <c r="K3040" s="4" t="s">
        <v>15550</v>
      </c>
    </row>
    <row r="3041" spans="1:11" ht="86.4" x14ac:dyDescent="0.3">
      <c r="A3041" s="1">
        <v>23651</v>
      </c>
      <c r="C3041" s="4" t="s">
        <v>15551</v>
      </c>
      <c r="D3041" s="4" t="s">
        <v>15552</v>
      </c>
      <c r="E3041" s="4" t="s">
        <v>15553</v>
      </c>
      <c r="F3041" s="4" t="s">
        <v>15554</v>
      </c>
      <c r="G3041" s="4" t="s">
        <v>15555</v>
      </c>
      <c r="H3041" s="4" t="s">
        <v>15556</v>
      </c>
      <c r="I3041" s="4" t="s">
        <v>15557</v>
      </c>
      <c r="K3041" s="4" t="s">
        <v>15558</v>
      </c>
    </row>
    <row r="3042" spans="1:11" ht="86.4" x14ac:dyDescent="0.3">
      <c r="A3042" s="1">
        <v>23656</v>
      </c>
      <c r="C3042" s="4" t="s">
        <v>15559</v>
      </c>
      <c r="D3042" s="4" t="s">
        <v>15560</v>
      </c>
      <c r="E3042" s="4" t="s">
        <v>15561</v>
      </c>
      <c r="G3042" s="4" t="s">
        <v>15562</v>
      </c>
      <c r="H3042" s="4" t="s">
        <v>15563</v>
      </c>
      <c r="I3042" s="4" t="s">
        <v>15564</v>
      </c>
      <c r="K3042" s="4" t="s">
        <v>15565</v>
      </c>
    </row>
    <row r="3043" spans="1:11" ht="86.4" x14ac:dyDescent="0.3">
      <c r="A3043" s="1">
        <v>23661</v>
      </c>
      <c r="D3043" s="4" t="s">
        <v>15566</v>
      </c>
      <c r="H3043" s="4" t="s">
        <v>15567</v>
      </c>
      <c r="I3043" s="4" t="s">
        <v>15568</v>
      </c>
      <c r="K3043" s="4" t="s">
        <v>15569</v>
      </c>
    </row>
    <row r="3044" spans="1:11" x14ac:dyDescent="0.3">
      <c r="A3044" s="1">
        <v>23671</v>
      </c>
    </row>
    <row r="3045" spans="1:11" ht="43.2" x14ac:dyDescent="0.3">
      <c r="A3045" s="1">
        <v>23676</v>
      </c>
      <c r="E3045" s="4" t="s">
        <v>15570</v>
      </c>
    </row>
    <row r="3046" spans="1:11" ht="28.8" x14ac:dyDescent="0.3">
      <c r="A3046" s="1">
        <v>23681</v>
      </c>
      <c r="B3046" s="1" t="s">
        <v>15571</v>
      </c>
      <c r="C3046" s="4" t="s">
        <v>15572</v>
      </c>
      <c r="D3046" s="4" t="s">
        <v>15573</v>
      </c>
      <c r="E3046" s="4" t="s">
        <v>15574</v>
      </c>
      <c r="F3046" s="4" t="s">
        <v>15575</v>
      </c>
      <c r="G3046" s="4" t="s">
        <v>15576</v>
      </c>
      <c r="H3046" s="4" t="s">
        <v>15577</v>
      </c>
      <c r="I3046" s="4" t="s">
        <v>15578</v>
      </c>
      <c r="K3046" s="4" t="s">
        <v>15579</v>
      </c>
    </row>
    <row r="3047" spans="1:11" ht="72" x14ac:dyDescent="0.3">
      <c r="A3047" s="1">
        <v>23686</v>
      </c>
      <c r="C3047" s="4" t="s">
        <v>15580</v>
      </c>
      <c r="D3047" s="4" t="s">
        <v>15581</v>
      </c>
      <c r="E3047" s="4" t="s">
        <v>15582</v>
      </c>
      <c r="F3047" s="4" t="s">
        <v>15583</v>
      </c>
      <c r="G3047" s="4" t="s">
        <v>15584</v>
      </c>
      <c r="H3047" s="4" t="s">
        <v>15585</v>
      </c>
      <c r="I3047" s="4" t="s">
        <v>15586</v>
      </c>
      <c r="J3047" s="4" t="s">
        <v>15587</v>
      </c>
    </row>
    <row r="3048" spans="1:11" x14ac:dyDescent="0.3">
      <c r="A3048" s="1">
        <v>23696</v>
      </c>
      <c r="B3048" s="1" t="s">
        <v>15588</v>
      </c>
    </row>
    <row r="3049" spans="1:11" ht="86.4" x14ac:dyDescent="0.3">
      <c r="A3049" s="1">
        <v>23711</v>
      </c>
      <c r="C3049" s="4" t="s">
        <v>15589</v>
      </c>
      <c r="D3049" s="4" t="s">
        <v>15590</v>
      </c>
      <c r="E3049" s="4" t="s">
        <v>15591</v>
      </c>
      <c r="F3049" s="4" t="s">
        <v>15592</v>
      </c>
      <c r="G3049" s="4" t="s">
        <v>15593</v>
      </c>
      <c r="H3049" s="4" t="s">
        <v>15594</v>
      </c>
      <c r="I3049" s="4" t="s">
        <v>15595</v>
      </c>
      <c r="K3049" s="4" t="s">
        <v>15596</v>
      </c>
    </row>
    <row r="3050" spans="1:11" ht="72" x14ac:dyDescent="0.3">
      <c r="A3050" s="1">
        <v>23716</v>
      </c>
      <c r="C3050" s="4" t="s">
        <v>15597</v>
      </c>
      <c r="D3050" s="4" t="s">
        <v>15598</v>
      </c>
      <c r="E3050" s="4" t="s">
        <v>15599</v>
      </c>
      <c r="F3050" s="4" t="s">
        <v>15600</v>
      </c>
      <c r="G3050" s="4" t="s">
        <v>15601</v>
      </c>
      <c r="H3050" s="4" t="s">
        <v>15602</v>
      </c>
      <c r="I3050" s="4" t="s">
        <v>15603</v>
      </c>
      <c r="J3050" s="4" t="s">
        <v>15604</v>
      </c>
      <c r="K3050" s="4" t="s">
        <v>15605</v>
      </c>
    </row>
    <row r="3051" spans="1:11" ht="86.4" x14ac:dyDescent="0.3">
      <c r="A3051" s="1">
        <v>23721</v>
      </c>
      <c r="D3051" s="4" t="s">
        <v>15606</v>
      </c>
      <c r="F3051" s="4" t="s">
        <v>15607</v>
      </c>
      <c r="G3051" s="4" t="s">
        <v>15608</v>
      </c>
      <c r="H3051" s="4" t="s">
        <v>15608</v>
      </c>
      <c r="K3051" s="4" t="s">
        <v>15609</v>
      </c>
    </row>
    <row r="3052" spans="1:11" ht="72" x14ac:dyDescent="0.3">
      <c r="A3052" s="1">
        <v>23736</v>
      </c>
      <c r="C3052" s="4" t="s">
        <v>15610</v>
      </c>
      <c r="D3052" s="4" t="s">
        <v>15611</v>
      </c>
      <c r="E3052" s="4" t="s">
        <v>15612</v>
      </c>
      <c r="F3052" s="4" t="s">
        <v>15613</v>
      </c>
      <c r="G3052" s="4" t="s">
        <v>15614</v>
      </c>
      <c r="H3052" s="4" t="s">
        <v>15615</v>
      </c>
      <c r="I3052" s="4" t="s">
        <v>15616</v>
      </c>
      <c r="J3052" s="4" t="s">
        <v>15617</v>
      </c>
      <c r="K3052" s="4" t="s">
        <v>15618</v>
      </c>
    </row>
    <row r="3053" spans="1:11" ht="72" x14ac:dyDescent="0.3">
      <c r="A3053" s="1">
        <v>23741</v>
      </c>
      <c r="C3053" s="4" t="s">
        <v>15619</v>
      </c>
      <c r="E3053" s="4" t="s">
        <v>15620</v>
      </c>
      <c r="G3053" s="4" t="s">
        <v>15621</v>
      </c>
      <c r="I3053" s="4" t="s">
        <v>15622</v>
      </c>
      <c r="K3053" s="4" t="s">
        <v>15623</v>
      </c>
    </row>
    <row r="3054" spans="1:11" ht="86.4" x14ac:dyDescent="0.3">
      <c r="A3054" s="1">
        <v>23756</v>
      </c>
      <c r="C3054" s="4" t="s">
        <v>15624</v>
      </c>
      <c r="D3054" s="4" t="s">
        <v>15625</v>
      </c>
      <c r="F3054" s="4" t="s">
        <v>15626</v>
      </c>
      <c r="G3054" s="4" t="s">
        <v>15627</v>
      </c>
      <c r="H3054" s="4" t="s">
        <v>15628</v>
      </c>
      <c r="I3054" s="4" t="s">
        <v>15629</v>
      </c>
      <c r="K3054" s="4" t="s">
        <v>15630</v>
      </c>
    </row>
    <row r="3055" spans="1:11" ht="86.4" x14ac:dyDescent="0.3">
      <c r="A3055" s="1">
        <v>23761</v>
      </c>
      <c r="C3055" s="4" t="s">
        <v>15631</v>
      </c>
      <c r="D3055" s="4" t="s">
        <v>15632</v>
      </c>
      <c r="E3055" s="4" t="s">
        <v>15633</v>
      </c>
      <c r="F3055" s="4" t="s">
        <v>15634</v>
      </c>
      <c r="G3055" s="4" t="s">
        <v>15635</v>
      </c>
      <c r="H3055" s="4" t="s">
        <v>15636</v>
      </c>
      <c r="I3055" s="4" t="s">
        <v>15637</v>
      </c>
      <c r="K3055" s="4" t="s">
        <v>15638</v>
      </c>
    </row>
    <row r="3056" spans="1:11" ht="86.4" x14ac:dyDescent="0.3">
      <c r="A3056" s="1">
        <v>23771</v>
      </c>
      <c r="G3056" s="4" t="s">
        <v>15639</v>
      </c>
      <c r="H3056" s="4" t="s">
        <v>15640</v>
      </c>
      <c r="K3056" s="4" t="s">
        <v>15641</v>
      </c>
    </row>
    <row r="3057" spans="1:11" ht="86.4" x14ac:dyDescent="0.3">
      <c r="A3057" s="1">
        <v>23786</v>
      </c>
      <c r="C3057" s="4" t="s">
        <v>15642</v>
      </c>
      <c r="D3057" s="4" t="s">
        <v>15643</v>
      </c>
      <c r="E3057" s="4" t="s">
        <v>23138</v>
      </c>
      <c r="F3057" s="4" t="s">
        <v>23138</v>
      </c>
      <c r="G3057" s="4" t="s">
        <v>15644</v>
      </c>
      <c r="H3057" s="4" t="s">
        <v>15644</v>
      </c>
      <c r="I3057" s="4" t="s">
        <v>15645</v>
      </c>
      <c r="K3057" s="4" t="s">
        <v>15646</v>
      </c>
    </row>
    <row r="3058" spans="1:11" ht="57.6" x14ac:dyDescent="0.3">
      <c r="A3058" s="1">
        <v>23796</v>
      </c>
      <c r="C3058" s="4" t="s">
        <v>15647</v>
      </c>
      <c r="D3058" s="4" t="s">
        <v>15648</v>
      </c>
      <c r="E3058" s="4" t="s">
        <v>15649</v>
      </c>
      <c r="F3058" s="4" t="s">
        <v>15650</v>
      </c>
      <c r="G3058" s="4" t="s">
        <v>15651</v>
      </c>
      <c r="H3058" s="4" t="s">
        <v>15652</v>
      </c>
      <c r="J3058" s="4" t="s">
        <v>15653</v>
      </c>
      <c r="K3058" s="4" t="s">
        <v>15654</v>
      </c>
    </row>
    <row r="3059" spans="1:11" ht="86.4" x14ac:dyDescent="0.3">
      <c r="A3059" s="1">
        <v>23801</v>
      </c>
      <c r="C3059" s="4" t="s">
        <v>15655</v>
      </c>
      <c r="D3059" s="4" t="s">
        <v>15656</v>
      </c>
      <c r="E3059" s="4" t="s">
        <v>15657</v>
      </c>
      <c r="F3059" s="4" t="s">
        <v>15658</v>
      </c>
      <c r="G3059" s="4" t="s">
        <v>15659</v>
      </c>
      <c r="H3059" s="4" t="s">
        <v>15660</v>
      </c>
      <c r="I3059" s="4" t="s">
        <v>15661</v>
      </c>
      <c r="K3059" s="4" t="s">
        <v>15662</v>
      </c>
    </row>
    <row r="3060" spans="1:11" ht="86.4" x14ac:dyDescent="0.3">
      <c r="A3060" s="1">
        <v>23806</v>
      </c>
      <c r="C3060" s="4" t="s">
        <v>15663</v>
      </c>
      <c r="D3060" s="4" t="s">
        <v>15664</v>
      </c>
      <c r="E3060" s="4" t="s">
        <v>15665</v>
      </c>
      <c r="F3060" s="4" t="s">
        <v>15666</v>
      </c>
      <c r="G3060" s="4" t="s">
        <v>15667</v>
      </c>
      <c r="H3060" s="4" t="s">
        <v>15668</v>
      </c>
      <c r="I3060" s="4" t="s">
        <v>15669</v>
      </c>
      <c r="J3060" s="4" t="s">
        <v>15670</v>
      </c>
      <c r="K3060" s="4" t="s">
        <v>15671</v>
      </c>
    </row>
    <row r="3061" spans="1:11" ht="43.2" x14ac:dyDescent="0.3">
      <c r="A3061" s="1">
        <v>23816</v>
      </c>
      <c r="C3061" s="4" t="s">
        <v>15672</v>
      </c>
      <c r="D3061" s="4" t="s">
        <v>15673</v>
      </c>
      <c r="E3061" s="4" t="s">
        <v>15674</v>
      </c>
      <c r="F3061" s="4" t="s">
        <v>15675</v>
      </c>
      <c r="G3061" s="4" t="s">
        <v>15676</v>
      </c>
      <c r="H3061" s="4" t="s">
        <v>15677</v>
      </c>
      <c r="I3061" s="4" t="s">
        <v>15678</v>
      </c>
      <c r="K3061" s="4" t="s">
        <v>15679</v>
      </c>
    </row>
    <row r="3062" spans="1:11" ht="57.6" x14ac:dyDescent="0.3">
      <c r="A3062" s="1">
        <v>23826</v>
      </c>
      <c r="D3062" s="4" t="s">
        <v>15680</v>
      </c>
      <c r="E3062" s="4" t="s">
        <v>1287</v>
      </c>
      <c r="F3062" s="4" t="s">
        <v>1287</v>
      </c>
      <c r="J3062" s="4" t="s">
        <v>15681</v>
      </c>
    </row>
    <row r="3063" spans="1:11" ht="86.4" x14ac:dyDescent="0.3">
      <c r="A3063" s="1">
        <v>23831</v>
      </c>
      <c r="C3063" s="4" t="s">
        <v>15682</v>
      </c>
      <c r="D3063" s="4" t="s">
        <v>15683</v>
      </c>
      <c r="E3063" s="4" t="s">
        <v>15684</v>
      </c>
      <c r="F3063" s="4" t="s">
        <v>15685</v>
      </c>
      <c r="G3063" s="4" t="s">
        <v>15686</v>
      </c>
      <c r="H3063" s="4" t="s">
        <v>15687</v>
      </c>
      <c r="I3063" s="4" t="s">
        <v>15688</v>
      </c>
      <c r="J3063" s="4" t="s">
        <v>15670</v>
      </c>
      <c r="K3063" s="4" t="s">
        <v>15689</v>
      </c>
    </row>
    <row r="3064" spans="1:11" ht="86.4" x14ac:dyDescent="0.3">
      <c r="A3064" s="1">
        <v>23836</v>
      </c>
      <c r="C3064" s="4" t="s">
        <v>15690</v>
      </c>
      <c r="D3064" s="4" t="s">
        <v>15691</v>
      </c>
      <c r="E3064" s="4" t="s">
        <v>15692</v>
      </c>
      <c r="F3064" s="4" t="s">
        <v>15693</v>
      </c>
    </row>
    <row r="3065" spans="1:11" ht="86.4" x14ac:dyDescent="0.3">
      <c r="A3065" s="1">
        <v>23841</v>
      </c>
      <c r="C3065" s="4" t="s">
        <v>15694</v>
      </c>
      <c r="D3065" s="4" t="s">
        <v>15695</v>
      </c>
      <c r="E3065" s="4" t="s">
        <v>15696</v>
      </c>
      <c r="F3065" s="4" t="s">
        <v>15697</v>
      </c>
      <c r="G3065" s="4" t="s">
        <v>15698</v>
      </c>
      <c r="H3065" s="4" t="s">
        <v>15699</v>
      </c>
      <c r="I3065" s="4" t="s">
        <v>15700</v>
      </c>
      <c r="K3065" s="4" t="s">
        <v>15701</v>
      </c>
    </row>
    <row r="3066" spans="1:11" ht="86.4" x14ac:dyDescent="0.3">
      <c r="A3066" s="1">
        <v>23846</v>
      </c>
      <c r="C3066" s="4" t="s">
        <v>15702</v>
      </c>
      <c r="D3066" s="4" t="s">
        <v>15703</v>
      </c>
      <c r="E3066" s="4" t="s">
        <v>15704</v>
      </c>
      <c r="F3066" s="4" t="s">
        <v>15705</v>
      </c>
      <c r="G3066" s="4" t="s">
        <v>15706</v>
      </c>
      <c r="H3066" s="4" t="s">
        <v>15707</v>
      </c>
      <c r="I3066" s="4" t="s">
        <v>15708</v>
      </c>
      <c r="K3066" s="4" t="s">
        <v>15709</v>
      </c>
    </row>
    <row r="3067" spans="1:11" ht="86.4" x14ac:dyDescent="0.3">
      <c r="A3067" s="1">
        <v>23851</v>
      </c>
      <c r="C3067" s="4" t="s">
        <v>15710</v>
      </c>
      <c r="D3067" s="4" t="s">
        <v>15711</v>
      </c>
      <c r="E3067" s="4" t="s">
        <v>15712</v>
      </c>
      <c r="F3067" s="4" t="s">
        <v>15713</v>
      </c>
      <c r="G3067" s="4" t="s">
        <v>15714</v>
      </c>
      <c r="H3067" s="4" t="s">
        <v>15715</v>
      </c>
      <c r="I3067" s="4" t="s">
        <v>15716</v>
      </c>
      <c r="J3067" s="4" t="s">
        <v>15670</v>
      </c>
      <c r="K3067" s="4" t="s">
        <v>15717</v>
      </c>
    </row>
    <row r="3068" spans="1:11" ht="86.4" x14ac:dyDescent="0.3">
      <c r="A3068" s="1">
        <v>23871</v>
      </c>
      <c r="C3068" s="4" t="s">
        <v>15718</v>
      </c>
      <c r="D3068" s="4" t="s">
        <v>15719</v>
      </c>
      <c r="E3068" s="4" t="s">
        <v>15720</v>
      </c>
      <c r="G3068" s="4" t="s">
        <v>15721</v>
      </c>
      <c r="H3068" s="4" t="s">
        <v>15722</v>
      </c>
      <c r="I3068" s="4" t="s">
        <v>15723</v>
      </c>
      <c r="J3068" s="4" t="s">
        <v>15724</v>
      </c>
      <c r="K3068" s="4" t="s">
        <v>15725</v>
      </c>
    </row>
    <row r="3069" spans="1:11" ht="72" x14ac:dyDescent="0.3">
      <c r="A3069" s="1">
        <v>23876</v>
      </c>
      <c r="C3069" s="4" t="s">
        <v>15726</v>
      </c>
      <c r="D3069" s="4" t="s">
        <v>15727</v>
      </c>
      <c r="E3069" s="4" t="s">
        <v>15728</v>
      </c>
      <c r="F3069" s="4" t="s">
        <v>15729</v>
      </c>
      <c r="G3069" s="4" t="s">
        <v>15730</v>
      </c>
      <c r="H3069" s="4" t="s">
        <v>15731</v>
      </c>
      <c r="I3069" s="4" t="s">
        <v>15732</v>
      </c>
    </row>
    <row r="3070" spans="1:11" ht="86.4" x14ac:dyDescent="0.3">
      <c r="A3070" s="1">
        <v>23881</v>
      </c>
      <c r="C3070" s="4" t="s">
        <v>15733</v>
      </c>
      <c r="D3070" s="4" t="s">
        <v>15734</v>
      </c>
      <c r="E3070" s="4" t="s">
        <v>15735</v>
      </c>
      <c r="F3070" s="4" t="s">
        <v>15735</v>
      </c>
      <c r="G3070" s="4" t="s">
        <v>15736</v>
      </c>
      <c r="H3070" s="4" t="s">
        <v>15737</v>
      </c>
      <c r="I3070" s="4" t="s">
        <v>15738</v>
      </c>
      <c r="K3070" s="4" t="s">
        <v>15739</v>
      </c>
    </row>
    <row r="3071" spans="1:11" ht="86.4" x14ac:dyDescent="0.3">
      <c r="A3071" s="1">
        <v>23886</v>
      </c>
      <c r="C3071" s="4" t="s">
        <v>15740</v>
      </c>
      <c r="D3071" s="4" t="s">
        <v>15741</v>
      </c>
      <c r="E3071" s="4" t="s">
        <v>15742</v>
      </c>
      <c r="F3071" s="4" t="s">
        <v>10760</v>
      </c>
      <c r="I3071" s="4" t="s">
        <v>15743</v>
      </c>
    </row>
    <row r="3072" spans="1:11" ht="86.4" x14ac:dyDescent="0.3">
      <c r="A3072" s="1">
        <v>23891</v>
      </c>
      <c r="C3072" s="4" t="s">
        <v>15744</v>
      </c>
      <c r="D3072" s="4" t="s">
        <v>15745</v>
      </c>
      <c r="E3072" s="4" t="s">
        <v>15746</v>
      </c>
      <c r="F3072" s="4" t="s">
        <v>15747</v>
      </c>
      <c r="G3072" s="4" t="s">
        <v>15748</v>
      </c>
      <c r="K3072" s="4" t="s">
        <v>15749</v>
      </c>
    </row>
    <row r="3073" spans="1:11" ht="72" x14ac:dyDescent="0.3">
      <c r="A3073" s="1">
        <v>23901</v>
      </c>
      <c r="C3073" s="4" t="s">
        <v>15750</v>
      </c>
      <c r="D3073" s="4" t="s">
        <v>15751</v>
      </c>
      <c r="E3073" s="4" t="s">
        <v>15752</v>
      </c>
      <c r="F3073" s="4" t="s">
        <v>15753</v>
      </c>
      <c r="G3073" s="4" t="s">
        <v>15754</v>
      </c>
      <c r="H3073" s="4" t="s">
        <v>15755</v>
      </c>
      <c r="I3073" s="4" t="s">
        <v>15756</v>
      </c>
    </row>
    <row r="3074" spans="1:11" ht="28.8" x14ac:dyDescent="0.3">
      <c r="A3074" s="1">
        <v>23906</v>
      </c>
      <c r="C3074" s="4" t="s">
        <v>15757</v>
      </c>
      <c r="D3074" s="4" t="s">
        <v>15758</v>
      </c>
      <c r="E3074" s="4" t="s">
        <v>15759</v>
      </c>
      <c r="G3074" s="4" t="s">
        <v>15760</v>
      </c>
      <c r="I3074" s="4" t="s">
        <v>15761</v>
      </c>
    </row>
    <row r="3075" spans="1:11" ht="72" x14ac:dyDescent="0.3">
      <c r="A3075" s="1">
        <v>23911</v>
      </c>
      <c r="C3075" s="4" t="s">
        <v>15762</v>
      </c>
      <c r="D3075" s="4" t="s">
        <v>15763</v>
      </c>
      <c r="E3075" s="4" t="s">
        <v>15764</v>
      </c>
      <c r="F3075" s="4" t="s">
        <v>15765</v>
      </c>
      <c r="G3075" s="4" t="s">
        <v>15766</v>
      </c>
      <c r="H3075" s="4" t="s">
        <v>15767</v>
      </c>
      <c r="K3075" s="4" t="s">
        <v>15768</v>
      </c>
    </row>
    <row r="3076" spans="1:11" ht="57.6" x14ac:dyDescent="0.3">
      <c r="A3076" s="1">
        <v>23916</v>
      </c>
      <c r="C3076" s="4" t="s">
        <v>15769</v>
      </c>
      <c r="D3076" s="4" t="s">
        <v>15770</v>
      </c>
      <c r="E3076" s="4" t="s">
        <v>15771</v>
      </c>
      <c r="F3076" s="4" t="s">
        <v>15772</v>
      </c>
      <c r="G3076" s="4" t="s">
        <v>15773</v>
      </c>
      <c r="H3076" s="4" t="s">
        <v>15774</v>
      </c>
      <c r="I3076" s="4" t="s">
        <v>15775</v>
      </c>
      <c r="K3076" s="4" t="s">
        <v>15776</v>
      </c>
    </row>
    <row r="3077" spans="1:11" x14ac:dyDescent="0.3">
      <c r="A3077" s="1">
        <v>23921</v>
      </c>
    </row>
    <row r="3078" spans="1:11" ht="72" x14ac:dyDescent="0.3">
      <c r="A3078" s="1">
        <v>23941</v>
      </c>
      <c r="C3078" s="4" t="s">
        <v>15777</v>
      </c>
      <c r="D3078" s="4" t="s">
        <v>15778</v>
      </c>
      <c r="E3078" s="4" t="s">
        <v>15779</v>
      </c>
      <c r="F3078" s="4" t="s">
        <v>15780</v>
      </c>
      <c r="G3078" s="4" t="s">
        <v>15781</v>
      </c>
      <c r="H3078" s="4" t="s">
        <v>15782</v>
      </c>
      <c r="I3078" s="4" t="s">
        <v>15783</v>
      </c>
      <c r="K3078" s="4" t="s">
        <v>15784</v>
      </c>
    </row>
    <row r="3079" spans="1:11" ht="57.6" x14ac:dyDescent="0.3">
      <c r="A3079" s="1">
        <v>23951</v>
      </c>
      <c r="C3079" s="4" t="s">
        <v>15785</v>
      </c>
      <c r="D3079" s="4" t="s">
        <v>15786</v>
      </c>
      <c r="E3079" s="4" t="s">
        <v>15787</v>
      </c>
      <c r="F3079" s="4" t="s">
        <v>15788</v>
      </c>
    </row>
    <row r="3080" spans="1:11" ht="72" x14ac:dyDescent="0.3">
      <c r="A3080" s="1">
        <v>23956</v>
      </c>
      <c r="C3080" s="4" t="s">
        <v>15789</v>
      </c>
      <c r="D3080" s="4" t="s">
        <v>15790</v>
      </c>
      <c r="E3080" s="4" t="s">
        <v>15791</v>
      </c>
      <c r="F3080" s="4" t="s">
        <v>15792</v>
      </c>
      <c r="G3080" s="4" t="s">
        <v>15793</v>
      </c>
      <c r="H3080" s="4" t="s">
        <v>15794</v>
      </c>
      <c r="I3080" s="4" t="s">
        <v>15795</v>
      </c>
      <c r="K3080" s="4" t="s">
        <v>15796</v>
      </c>
    </row>
    <row r="3081" spans="1:11" ht="72" x14ac:dyDescent="0.3">
      <c r="A3081" s="1">
        <v>23961</v>
      </c>
      <c r="C3081" s="4" t="s">
        <v>15797</v>
      </c>
      <c r="D3081" s="4" t="s">
        <v>15798</v>
      </c>
      <c r="E3081" s="4" t="s">
        <v>15799</v>
      </c>
      <c r="G3081" s="4" t="s">
        <v>15800</v>
      </c>
      <c r="H3081" s="4" t="s">
        <v>15801</v>
      </c>
      <c r="I3081" s="4" t="s">
        <v>15802</v>
      </c>
      <c r="K3081" s="4" t="s">
        <v>15803</v>
      </c>
    </row>
    <row r="3082" spans="1:11" x14ac:dyDescent="0.3">
      <c r="A3082" s="1">
        <v>23966</v>
      </c>
    </row>
    <row r="3083" spans="1:11" ht="86.4" x14ac:dyDescent="0.3">
      <c r="A3083" s="1">
        <v>23971</v>
      </c>
      <c r="C3083" s="4" t="s">
        <v>15804</v>
      </c>
      <c r="D3083" s="4" t="s">
        <v>15805</v>
      </c>
      <c r="E3083" s="4" t="s">
        <v>15806</v>
      </c>
      <c r="H3083" s="4" t="s">
        <v>15807</v>
      </c>
    </row>
    <row r="3084" spans="1:11" ht="28.8" x14ac:dyDescent="0.3">
      <c r="A3084" s="1">
        <v>23976</v>
      </c>
      <c r="C3084" s="4" t="s">
        <v>15808</v>
      </c>
      <c r="D3084" s="4" t="s">
        <v>15809</v>
      </c>
      <c r="E3084" s="4" t="s">
        <v>15372</v>
      </c>
      <c r="F3084" s="4" t="s">
        <v>15810</v>
      </c>
      <c r="H3084" s="4" t="s">
        <v>15811</v>
      </c>
    </row>
    <row r="3085" spans="1:11" ht="28.8" x14ac:dyDescent="0.3">
      <c r="A3085" s="1">
        <v>23981</v>
      </c>
      <c r="C3085" s="4" t="s">
        <v>15812</v>
      </c>
      <c r="D3085" s="4" t="s">
        <v>15813</v>
      </c>
      <c r="E3085" s="4" t="s">
        <v>15814</v>
      </c>
      <c r="F3085" s="4" t="s">
        <v>15815</v>
      </c>
      <c r="G3085" s="4" t="s">
        <v>15816</v>
      </c>
      <c r="H3085" s="4" t="s">
        <v>15817</v>
      </c>
      <c r="I3085" s="4" t="s">
        <v>15818</v>
      </c>
      <c r="K3085" s="4" t="s">
        <v>15819</v>
      </c>
    </row>
    <row r="3086" spans="1:11" ht="57.6" x14ac:dyDescent="0.3">
      <c r="A3086" s="1">
        <v>23986</v>
      </c>
      <c r="C3086" s="4" t="s">
        <v>15820</v>
      </c>
      <c r="E3086" s="4" t="s">
        <v>15821</v>
      </c>
      <c r="H3086" s="4" t="s">
        <v>15822</v>
      </c>
      <c r="K3086" s="4" t="s">
        <v>15823</v>
      </c>
    </row>
    <row r="3087" spans="1:11" ht="72" x14ac:dyDescent="0.3">
      <c r="A3087" s="1">
        <v>23991</v>
      </c>
      <c r="C3087" s="4" t="s">
        <v>15824</v>
      </c>
      <c r="D3087" s="4" t="s">
        <v>15825</v>
      </c>
      <c r="E3087" s="4" t="s">
        <v>15826</v>
      </c>
      <c r="G3087" s="4" t="s">
        <v>15827</v>
      </c>
      <c r="H3087" s="4" t="s">
        <v>15828</v>
      </c>
      <c r="I3087" s="4" t="s">
        <v>15829</v>
      </c>
      <c r="K3087" s="4" t="s">
        <v>15830</v>
      </c>
    </row>
    <row r="3088" spans="1:11" x14ac:dyDescent="0.3">
      <c r="A3088" s="1">
        <v>23996</v>
      </c>
    </row>
    <row r="3089" spans="1:11" ht="43.2" x14ac:dyDescent="0.3">
      <c r="A3089" s="1">
        <v>24001</v>
      </c>
      <c r="C3089" s="4" t="s">
        <v>15831</v>
      </c>
      <c r="D3089" s="4" t="s">
        <v>15832</v>
      </c>
      <c r="E3089" s="4" t="s">
        <v>15833</v>
      </c>
      <c r="F3089" s="4" t="s">
        <v>15834</v>
      </c>
      <c r="G3089" s="4" t="s">
        <v>15835</v>
      </c>
      <c r="H3089" s="4" t="s">
        <v>15836</v>
      </c>
      <c r="K3089" s="4" t="s">
        <v>15837</v>
      </c>
    </row>
    <row r="3090" spans="1:11" ht="28.8" x14ac:dyDescent="0.3">
      <c r="A3090" s="1">
        <v>24011</v>
      </c>
      <c r="C3090" s="4" t="s">
        <v>15838</v>
      </c>
      <c r="D3090" s="4" t="s">
        <v>15839</v>
      </c>
      <c r="E3090" s="4" t="s">
        <v>15840</v>
      </c>
      <c r="F3090" s="4" t="s">
        <v>15841</v>
      </c>
    </row>
    <row r="3091" spans="1:11" ht="57.6" x14ac:dyDescent="0.3">
      <c r="A3091" s="1">
        <v>24021</v>
      </c>
      <c r="C3091" s="4" t="s">
        <v>15842</v>
      </c>
      <c r="G3091" s="4" t="s">
        <v>15843</v>
      </c>
      <c r="H3091" s="4" t="s">
        <v>15844</v>
      </c>
      <c r="J3091" s="4" t="s">
        <v>15845</v>
      </c>
      <c r="K3091" s="4" t="s">
        <v>15846</v>
      </c>
    </row>
    <row r="3092" spans="1:11" ht="57.6" x14ac:dyDescent="0.3">
      <c r="A3092" s="1">
        <v>24036</v>
      </c>
      <c r="C3092" s="4" t="s">
        <v>15847</v>
      </c>
      <c r="D3092" s="4" t="s">
        <v>15848</v>
      </c>
      <c r="E3092" s="4" t="s">
        <v>15849</v>
      </c>
      <c r="F3092" s="4" t="s">
        <v>15850</v>
      </c>
      <c r="G3092" s="4" t="s">
        <v>15851</v>
      </c>
      <c r="H3092" s="4" t="s">
        <v>15852</v>
      </c>
    </row>
    <row r="3093" spans="1:11" ht="86.4" x14ac:dyDescent="0.3">
      <c r="A3093" s="1">
        <v>24046</v>
      </c>
      <c r="D3093" s="4" t="s">
        <v>15853</v>
      </c>
      <c r="E3093" s="4" t="s">
        <v>15854</v>
      </c>
      <c r="F3093" s="4" t="s">
        <v>15855</v>
      </c>
      <c r="G3093" s="4" t="s">
        <v>15856</v>
      </c>
      <c r="H3093" s="4" t="s">
        <v>15857</v>
      </c>
      <c r="I3093" s="4" t="s">
        <v>6633</v>
      </c>
    </row>
    <row r="3094" spans="1:11" ht="86.4" x14ac:dyDescent="0.3">
      <c r="A3094" s="1">
        <v>24051</v>
      </c>
      <c r="C3094" s="4" t="s">
        <v>15858</v>
      </c>
      <c r="D3094" s="4" t="s">
        <v>15859</v>
      </c>
      <c r="E3094" s="4" t="s">
        <v>15860</v>
      </c>
      <c r="F3094" s="4" t="s">
        <v>15861</v>
      </c>
      <c r="G3094" s="4" t="s">
        <v>15862</v>
      </c>
      <c r="H3094" s="4" t="s">
        <v>15863</v>
      </c>
      <c r="I3094" s="4" t="s">
        <v>15864</v>
      </c>
      <c r="K3094" s="4" t="s">
        <v>15865</v>
      </c>
    </row>
    <row r="3095" spans="1:11" ht="86.4" x14ac:dyDescent="0.3">
      <c r="A3095" s="1">
        <v>24066</v>
      </c>
      <c r="C3095" s="4" t="s">
        <v>15866</v>
      </c>
      <c r="D3095" s="4" t="s">
        <v>15867</v>
      </c>
      <c r="E3095" s="4" t="s">
        <v>15868</v>
      </c>
      <c r="F3095" s="4" t="s">
        <v>15869</v>
      </c>
      <c r="G3095" s="4" t="s">
        <v>15870</v>
      </c>
      <c r="I3095" s="4" t="s">
        <v>15871</v>
      </c>
      <c r="K3095" s="4" t="s">
        <v>15872</v>
      </c>
    </row>
    <row r="3096" spans="1:11" ht="72" x14ac:dyDescent="0.3">
      <c r="A3096" s="1">
        <v>24076</v>
      </c>
      <c r="C3096" s="4" t="s">
        <v>15873</v>
      </c>
      <c r="D3096" s="4" t="s">
        <v>15874</v>
      </c>
      <c r="E3096" s="4" t="s">
        <v>15875</v>
      </c>
      <c r="F3096" s="4" t="s">
        <v>15876</v>
      </c>
      <c r="G3096" s="4" t="s">
        <v>15877</v>
      </c>
      <c r="H3096" s="4" t="s">
        <v>15878</v>
      </c>
      <c r="I3096" s="4" t="s">
        <v>15879</v>
      </c>
      <c r="K3096" s="4" t="s">
        <v>15880</v>
      </c>
    </row>
    <row r="3097" spans="1:11" ht="72" x14ac:dyDescent="0.3">
      <c r="A3097" s="1">
        <v>24086</v>
      </c>
      <c r="C3097" s="4" t="s">
        <v>15881</v>
      </c>
      <c r="D3097" s="4" t="s">
        <v>15882</v>
      </c>
      <c r="E3097" s="4" t="s">
        <v>15883</v>
      </c>
      <c r="F3097" s="4" t="s">
        <v>15884</v>
      </c>
      <c r="G3097" s="4" t="s">
        <v>15885</v>
      </c>
      <c r="H3097" s="4" t="s">
        <v>15886</v>
      </c>
      <c r="I3097" s="4" t="s">
        <v>15887</v>
      </c>
      <c r="K3097" s="4" t="s">
        <v>15888</v>
      </c>
    </row>
    <row r="3098" spans="1:11" ht="86.4" x14ac:dyDescent="0.3">
      <c r="A3098" s="1">
        <v>24091</v>
      </c>
      <c r="C3098" s="4" t="s">
        <v>15889</v>
      </c>
      <c r="E3098" s="4" t="s">
        <v>23185</v>
      </c>
      <c r="F3098" s="4" t="s">
        <v>15890</v>
      </c>
      <c r="G3098" s="4" t="s">
        <v>15891</v>
      </c>
      <c r="H3098" s="4" t="s">
        <v>15892</v>
      </c>
      <c r="I3098" s="4" t="s">
        <v>15893</v>
      </c>
      <c r="K3098" s="4" t="s">
        <v>15894</v>
      </c>
    </row>
    <row r="3099" spans="1:11" ht="72" x14ac:dyDescent="0.3">
      <c r="A3099" s="1">
        <v>24101</v>
      </c>
      <c r="C3099" s="4" t="s">
        <v>15895</v>
      </c>
      <c r="D3099" s="4" t="s">
        <v>15896</v>
      </c>
      <c r="G3099" s="4" t="s">
        <v>15897</v>
      </c>
      <c r="H3099" s="4" t="s">
        <v>15898</v>
      </c>
      <c r="K3099" s="4" t="s">
        <v>15899</v>
      </c>
    </row>
    <row r="3100" spans="1:11" ht="43.2" x14ac:dyDescent="0.3">
      <c r="A3100" s="1">
        <v>24106</v>
      </c>
      <c r="D3100" s="4" t="s">
        <v>15900</v>
      </c>
      <c r="E3100" s="4" t="s">
        <v>15901</v>
      </c>
      <c r="F3100" s="4" t="s">
        <v>15902</v>
      </c>
      <c r="G3100" s="4" t="s">
        <v>15903</v>
      </c>
      <c r="H3100" s="4" t="s">
        <v>15904</v>
      </c>
      <c r="I3100" s="4" t="s">
        <v>15905</v>
      </c>
    </row>
    <row r="3101" spans="1:11" x14ac:dyDescent="0.3">
      <c r="A3101" s="1">
        <v>24111</v>
      </c>
    </row>
    <row r="3102" spans="1:11" ht="57.6" x14ac:dyDescent="0.3">
      <c r="A3102" s="1">
        <v>24121</v>
      </c>
      <c r="C3102" s="4" t="s">
        <v>15906</v>
      </c>
      <c r="D3102" s="4" t="s">
        <v>15907</v>
      </c>
      <c r="E3102" s="4" t="s">
        <v>15908</v>
      </c>
      <c r="G3102" s="4" t="s">
        <v>15909</v>
      </c>
      <c r="H3102" s="4" t="s">
        <v>15910</v>
      </c>
      <c r="I3102" s="4" t="s">
        <v>15911</v>
      </c>
      <c r="J3102" s="4" t="s">
        <v>15912</v>
      </c>
    </row>
    <row r="3103" spans="1:11" ht="86.4" x14ac:dyDescent="0.3">
      <c r="A3103" s="1">
        <v>24131</v>
      </c>
      <c r="C3103" s="4" t="s">
        <v>15913</v>
      </c>
      <c r="D3103" s="4" t="s">
        <v>15914</v>
      </c>
      <c r="E3103" s="4" t="s">
        <v>15915</v>
      </c>
      <c r="F3103" s="4" t="s">
        <v>15916</v>
      </c>
      <c r="G3103" s="4" t="s">
        <v>15917</v>
      </c>
      <c r="H3103" s="4" t="s">
        <v>15918</v>
      </c>
      <c r="I3103" s="4" t="s">
        <v>15919</v>
      </c>
      <c r="J3103" s="4" t="s">
        <v>15920</v>
      </c>
      <c r="K3103" s="4" t="s">
        <v>15921</v>
      </c>
    </row>
    <row r="3104" spans="1:11" ht="57.6" x14ac:dyDescent="0.3">
      <c r="A3104" s="1">
        <v>24146</v>
      </c>
      <c r="F3104" s="4" t="s">
        <v>15922</v>
      </c>
      <c r="K3104" s="4" t="s">
        <v>15923</v>
      </c>
    </row>
    <row r="3105" spans="1:11" ht="28.8" x14ac:dyDescent="0.3">
      <c r="A3105" s="1">
        <v>24151</v>
      </c>
      <c r="D3105" s="4" t="s">
        <v>15924</v>
      </c>
      <c r="G3105" s="4" t="s">
        <v>15925</v>
      </c>
      <c r="H3105" s="4" t="s">
        <v>15926</v>
      </c>
      <c r="I3105" s="4" t="s">
        <v>15927</v>
      </c>
    </row>
    <row r="3106" spans="1:11" x14ac:dyDescent="0.3">
      <c r="A3106" s="1">
        <v>24161</v>
      </c>
    </row>
    <row r="3107" spans="1:11" ht="100.8" x14ac:dyDescent="0.3">
      <c r="A3107" s="1">
        <v>24171</v>
      </c>
      <c r="C3107" s="4" t="s">
        <v>15928</v>
      </c>
      <c r="D3107" s="4" t="s">
        <v>15929</v>
      </c>
      <c r="E3107" s="4" t="s">
        <v>15930</v>
      </c>
      <c r="F3107" s="4" t="s">
        <v>15931</v>
      </c>
      <c r="G3107" s="4" t="s">
        <v>15932</v>
      </c>
      <c r="H3107" s="4" t="s">
        <v>15933</v>
      </c>
      <c r="I3107" s="4" t="s">
        <v>15934</v>
      </c>
      <c r="K3107" s="4" t="s">
        <v>15935</v>
      </c>
    </row>
    <row r="3108" spans="1:11" ht="57.6" x14ac:dyDescent="0.3">
      <c r="A3108" s="1">
        <v>24186</v>
      </c>
      <c r="D3108" s="4" t="s">
        <v>15936</v>
      </c>
      <c r="F3108" s="4" t="s">
        <v>15937</v>
      </c>
      <c r="G3108" s="4" t="s">
        <v>15938</v>
      </c>
      <c r="H3108" s="4" t="s">
        <v>15939</v>
      </c>
      <c r="K3108" s="4" t="s">
        <v>15940</v>
      </c>
    </row>
    <row r="3109" spans="1:11" ht="72" x14ac:dyDescent="0.3">
      <c r="A3109" s="1">
        <v>24201</v>
      </c>
      <c r="C3109" s="4" t="s">
        <v>15941</v>
      </c>
      <c r="D3109" s="4" t="s">
        <v>15942</v>
      </c>
      <c r="E3109" s="4" t="s">
        <v>15943</v>
      </c>
      <c r="F3109" s="4" t="s">
        <v>15944</v>
      </c>
      <c r="G3109" s="4" t="s">
        <v>15945</v>
      </c>
      <c r="H3109" s="4" t="s">
        <v>15946</v>
      </c>
      <c r="I3109" s="4" t="s">
        <v>15947</v>
      </c>
      <c r="K3109" s="4" t="s">
        <v>15948</v>
      </c>
    </row>
    <row r="3110" spans="1:11" x14ac:dyDescent="0.3">
      <c r="A3110" s="1">
        <v>24211</v>
      </c>
    </row>
    <row r="3111" spans="1:11" ht="86.4" x14ac:dyDescent="0.3">
      <c r="A3111" s="1">
        <v>24221</v>
      </c>
      <c r="C3111" s="4" t="s">
        <v>15949</v>
      </c>
      <c r="D3111" s="4" t="s">
        <v>15950</v>
      </c>
      <c r="G3111" s="4" t="s">
        <v>15951</v>
      </c>
      <c r="H3111" s="4" t="s">
        <v>15952</v>
      </c>
      <c r="I3111" s="4" t="s">
        <v>15953</v>
      </c>
    </row>
    <row r="3112" spans="1:11" x14ac:dyDescent="0.3">
      <c r="A3112" s="1">
        <v>24226</v>
      </c>
      <c r="C3112" s="4" t="s">
        <v>15954</v>
      </c>
      <c r="D3112" s="4" t="s">
        <v>15955</v>
      </c>
      <c r="E3112" s="4" t="s">
        <v>15956</v>
      </c>
      <c r="K3112" s="4" t="s">
        <v>15957</v>
      </c>
    </row>
    <row r="3113" spans="1:11" ht="86.4" x14ac:dyDescent="0.3">
      <c r="A3113" s="1">
        <v>24231</v>
      </c>
      <c r="C3113" s="4" t="s">
        <v>15958</v>
      </c>
      <c r="D3113" s="4" t="s">
        <v>15959</v>
      </c>
      <c r="E3113" s="4" t="s">
        <v>15960</v>
      </c>
      <c r="F3113" s="4" t="s">
        <v>15961</v>
      </c>
      <c r="G3113" s="4" t="s">
        <v>15962</v>
      </c>
      <c r="H3113" s="4" t="s">
        <v>15963</v>
      </c>
      <c r="I3113" s="4" t="s">
        <v>15964</v>
      </c>
      <c r="K3113" s="4" t="s">
        <v>15965</v>
      </c>
    </row>
    <row r="3114" spans="1:11" ht="86.4" x14ac:dyDescent="0.3">
      <c r="A3114" s="1">
        <v>24236</v>
      </c>
      <c r="C3114" s="4" t="s">
        <v>15966</v>
      </c>
      <c r="D3114" s="4" t="s">
        <v>15967</v>
      </c>
      <c r="E3114" s="4" t="s">
        <v>15968</v>
      </c>
      <c r="F3114" s="4" t="s">
        <v>15969</v>
      </c>
      <c r="G3114" s="4" t="s">
        <v>15970</v>
      </c>
      <c r="H3114" s="4" t="s">
        <v>15971</v>
      </c>
      <c r="I3114" s="4" t="s">
        <v>15972</v>
      </c>
      <c r="K3114" s="4" t="s">
        <v>15973</v>
      </c>
    </row>
    <row r="3115" spans="1:11" ht="86.4" x14ac:dyDescent="0.3">
      <c r="A3115" s="1">
        <v>24246</v>
      </c>
      <c r="C3115" s="4" t="s">
        <v>15974</v>
      </c>
      <c r="D3115" s="4" t="s">
        <v>15975</v>
      </c>
      <c r="E3115" s="4" t="s">
        <v>15976</v>
      </c>
      <c r="F3115" s="4" t="s">
        <v>15977</v>
      </c>
      <c r="G3115" s="4" t="s">
        <v>15978</v>
      </c>
      <c r="H3115" s="4" t="s">
        <v>15979</v>
      </c>
      <c r="I3115" s="4" t="s">
        <v>15980</v>
      </c>
      <c r="J3115" s="4" t="s">
        <v>15981</v>
      </c>
      <c r="K3115" s="4" t="s">
        <v>15982</v>
      </c>
    </row>
    <row r="3116" spans="1:11" ht="86.4" x14ac:dyDescent="0.3">
      <c r="A3116" s="1">
        <v>24251</v>
      </c>
      <c r="C3116" s="4" t="s">
        <v>15983</v>
      </c>
      <c r="D3116" s="4" t="s">
        <v>15984</v>
      </c>
      <c r="E3116" s="4" t="s">
        <v>15985</v>
      </c>
      <c r="F3116" s="4" t="s">
        <v>15986</v>
      </c>
      <c r="G3116" s="4" t="s">
        <v>15987</v>
      </c>
      <c r="H3116" s="4" t="s">
        <v>15988</v>
      </c>
      <c r="I3116" s="4" t="s">
        <v>15989</v>
      </c>
      <c r="K3116" s="4" t="s">
        <v>15990</v>
      </c>
    </row>
    <row r="3117" spans="1:11" ht="86.4" x14ac:dyDescent="0.3">
      <c r="A3117" s="1">
        <v>24256</v>
      </c>
      <c r="D3117" s="4" t="s">
        <v>15991</v>
      </c>
      <c r="E3117" s="4" t="s">
        <v>15992</v>
      </c>
      <c r="F3117" s="4" t="s">
        <v>15993</v>
      </c>
      <c r="G3117" s="4" t="s">
        <v>15994</v>
      </c>
      <c r="H3117" s="4" t="s">
        <v>15995</v>
      </c>
      <c r="I3117" s="4" t="s">
        <v>15996</v>
      </c>
      <c r="K3117" s="4" t="s">
        <v>15997</v>
      </c>
    </row>
    <row r="3118" spans="1:11" ht="43.2" x14ac:dyDescent="0.3">
      <c r="A3118" s="1">
        <v>24261</v>
      </c>
      <c r="D3118" s="4" t="s">
        <v>15998</v>
      </c>
      <c r="E3118" s="4" t="s">
        <v>15999</v>
      </c>
      <c r="F3118" s="4" t="s">
        <v>16000</v>
      </c>
      <c r="G3118" s="4" t="s">
        <v>16001</v>
      </c>
      <c r="K3118" s="4" t="s">
        <v>16002</v>
      </c>
    </row>
    <row r="3119" spans="1:11" ht="86.4" x14ac:dyDescent="0.3">
      <c r="A3119" s="1">
        <v>24276</v>
      </c>
      <c r="C3119" s="4" t="s">
        <v>16003</v>
      </c>
      <c r="D3119" s="4" t="s">
        <v>16004</v>
      </c>
      <c r="E3119" s="4" t="s">
        <v>16005</v>
      </c>
      <c r="G3119" s="4" t="s">
        <v>16006</v>
      </c>
      <c r="H3119" s="4" t="s">
        <v>16007</v>
      </c>
      <c r="K3119" s="4" t="s">
        <v>16008</v>
      </c>
    </row>
    <row r="3120" spans="1:11" ht="86.4" x14ac:dyDescent="0.3">
      <c r="A3120" s="1">
        <v>24281</v>
      </c>
      <c r="C3120" s="4" t="s">
        <v>16009</v>
      </c>
      <c r="D3120" s="4" t="s">
        <v>16010</v>
      </c>
      <c r="E3120" s="4" t="s">
        <v>16011</v>
      </c>
      <c r="F3120" s="4" t="s">
        <v>16012</v>
      </c>
      <c r="G3120" s="4" t="s">
        <v>16013</v>
      </c>
      <c r="H3120" s="4" t="s">
        <v>16014</v>
      </c>
      <c r="I3120" s="4" t="s">
        <v>16015</v>
      </c>
      <c r="J3120" s="4" t="s">
        <v>16016</v>
      </c>
      <c r="K3120" s="4" t="s">
        <v>16017</v>
      </c>
    </row>
    <row r="3121" spans="1:11" x14ac:dyDescent="0.3">
      <c r="A3121" s="1">
        <v>24291</v>
      </c>
    </row>
    <row r="3122" spans="1:11" ht="86.4" x14ac:dyDescent="0.3">
      <c r="A3122" s="1">
        <v>24311</v>
      </c>
      <c r="C3122" s="4" t="s">
        <v>16018</v>
      </c>
      <c r="D3122" s="4" t="s">
        <v>16019</v>
      </c>
      <c r="E3122" s="4" t="s">
        <v>16020</v>
      </c>
      <c r="F3122" s="4" t="s">
        <v>16021</v>
      </c>
      <c r="G3122" s="4" t="s">
        <v>16022</v>
      </c>
      <c r="H3122" s="4" t="s">
        <v>16023</v>
      </c>
      <c r="I3122" s="4" t="s">
        <v>16024</v>
      </c>
      <c r="J3122" s="4" t="s">
        <v>16025</v>
      </c>
      <c r="K3122" s="4" t="s">
        <v>16026</v>
      </c>
    </row>
    <row r="3123" spans="1:11" ht="86.4" x14ac:dyDescent="0.3">
      <c r="A3123" s="1">
        <v>24326</v>
      </c>
      <c r="C3123" s="4" t="s">
        <v>16027</v>
      </c>
      <c r="D3123" s="4" t="s">
        <v>16028</v>
      </c>
      <c r="E3123" s="4" t="s">
        <v>16029</v>
      </c>
      <c r="F3123" s="4" t="s">
        <v>16030</v>
      </c>
      <c r="G3123" s="4" t="s">
        <v>16031</v>
      </c>
      <c r="H3123" s="4" t="s">
        <v>16032</v>
      </c>
      <c r="I3123" s="4" t="s">
        <v>16033</v>
      </c>
      <c r="K3123" s="4" t="s">
        <v>16034</v>
      </c>
    </row>
    <row r="3124" spans="1:11" x14ac:dyDescent="0.3">
      <c r="A3124" s="1">
        <v>24331</v>
      </c>
    </row>
    <row r="3125" spans="1:11" ht="72" x14ac:dyDescent="0.3">
      <c r="A3125" s="1">
        <v>24341</v>
      </c>
      <c r="C3125" s="4" t="s">
        <v>16035</v>
      </c>
      <c r="D3125" s="4" t="s">
        <v>16036</v>
      </c>
      <c r="G3125" s="4" t="s">
        <v>16037</v>
      </c>
      <c r="I3125" s="4" t="s">
        <v>16038</v>
      </c>
      <c r="K3125" s="4" t="s">
        <v>16039</v>
      </c>
    </row>
    <row r="3126" spans="1:11" ht="43.2" x14ac:dyDescent="0.3">
      <c r="A3126" s="1">
        <v>24346</v>
      </c>
      <c r="C3126" s="4" t="s">
        <v>16040</v>
      </c>
      <c r="D3126" s="4" t="s">
        <v>16041</v>
      </c>
      <c r="E3126" s="4" t="s">
        <v>16042</v>
      </c>
      <c r="F3126" s="4" t="s">
        <v>16043</v>
      </c>
      <c r="K3126" s="4" t="s">
        <v>16044</v>
      </c>
    </row>
    <row r="3127" spans="1:11" ht="72" x14ac:dyDescent="0.3">
      <c r="A3127" s="1">
        <v>24351</v>
      </c>
      <c r="C3127" s="4" t="s">
        <v>16045</v>
      </c>
      <c r="D3127" s="4" t="s">
        <v>16046</v>
      </c>
      <c r="F3127" s="4" t="s">
        <v>16047</v>
      </c>
      <c r="K3127" s="4" t="s">
        <v>16048</v>
      </c>
    </row>
    <row r="3128" spans="1:11" ht="86.4" x14ac:dyDescent="0.3">
      <c r="A3128" s="1">
        <v>24356</v>
      </c>
      <c r="C3128" s="4" t="s">
        <v>16049</v>
      </c>
      <c r="D3128" s="4" t="s">
        <v>16050</v>
      </c>
      <c r="E3128" s="4" t="s">
        <v>16051</v>
      </c>
      <c r="F3128" s="4" t="s">
        <v>16052</v>
      </c>
      <c r="G3128" s="4" t="s">
        <v>16053</v>
      </c>
      <c r="H3128" s="4" t="s">
        <v>16054</v>
      </c>
      <c r="I3128" s="4" t="s">
        <v>16055</v>
      </c>
      <c r="J3128" s="4" t="s">
        <v>16056</v>
      </c>
      <c r="K3128" s="4" t="s">
        <v>16057</v>
      </c>
    </row>
    <row r="3129" spans="1:11" ht="86.4" x14ac:dyDescent="0.3">
      <c r="A3129" s="1">
        <v>24366</v>
      </c>
      <c r="C3129" s="4" t="s">
        <v>16058</v>
      </c>
      <c r="D3129" s="4" t="s">
        <v>16059</v>
      </c>
      <c r="E3129" s="4" t="s">
        <v>16060</v>
      </c>
      <c r="F3129" s="4" t="s">
        <v>16060</v>
      </c>
      <c r="G3129" s="4" t="s">
        <v>16061</v>
      </c>
      <c r="H3129" s="4" t="s">
        <v>16062</v>
      </c>
      <c r="I3129" s="4" t="s">
        <v>16063</v>
      </c>
      <c r="K3129" s="4" t="s">
        <v>16064</v>
      </c>
    </row>
    <row r="3130" spans="1:11" ht="72" x14ac:dyDescent="0.3">
      <c r="A3130" s="1">
        <v>24371</v>
      </c>
      <c r="C3130" s="4" t="s">
        <v>16065</v>
      </c>
      <c r="G3130" s="4" t="s">
        <v>16066</v>
      </c>
      <c r="H3130" s="4" t="s">
        <v>16067</v>
      </c>
      <c r="I3130" s="4" t="s">
        <v>16068</v>
      </c>
      <c r="K3130" s="4" t="s">
        <v>16069</v>
      </c>
    </row>
    <row r="3131" spans="1:11" ht="72" x14ac:dyDescent="0.3">
      <c r="A3131" s="1">
        <v>24386</v>
      </c>
      <c r="C3131" s="4" t="s">
        <v>16070</v>
      </c>
      <c r="D3131" s="4" t="s">
        <v>16071</v>
      </c>
      <c r="E3131" s="4" t="s">
        <v>16072</v>
      </c>
      <c r="F3131" s="4" t="s">
        <v>16073</v>
      </c>
      <c r="G3131" s="4" t="s">
        <v>16074</v>
      </c>
      <c r="H3131" s="4" t="s">
        <v>16075</v>
      </c>
      <c r="I3131" s="4" t="s">
        <v>16076</v>
      </c>
      <c r="K3131" s="4" t="s">
        <v>16077</v>
      </c>
    </row>
    <row r="3132" spans="1:11" ht="72" x14ac:dyDescent="0.3">
      <c r="A3132" s="1">
        <v>24391</v>
      </c>
      <c r="C3132" s="4" t="s">
        <v>16078</v>
      </c>
      <c r="E3132" s="4" t="s">
        <v>16079</v>
      </c>
      <c r="F3132" s="4" t="s">
        <v>16080</v>
      </c>
      <c r="G3132" s="4" t="s">
        <v>16081</v>
      </c>
      <c r="H3132" s="4" t="s">
        <v>1650</v>
      </c>
      <c r="K3132" s="4" t="s">
        <v>16082</v>
      </c>
    </row>
    <row r="3133" spans="1:11" x14ac:dyDescent="0.3">
      <c r="A3133" s="1">
        <v>24396</v>
      </c>
    </row>
    <row r="3134" spans="1:11" ht="43.2" x14ac:dyDescent="0.3">
      <c r="A3134" s="1">
        <v>24401</v>
      </c>
      <c r="C3134" s="4" t="s">
        <v>16083</v>
      </c>
      <c r="D3134" s="4" t="s">
        <v>16084</v>
      </c>
      <c r="E3134" s="4" t="s">
        <v>16085</v>
      </c>
      <c r="F3134" s="4" t="s">
        <v>16086</v>
      </c>
      <c r="G3134" s="4" t="s">
        <v>16087</v>
      </c>
      <c r="H3134" s="4" t="s">
        <v>16088</v>
      </c>
      <c r="I3134" s="4" t="s">
        <v>16089</v>
      </c>
    </row>
    <row r="3135" spans="1:11" ht="57.6" x14ac:dyDescent="0.3">
      <c r="A3135" s="1">
        <v>24436</v>
      </c>
      <c r="C3135" s="4" t="s">
        <v>16090</v>
      </c>
      <c r="D3135" s="4" t="s">
        <v>16091</v>
      </c>
      <c r="E3135" s="4" t="s">
        <v>16092</v>
      </c>
      <c r="K3135" s="4" t="s">
        <v>16093</v>
      </c>
    </row>
    <row r="3136" spans="1:11" ht="57.6" x14ac:dyDescent="0.3">
      <c r="A3136" s="1">
        <v>24441</v>
      </c>
      <c r="C3136" s="4" t="s">
        <v>16094</v>
      </c>
      <c r="D3136" s="4" t="s">
        <v>16095</v>
      </c>
      <c r="E3136" s="4" t="s">
        <v>16096</v>
      </c>
      <c r="F3136" s="4" t="s">
        <v>16097</v>
      </c>
      <c r="G3136" s="4" t="s">
        <v>16098</v>
      </c>
      <c r="H3136" s="4" t="s">
        <v>16099</v>
      </c>
      <c r="I3136" s="4" t="s">
        <v>16100</v>
      </c>
      <c r="K3136" s="4" t="s">
        <v>16101</v>
      </c>
    </row>
    <row r="3137" spans="1:11" ht="100.8" x14ac:dyDescent="0.3">
      <c r="A3137" s="1">
        <v>24446</v>
      </c>
      <c r="C3137" s="4" t="s">
        <v>16102</v>
      </c>
      <c r="D3137" s="4" t="s">
        <v>16103</v>
      </c>
      <c r="F3137" s="4" t="s">
        <v>16104</v>
      </c>
      <c r="I3137" s="4" t="s">
        <v>16105</v>
      </c>
      <c r="J3137" s="4" t="s">
        <v>16106</v>
      </c>
      <c r="K3137" s="4" t="s">
        <v>16107</v>
      </c>
    </row>
    <row r="3138" spans="1:11" ht="28.8" x14ac:dyDescent="0.3">
      <c r="A3138" s="1">
        <v>24451</v>
      </c>
      <c r="C3138" s="4" t="s">
        <v>16108</v>
      </c>
      <c r="E3138" s="4" t="s">
        <v>16109</v>
      </c>
      <c r="G3138" s="4" t="s">
        <v>16110</v>
      </c>
    </row>
    <row r="3139" spans="1:11" x14ac:dyDescent="0.3">
      <c r="A3139" s="1">
        <v>24461</v>
      </c>
      <c r="C3139" s="4" t="s">
        <v>16111</v>
      </c>
      <c r="G3139" s="4" t="s">
        <v>16112</v>
      </c>
      <c r="H3139" s="4" t="s">
        <v>16113</v>
      </c>
      <c r="I3139" s="4" t="s">
        <v>16114</v>
      </c>
      <c r="K3139" s="4" t="s">
        <v>16115</v>
      </c>
    </row>
    <row r="3140" spans="1:11" ht="86.4" x14ac:dyDescent="0.3">
      <c r="A3140" s="1">
        <v>24466</v>
      </c>
      <c r="C3140" s="4" t="s">
        <v>16116</v>
      </c>
      <c r="D3140" s="4" t="s">
        <v>16117</v>
      </c>
      <c r="E3140" s="4" t="s">
        <v>16118</v>
      </c>
      <c r="F3140" s="4" t="s">
        <v>16119</v>
      </c>
      <c r="G3140" s="4" t="s">
        <v>16120</v>
      </c>
      <c r="K3140" s="4" t="s">
        <v>16121</v>
      </c>
    </row>
    <row r="3141" spans="1:11" ht="86.4" x14ac:dyDescent="0.3">
      <c r="A3141" s="1">
        <v>24471</v>
      </c>
      <c r="C3141" s="4" t="s">
        <v>16122</v>
      </c>
      <c r="D3141" s="4" t="s">
        <v>16123</v>
      </c>
      <c r="E3141" s="4" t="s">
        <v>16124</v>
      </c>
      <c r="G3141" s="4" t="s">
        <v>16125</v>
      </c>
      <c r="H3141" s="4" t="s">
        <v>16126</v>
      </c>
      <c r="I3141" s="4" t="s">
        <v>16127</v>
      </c>
      <c r="J3141" s="4" t="s">
        <v>16128</v>
      </c>
      <c r="K3141" s="4" t="s">
        <v>16129</v>
      </c>
    </row>
    <row r="3142" spans="1:11" ht="86.4" x14ac:dyDescent="0.3">
      <c r="A3142" s="1">
        <v>24481</v>
      </c>
      <c r="C3142" s="4" t="s">
        <v>16130</v>
      </c>
      <c r="D3142" s="4" t="s">
        <v>16131</v>
      </c>
      <c r="F3142" s="4" t="s">
        <v>16132</v>
      </c>
      <c r="K3142" s="4" t="s">
        <v>16133</v>
      </c>
    </row>
    <row r="3143" spans="1:11" ht="28.8" x14ac:dyDescent="0.3">
      <c r="A3143" s="1">
        <v>24491</v>
      </c>
      <c r="D3143" s="4" t="s">
        <v>16134</v>
      </c>
      <c r="E3143" s="4" t="s">
        <v>16135</v>
      </c>
      <c r="F3143" s="4" t="s">
        <v>16136</v>
      </c>
      <c r="G3143" s="4" t="s">
        <v>16137</v>
      </c>
      <c r="H3143" s="4" t="s">
        <v>16138</v>
      </c>
    </row>
    <row r="3144" spans="1:11" ht="86.4" x14ac:dyDescent="0.3">
      <c r="A3144" s="1">
        <v>24496</v>
      </c>
      <c r="C3144" s="4" t="s">
        <v>16139</v>
      </c>
      <c r="G3144" s="4" t="s">
        <v>16140</v>
      </c>
    </row>
    <row r="3145" spans="1:11" ht="57.6" x14ac:dyDescent="0.3">
      <c r="A3145" s="1">
        <v>24501</v>
      </c>
      <c r="C3145" s="4" t="s">
        <v>16141</v>
      </c>
      <c r="D3145" s="4" t="s">
        <v>16142</v>
      </c>
      <c r="E3145" s="4" t="s">
        <v>16143</v>
      </c>
      <c r="F3145" s="4" t="s">
        <v>16144</v>
      </c>
      <c r="G3145" s="4" t="s">
        <v>16145</v>
      </c>
      <c r="H3145" s="4" t="s">
        <v>16146</v>
      </c>
      <c r="I3145" s="4" t="s">
        <v>16147</v>
      </c>
      <c r="K3145" s="4" t="s">
        <v>16148</v>
      </c>
    </row>
    <row r="3146" spans="1:11" ht="28.8" x14ac:dyDescent="0.3">
      <c r="A3146" s="1">
        <v>24506</v>
      </c>
      <c r="C3146" s="4" t="s">
        <v>16149</v>
      </c>
      <c r="D3146" s="4" t="s">
        <v>16150</v>
      </c>
      <c r="F3146" s="4" t="s">
        <v>16151</v>
      </c>
      <c r="G3146" s="4" t="s">
        <v>16152</v>
      </c>
      <c r="H3146" s="4" t="s">
        <v>16153</v>
      </c>
    </row>
    <row r="3147" spans="1:11" ht="86.4" x14ac:dyDescent="0.3">
      <c r="A3147" s="1">
        <v>24511</v>
      </c>
      <c r="C3147" s="4" t="s">
        <v>16154</v>
      </c>
      <c r="D3147" s="4" t="s">
        <v>16155</v>
      </c>
      <c r="F3147" s="4" t="s">
        <v>16156</v>
      </c>
      <c r="K3147" s="4" t="s">
        <v>16157</v>
      </c>
    </row>
    <row r="3148" spans="1:11" ht="57.6" x14ac:dyDescent="0.3">
      <c r="A3148" s="1">
        <v>24516</v>
      </c>
      <c r="E3148" s="4" t="s">
        <v>16158</v>
      </c>
      <c r="F3148" s="4" t="s">
        <v>16159</v>
      </c>
      <c r="G3148" s="4" t="s">
        <v>16160</v>
      </c>
      <c r="H3148" s="4" t="s">
        <v>16161</v>
      </c>
      <c r="K3148" s="4" t="s">
        <v>16162</v>
      </c>
    </row>
    <row r="3149" spans="1:11" ht="43.2" x14ac:dyDescent="0.3">
      <c r="A3149" s="1">
        <v>24521</v>
      </c>
      <c r="C3149" s="4" t="s">
        <v>16163</v>
      </c>
      <c r="D3149" s="4" t="s">
        <v>16164</v>
      </c>
      <c r="F3149" s="4" t="s">
        <v>16165</v>
      </c>
      <c r="H3149" s="4" t="s">
        <v>16166</v>
      </c>
    </row>
    <row r="3150" spans="1:11" ht="57.6" x14ac:dyDescent="0.3">
      <c r="A3150" s="1">
        <v>24526</v>
      </c>
      <c r="C3150" s="4" t="s">
        <v>16167</v>
      </c>
      <c r="D3150" s="4" t="s">
        <v>16168</v>
      </c>
      <c r="G3150" s="4" t="s">
        <v>16169</v>
      </c>
      <c r="H3150" s="4" t="s">
        <v>16170</v>
      </c>
      <c r="K3150" s="4" t="s">
        <v>16171</v>
      </c>
    </row>
    <row r="3151" spans="1:11" ht="86.4" x14ac:dyDescent="0.3">
      <c r="A3151" s="1">
        <v>24531</v>
      </c>
      <c r="C3151" s="4" t="s">
        <v>16172</v>
      </c>
      <c r="D3151" s="4" t="s">
        <v>16173</v>
      </c>
      <c r="E3151" s="4" t="s">
        <v>16174</v>
      </c>
      <c r="F3151" s="4" t="s">
        <v>16175</v>
      </c>
      <c r="G3151" s="4" t="s">
        <v>16176</v>
      </c>
      <c r="H3151" s="4" t="s">
        <v>16177</v>
      </c>
      <c r="I3151" s="4" t="s">
        <v>16178</v>
      </c>
      <c r="K3151" s="4" t="s">
        <v>16179</v>
      </c>
    </row>
    <row r="3152" spans="1:11" ht="72" x14ac:dyDescent="0.3">
      <c r="A3152" s="1">
        <v>24536</v>
      </c>
      <c r="C3152" s="4" t="s">
        <v>16180</v>
      </c>
      <c r="D3152" s="4" t="s">
        <v>16181</v>
      </c>
      <c r="E3152" s="4" t="s">
        <v>16182</v>
      </c>
      <c r="F3152" s="4" t="s">
        <v>16183</v>
      </c>
      <c r="G3152" s="4" t="s">
        <v>16184</v>
      </c>
      <c r="H3152" s="4" t="s">
        <v>16185</v>
      </c>
      <c r="K3152" s="4" t="s">
        <v>16186</v>
      </c>
    </row>
    <row r="3153" spans="1:11" ht="72" x14ac:dyDescent="0.3">
      <c r="A3153" s="1">
        <v>24551</v>
      </c>
      <c r="C3153" s="4" t="s">
        <v>16187</v>
      </c>
      <c r="D3153" s="4" t="s">
        <v>16188</v>
      </c>
      <c r="E3153" s="4" t="s">
        <v>16189</v>
      </c>
      <c r="F3153" s="4" t="s">
        <v>16190</v>
      </c>
      <c r="K3153" s="4" t="s">
        <v>16191</v>
      </c>
    </row>
    <row r="3154" spans="1:11" ht="72" x14ac:dyDescent="0.3">
      <c r="A3154" s="1">
        <v>24556</v>
      </c>
      <c r="C3154" s="4" t="s">
        <v>16192</v>
      </c>
      <c r="D3154" s="4" t="s">
        <v>16193</v>
      </c>
      <c r="E3154" s="4" t="s">
        <v>16194</v>
      </c>
      <c r="F3154" s="4" t="s">
        <v>16195</v>
      </c>
      <c r="G3154" s="4" t="s">
        <v>16196</v>
      </c>
      <c r="H3154" s="4" t="s">
        <v>16197</v>
      </c>
      <c r="I3154" s="4" t="s">
        <v>16198</v>
      </c>
      <c r="J3154" s="4" t="s">
        <v>16199</v>
      </c>
      <c r="K3154" s="4" t="s">
        <v>16200</v>
      </c>
    </row>
    <row r="3155" spans="1:11" ht="72" x14ac:dyDescent="0.3">
      <c r="A3155" s="1">
        <v>24561</v>
      </c>
      <c r="C3155" s="4" t="s">
        <v>16201</v>
      </c>
      <c r="D3155" s="4" t="s">
        <v>16202</v>
      </c>
      <c r="F3155" s="4" t="s">
        <v>16203</v>
      </c>
      <c r="H3155" s="4" t="s">
        <v>16204</v>
      </c>
      <c r="I3155" s="4" t="s">
        <v>16205</v>
      </c>
    </row>
    <row r="3156" spans="1:11" ht="100.8" x14ac:dyDescent="0.3">
      <c r="A3156" s="1">
        <v>24566</v>
      </c>
      <c r="D3156" s="4" t="s">
        <v>16206</v>
      </c>
      <c r="F3156" s="4" t="s">
        <v>16207</v>
      </c>
      <c r="G3156" s="4" t="s">
        <v>16208</v>
      </c>
      <c r="H3156" s="4" t="s">
        <v>16209</v>
      </c>
      <c r="I3156" s="4" t="s">
        <v>16210</v>
      </c>
      <c r="K3156" s="4" t="s">
        <v>16211</v>
      </c>
    </row>
    <row r="3157" spans="1:11" ht="86.4" x14ac:dyDescent="0.3">
      <c r="A3157" s="1">
        <v>24571</v>
      </c>
      <c r="C3157" s="4" t="s">
        <v>16212</v>
      </c>
      <c r="D3157" s="4" t="s">
        <v>16213</v>
      </c>
      <c r="E3157" s="4" t="s">
        <v>16214</v>
      </c>
      <c r="F3157" s="4" t="s">
        <v>16215</v>
      </c>
      <c r="G3157" s="4" t="s">
        <v>16216</v>
      </c>
      <c r="H3157" s="4" t="s">
        <v>16217</v>
      </c>
      <c r="I3157" s="4" t="s">
        <v>16218</v>
      </c>
      <c r="J3157" s="4" t="s">
        <v>16219</v>
      </c>
      <c r="K3157" s="4" t="s">
        <v>16220</v>
      </c>
    </row>
    <row r="3158" spans="1:11" ht="86.4" x14ac:dyDescent="0.3">
      <c r="A3158" s="1">
        <v>24576</v>
      </c>
      <c r="C3158" s="4" t="s">
        <v>16221</v>
      </c>
      <c r="D3158" s="4" t="s">
        <v>16222</v>
      </c>
      <c r="K3158" s="4" t="s">
        <v>16223</v>
      </c>
    </row>
    <row r="3159" spans="1:11" ht="43.2" x14ac:dyDescent="0.3">
      <c r="A3159" s="1">
        <v>24586</v>
      </c>
      <c r="C3159" s="4" t="s">
        <v>16224</v>
      </c>
      <c r="D3159" s="4" t="s">
        <v>16225</v>
      </c>
      <c r="E3159" s="4" t="s">
        <v>16226</v>
      </c>
      <c r="F3159" s="4" t="s">
        <v>16227</v>
      </c>
    </row>
    <row r="3160" spans="1:11" ht="72" x14ac:dyDescent="0.3">
      <c r="A3160" s="1">
        <v>24596</v>
      </c>
      <c r="C3160" s="4" t="s">
        <v>1332</v>
      </c>
      <c r="E3160" s="4" t="s">
        <v>16228</v>
      </c>
      <c r="F3160" s="4" t="s">
        <v>16229</v>
      </c>
      <c r="G3160" s="4" t="s">
        <v>16230</v>
      </c>
      <c r="H3160" s="4" t="s">
        <v>16231</v>
      </c>
      <c r="I3160" s="4" t="s">
        <v>16232</v>
      </c>
    </row>
    <row r="3161" spans="1:11" ht="86.4" x14ac:dyDescent="0.3">
      <c r="A3161" s="1">
        <v>24611</v>
      </c>
      <c r="C3161" s="4" t="s">
        <v>16233</v>
      </c>
      <c r="E3161" s="4" t="s">
        <v>16234</v>
      </c>
      <c r="F3161" s="4" t="s">
        <v>16235</v>
      </c>
      <c r="G3161" s="4" t="s">
        <v>16236</v>
      </c>
      <c r="H3161" s="4" t="s">
        <v>16237</v>
      </c>
      <c r="I3161" s="4" t="s">
        <v>16238</v>
      </c>
      <c r="K3161" s="4" t="s">
        <v>16239</v>
      </c>
    </row>
    <row r="3162" spans="1:11" ht="43.2" x14ac:dyDescent="0.3">
      <c r="A3162" s="1">
        <v>24626</v>
      </c>
      <c r="C3162" s="4" t="s">
        <v>16240</v>
      </c>
      <c r="E3162" s="4" t="s">
        <v>16241</v>
      </c>
      <c r="G3162" s="4" t="s">
        <v>16242</v>
      </c>
      <c r="K3162" s="4" t="s">
        <v>16243</v>
      </c>
    </row>
    <row r="3163" spans="1:11" ht="28.8" x14ac:dyDescent="0.3">
      <c r="A3163" s="1">
        <v>24631</v>
      </c>
      <c r="J3163" s="4" t="s">
        <v>16244</v>
      </c>
    </row>
    <row r="3164" spans="1:11" ht="72" x14ac:dyDescent="0.3">
      <c r="A3164" s="1">
        <v>24641</v>
      </c>
      <c r="C3164" s="4" t="s">
        <v>16245</v>
      </c>
      <c r="D3164" s="4" t="s">
        <v>16246</v>
      </c>
      <c r="E3164" s="4" t="s">
        <v>16247</v>
      </c>
      <c r="F3164" s="4" t="s">
        <v>16248</v>
      </c>
      <c r="G3164" s="4" t="s">
        <v>16249</v>
      </c>
      <c r="H3164" s="4" t="s">
        <v>16250</v>
      </c>
      <c r="I3164" s="4" t="s">
        <v>16251</v>
      </c>
      <c r="K3164" s="4" t="s">
        <v>16252</v>
      </c>
    </row>
    <row r="3165" spans="1:11" ht="86.4" x14ac:dyDescent="0.3">
      <c r="A3165" s="1">
        <v>24666</v>
      </c>
      <c r="C3165" s="4" t="s">
        <v>16253</v>
      </c>
      <c r="D3165" s="4" t="s">
        <v>16254</v>
      </c>
      <c r="G3165" s="4" t="s">
        <v>16255</v>
      </c>
      <c r="H3165" s="4" t="s">
        <v>16256</v>
      </c>
      <c r="K3165" s="4" t="s">
        <v>16257</v>
      </c>
    </row>
    <row r="3166" spans="1:11" ht="57.6" x14ac:dyDescent="0.3">
      <c r="A3166" s="1">
        <v>24671</v>
      </c>
      <c r="C3166" s="4" t="s">
        <v>16258</v>
      </c>
      <c r="D3166" s="4" t="s">
        <v>16259</v>
      </c>
      <c r="G3166" s="4" t="s">
        <v>16260</v>
      </c>
      <c r="H3166" s="4" t="s">
        <v>16261</v>
      </c>
      <c r="K3166" s="4" t="s">
        <v>16262</v>
      </c>
    </row>
    <row r="3167" spans="1:11" ht="43.2" x14ac:dyDescent="0.3">
      <c r="A3167" s="1">
        <v>24681</v>
      </c>
      <c r="C3167" s="4" t="s">
        <v>16263</v>
      </c>
      <c r="E3167" s="4" t="s">
        <v>16264</v>
      </c>
      <c r="G3167" s="4" t="s">
        <v>16265</v>
      </c>
    </row>
    <row r="3168" spans="1:11" ht="86.4" x14ac:dyDescent="0.3">
      <c r="A3168" s="1">
        <v>24686</v>
      </c>
      <c r="C3168" s="4" t="s">
        <v>16266</v>
      </c>
      <c r="D3168" s="4" t="s">
        <v>16267</v>
      </c>
      <c r="G3168" s="4" t="s">
        <v>16268</v>
      </c>
      <c r="H3168" s="4" t="s">
        <v>16269</v>
      </c>
      <c r="I3168" s="4" t="s">
        <v>16270</v>
      </c>
      <c r="K3168" s="4" t="s">
        <v>16271</v>
      </c>
    </row>
    <row r="3169" spans="1:11" ht="86.4" x14ac:dyDescent="0.3">
      <c r="A3169" s="1">
        <v>24691</v>
      </c>
      <c r="C3169" s="4" t="s">
        <v>16272</v>
      </c>
      <c r="D3169" s="4" t="s">
        <v>16273</v>
      </c>
      <c r="E3169" s="4" t="s">
        <v>16274</v>
      </c>
      <c r="F3169" s="4" t="s">
        <v>16275</v>
      </c>
      <c r="G3169" s="4" t="s">
        <v>16276</v>
      </c>
      <c r="H3169" s="4" t="s">
        <v>16277</v>
      </c>
      <c r="I3169" s="4" t="s">
        <v>16278</v>
      </c>
      <c r="K3169" s="4" t="s">
        <v>16279</v>
      </c>
    </row>
    <row r="3170" spans="1:11" x14ac:dyDescent="0.3">
      <c r="A3170" s="1">
        <v>24701</v>
      </c>
      <c r="C3170" s="4" t="s">
        <v>16280</v>
      </c>
      <c r="D3170" s="4" t="s">
        <v>16281</v>
      </c>
      <c r="G3170" s="4" t="s">
        <v>16282</v>
      </c>
      <c r="H3170" s="4" t="s">
        <v>16283</v>
      </c>
    </row>
    <row r="3171" spans="1:11" ht="86.4" x14ac:dyDescent="0.3">
      <c r="A3171" s="1">
        <v>24706</v>
      </c>
      <c r="C3171" s="4" t="s">
        <v>16284</v>
      </c>
      <c r="D3171" s="4" t="s">
        <v>16285</v>
      </c>
      <c r="E3171" s="4" t="s">
        <v>16286</v>
      </c>
      <c r="F3171" s="4" t="s">
        <v>16287</v>
      </c>
      <c r="G3171" s="4" t="s">
        <v>16288</v>
      </c>
      <c r="H3171" s="4" t="s">
        <v>16289</v>
      </c>
      <c r="I3171" s="4" t="s">
        <v>16290</v>
      </c>
      <c r="K3171" s="4" t="s">
        <v>16291</v>
      </c>
    </row>
    <row r="3172" spans="1:11" ht="43.2" x14ac:dyDescent="0.3">
      <c r="A3172" s="1">
        <v>24711</v>
      </c>
      <c r="C3172" s="4" t="s">
        <v>16292</v>
      </c>
      <c r="D3172" s="4" t="s">
        <v>16293</v>
      </c>
      <c r="E3172" s="4" t="s">
        <v>16294</v>
      </c>
      <c r="F3172" s="4" t="s">
        <v>16295</v>
      </c>
      <c r="G3172" s="4" t="s">
        <v>16296</v>
      </c>
      <c r="H3172" s="4" t="s">
        <v>16297</v>
      </c>
      <c r="I3172" s="4" t="s">
        <v>16298</v>
      </c>
      <c r="K3172" s="4" t="s">
        <v>16299</v>
      </c>
    </row>
    <row r="3173" spans="1:11" ht="86.4" x14ac:dyDescent="0.3">
      <c r="A3173" s="1">
        <v>24721</v>
      </c>
      <c r="C3173" s="4" t="s">
        <v>16300</v>
      </c>
      <c r="D3173" s="4" t="s">
        <v>16301</v>
      </c>
      <c r="E3173" s="4" t="s">
        <v>16302</v>
      </c>
      <c r="F3173" s="4" t="s">
        <v>16303</v>
      </c>
      <c r="G3173" s="4" t="s">
        <v>16304</v>
      </c>
      <c r="H3173" s="4" t="s">
        <v>16305</v>
      </c>
      <c r="I3173" s="4" t="s">
        <v>16306</v>
      </c>
      <c r="K3173" s="4" t="s">
        <v>16307</v>
      </c>
    </row>
    <row r="3174" spans="1:11" ht="72" x14ac:dyDescent="0.3">
      <c r="A3174" s="1">
        <v>24726</v>
      </c>
      <c r="C3174" s="4" t="s">
        <v>16308</v>
      </c>
      <c r="D3174" s="4" t="s">
        <v>16309</v>
      </c>
      <c r="E3174" s="4" t="s">
        <v>16310</v>
      </c>
      <c r="F3174" s="4" t="s">
        <v>16311</v>
      </c>
      <c r="G3174" s="4" t="s">
        <v>16312</v>
      </c>
      <c r="H3174" s="4" t="s">
        <v>16313</v>
      </c>
      <c r="I3174" s="4" t="s">
        <v>16314</v>
      </c>
      <c r="J3174" s="4" t="s">
        <v>16315</v>
      </c>
      <c r="K3174" s="4" t="s">
        <v>16316</v>
      </c>
    </row>
    <row r="3175" spans="1:11" ht="86.4" x14ac:dyDescent="0.3">
      <c r="A3175" s="1">
        <v>24731</v>
      </c>
      <c r="C3175" s="4" t="s">
        <v>16317</v>
      </c>
      <c r="D3175" s="4" t="s">
        <v>16318</v>
      </c>
      <c r="E3175" s="4" t="s">
        <v>16319</v>
      </c>
      <c r="F3175" s="4" t="s">
        <v>16320</v>
      </c>
      <c r="G3175" s="4" t="s">
        <v>16321</v>
      </c>
      <c r="H3175" s="4" t="s">
        <v>16322</v>
      </c>
      <c r="I3175" s="4" t="s">
        <v>16323</v>
      </c>
      <c r="K3175" s="4" t="s">
        <v>16324</v>
      </c>
    </row>
    <row r="3176" spans="1:11" ht="72" x14ac:dyDescent="0.3">
      <c r="A3176" s="1">
        <v>24741</v>
      </c>
      <c r="C3176" s="4" t="s">
        <v>16325</v>
      </c>
      <c r="D3176" s="4" t="s">
        <v>16326</v>
      </c>
      <c r="E3176" s="4" t="s">
        <v>16327</v>
      </c>
      <c r="F3176" s="4" t="s">
        <v>16328</v>
      </c>
      <c r="G3176" s="4" t="s">
        <v>16329</v>
      </c>
      <c r="H3176" s="4" t="s">
        <v>16330</v>
      </c>
      <c r="I3176" s="4" t="s">
        <v>16331</v>
      </c>
      <c r="K3176" s="4" t="s">
        <v>16332</v>
      </c>
    </row>
    <row r="3177" spans="1:11" ht="28.8" x14ac:dyDescent="0.3">
      <c r="A3177" s="1">
        <v>24751</v>
      </c>
      <c r="C3177" s="4" t="s">
        <v>16333</v>
      </c>
      <c r="D3177" s="4" t="s">
        <v>16334</v>
      </c>
      <c r="E3177" s="4" t="s">
        <v>16335</v>
      </c>
      <c r="G3177" s="4" t="s">
        <v>16336</v>
      </c>
      <c r="I3177" s="4" t="s">
        <v>16337</v>
      </c>
      <c r="K3177" s="4" t="s">
        <v>16338</v>
      </c>
    </row>
    <row r="3178" spans="1:11" ht="72" x14ac:dyDescent="0.3">
      <c r="A3178" s="1">
        <v>24756</v>
      </c>
      <c r="C3178" s="4" t="s">
        <v>16339</v>
      </c>
      <c r="D3178" s="4" t="s">
        <v>16340</v>
      </c>
      <c r="E3178" s="4" t="s">
        <v>16341</v>
      </c>
      <c r="F3178" s="4" t="s">
        <v>16342</v>
      </c>
      <c r="G3178" s="4" t="s">
        <v>16343</v>
      </c>
      <c r="H3178" s="4" t="s">
        <v>16344</v>
      </c>
    </row>
    <row r="3179" spans="1:11" ht="43.2" x14ac:dyDescent="0.3">
      <c r="A3179" s="1">
        <v>24761</v>
      </c>
      <c r="C3179" s="4" t="s">
        <v>16345</v>
      </c>
      <c r="D3179" s="4" t="s">
        <v>16346</v>
      </c>
      <c r="G3179" s="4" t="s">
        <v>16347</v>
      </c>
      <c r="H3179" s="4" t="s">
        <v>16348</v>
      </c>
      <c r="I3179" s="4" t="s">
        <v>16349</v>
      </c>
    </row>
    <row r="3180" spans="1:11" ht="72" x14ac:dyDescent="0.3">
      <c r="A3180" s="1">
        <v>24776</v>
      </c>
      <c r="C3180" s="4" t="s">
        <v>16350</v>
      </c>
      <c r="F3180" s="4" t="s">
        <v>16351</v>
      </c>
      <c r="G3180" s="4" t="s">
        <v>16352</v>
      </c>
      <c r="H3180" s="4" t="s">
        <v>16353</v>
      </c>
      <c r="I3180" s="4" t="s">
        <v>16354</v>
      </c>
      <c r="K3180" s="4" t="s">
        <v>16355</v>
      </c>
    </row>
    <row r="3181" spans="1:11" ht="72" x14ac:dyDescent="0.3">
      <c r="A3181" s="1">
        <v>24781</v>
      </c>
      <c r="C3181" s="4" t="s">
        <v>16356</v>
      </c>
      <c r="D3181" s="4" t="s">
        <v>16357</v>
      </c>
      <c r="F3181" s="4" t="s">
        <v>16358</v>
      </c>
      <c r="G3181" s="4" t="s">
        <v>16359</v>
      </c>
      <c r="I3181" s="4" t="s">
        <v>16360</v>
      </c>
      <c r="K3181" s="4" t="s">
        <v>16361</v>
      </c>
    </row>
    <row r="3182" spans="1:11" ht="57.6" x14ac:dyDescent="0.3">
      <c r="A3182" s="1">
        <v>24786</v>
      </c>
      <c r="C3182" s="4" t="s">
        <v>16362</v>
      </c>
    </row>
    <row r="3183" spans="1:11" ht="86.4" x14ac:dyDescent="0.3">
      <c r="A3183" s="1">
        <v>24796</v>
      </c>
      <c r="C3183" s="4" t="s">
        <v>16363</v>
      </c>
      <c r="D3183" s="4" t="s">
        <v>16364</v>
      </c>
      <c r="E3183" s="4" t="s">
        <v>16365</v>
      </c>
      <c r="F3183" s="4" t="s">
        <v>16366</v>
      </c>
      <c r="G3183" s="4" t="s">
        <v>16367</v>
      </c>
      <c r="H3183" s="4" t="s">
        <v>16368</v>
      </c>
      <c r="I3183" s="4" t="s">
        <v>16369</v>
      </c>
    </row>
    <row r="3184" spans="1:11" ht="86.4" x14ac:dyDescent="0.3">
      <c r="A3184" s="1">
        <v>24801</v>
      </c>
      <c r="C3184" s="4" t="s">
        <v>16370</v>
      </c>
      <c r="D3184" s="4" t="s">
        <v>16371</v>
      </c>
      <c r="E3184" s="4" t="s">
        <v>16372</v>
      </c>
      <c r="F3184" s="4" t="s">
        <v>16373</v>
      </c>
      <c r="G3184" s="4" t="s">
        <v>16374</v>
      </c>
      <c r="H3184" s="4" t="s">
        <v>16374</v>
      </c>
      <c r="I3184" s="4" t="s">
        <v>16375</v>
      </c>
      <c r="K3184" s="4" t="s">
        <v>16376</v>
      </c>
    </row>
    <row r="3185" spans="1:11" ht="72" x14ac:dyDescent="0.3">
      <c r="A3185" s="1">
        <v>24811</v>
      </c>
      <c r="C3185" s="4" t="s">
        <v>16377</v>
      </c>
      <c r="D3185" s="4" t="s">
        <v>16378</v>
      </c>
      <c r="E3185" s="4" t="s">
        <v>16379</v>
      </c>
      <c r="F3185" s="4" t="s">
        <v>16380</v>
      </c>
      <c r="G3185" s="4" t="s">
        <v>16381</v>
      </c>
      <c r="H3185" s="4" t="s">
        <v>16382</v>
      </c>
      <c r="I3185" s="4" t="s">
        <v>16383</v>
      </c>
      <c r="K3185" s="4" t="s">
        <v>16384</v>
      </c>
    </row>
    <row r="3186" spans="1:11" ht="86.4" x14ac:dyDescent="0.3">
      <c r="A3186" s="1">
        <v>24816</v>
      </c>
      <c r="C3186" s="4" t="s">
        <v>16385</v>
      </c>
      <c r="D3186" s="4" t="s">
        <v>16386</v>
      </c>
      <c r="E3186" s="4" t="s">
        <v>16387</v>
      </c>
      <c r="G3186" s="4" t="s">
        <v>16388</v>
      </c>
      <c r="I3186" s="4" t="s">
        <v>16389</v>
      </c>
      <c r="K3186" s="4" t="s">
        <v>16390</v>
      </c>
    </row>
    <row r="3187" spans="1:11" ht="86.4" x14ac:dyDescent="0.3">
      <c r="A3187" s="1">
        <v>24821</v>
      </c>
      <c r="C3187" s="4" t="s">
        <v>16391</v>
      </c>
      <c r="D3187" s="4" t="s">
        <v>16392</v>
      </c>
      <c r="E3187" s="4" t="s">
        <v>16393</v>
      </c>
      <c r="F3187" s="4" t="s">
        <v>16394</v>
      </c>
      <c r="H3187" s="4" t="s">
        <v>16395</v>
      </c>
      <c r="K3187" s="4" t="s">
        <v>16396</v>
      </c>
    </row>
    <row r="3188" spans="1:11" ht="86.4" x14ac:dyDescent="0.3">
      <c r="A3188" s="1">
        <v>24826</v>
      </c>
      <c r="G3188" s="4" t="s">
        <v>16397</v>
      </c>
      <c r="H3188" s="4" t="s">
        <v>16398</v>
      </c>
    </row>
    <row r="3189" spans="1:11" ht="57.6" x14ac:dyDescent="0.3">
      <c r="A3189" s="1">
        <v>24831</v>
      </c>
      <c r="C3189" s="4" t="s">
        <v>16399</v>
      </c>
      <c r="F3189" s="4" t="s">
        <v>16400</v>
      </c>
      <c r="I3189" s="4" t="s">
        <v>16401</v>
      </c>
      <c r="K3189" s="4" t="s">
        <v>16402</v>
      </c>
    </row>
    <row r="3190" spans="1:11" ht="43.2" x14ac:dyDescent="0.3">
      <c r="A3190" s="1">
        <v>24836</v>
      </c>
      <c r="C3190" s="4" t="s">
        <v>16403</v>
      </c>
      <c r="E3190" s="4" t="s">
        <v>16404</v>
      </c>
      <c r="F3190" s="4" t="s">
        <v>16405</v>
      </c>
      <c r="G3190" s="4" t="s">
        <v>16406</v>
      </c>
    </row>
    <row r="3191" spans="1:11" ht="72" x14ac:dyDescent="0.3">
      <c r="A3191" s="1">
        <v>24841</v>
      </c>
      <c r="C3191" s="4" t="s">
        <v>16407</v>
      </c>
      <c r="D3191" s="4" t="s">
        <v>16408</v>
      </c>
      <c r="E3191" s="4" t="s">
        <v>16409</v>
      </c>
      <c r="F3191" s="4" t="s">
        <v>16409</v>
      </c>
      <c r="G3191" s="4" t="s">
        <v>16410</v>
      </c>
      <c r="H3191" s="4" t="s">
        <v>16411</v>
      </c>
    </row>
    <row r="3192" spans="1:11" ht="57.6" x14ac:dyDescent="0.3">
      <c r="A3192" s="1">
        <v>24851</v>
      </c>
      <c r="C3192" s="4" t="s">
        <v>16412</v>
      </c>
      <c r="D3192" s="4" t="s">
        <v>16413</v>
      </c>
      <c r="E3192" s="4" t="s">
        <v>16414</v>
      </c>
      <c r="G3192" s="4" t="s">
        <v>16415</v>
      </c>
    </row>
    <row r="3193" spans="1:11" x14ac:dyDescent="0.3">
      <c r="A3193" s="1">
        <v>24856</v>
      </c>
    </row>
    <row r="3194" spans="1:11" ht="28.8" x14ac:dyDescent="0.3">
      <c r="A3194" s="1">
        <v>24871</v>
      </c>
      <c r="C3194" s="4" t="s">
        <v>16416</v>
      </c>
    </row>
    <row r="3195" spans="1:11" ht="72" x14ac:dyDescent="0.3">
      <c r="A3195" s="1">
        <v>24876</v>
      </c>
      <c r="C3195" s="4" t="s">
        <v>16417</v>
      </c>
      <c r="D3195" s="4" t="s">
        <v>16418</v>
      </c>
      <c r="E3195" s="4" t="s">
        <v>16419</v>
      </c>
      <c r="F3195" s="4" t="s">
        <v>16420</v>
      </c>
      <c r="G3195" s="4" t="s">
        <v>16421</v>
      </c>
      <c r="H3195" s="4" t="s">
        <v>16422</v>
      </c>
      <c r="K3195" s="4" t="s">
        <v>16423</v>
      </c>
    </row>
    <row r="3196" spans="1:11" ht="57.6" x14ac:dyDescent="0.3">
      <c r="A3196" s="1">
        <v>24886</v>
      </c>
      <c r="C3196" s="4" t="s">
        <v>16424</v>
      </c>
      <c r="D3196" s="4" t="s">
        <v>16425</v>
      </c>
      <c r="E3196" s="4" t="s">
        <v>16426</v>
      </c>
      <c r="G3196" s="4" t="s">
        <v>16427</v>
      </c>
    </row>
    <row r="3197" spans="1:11" x14ac:dyDescent="0.3">
      <c r="A3197" s="1">
        <v>24891</v>
      </c>
      <c r="B3197" s="1" t="s">
        <v>16428</v>
      </c>
      <c r="D3197" s="4" t="s">
        <v>16429</v>
      </c>
    </row>
    <row r="3198" spans="1:11" ht="57.6" x14ac:dyDescent="0.3">
      <c r="A3198" s="1">
        <v>24896</v>
      </c>
      <c r="C3198" s="4" t="s">
        <v>16430</v>
      </c>
      <c r="D3198" s="4" t="s">
        <v>16431</v>
      </c>
      <c r="E3198" s="4" t="s">
        <v>16432</v>
      </c>
      <c r="F3198" s="4" t="s">
        <v>16433</v>
      </c>
      <c r="G3198" s="4" t="s">
        <v>16434</v>
      </c>
      <c r="H3198" s="4" t="s">
        <v>16435</v>
      </c>
      <c r="I3198" s="4" t="s">
        <v>16436</v>
      </c>
      <c r="K3198" s="4" t="s">
        <v>16437</v>
      </c>
    </row>
    <row r="3199" spans="1:11" ht="86.4" x14ac:dyDescent="0.3">
      <c r="A3199" s="1">
        <v>24901</v>
      </c>
      <c r="C3199" s="4" t="s">
        <v>16438</v>
      </c>
      <c r="D3199" s="4" t="s">
        <v>16439</v>
      </c>
      <c r="E3199" s="4" t="s">
        <v>16440</v>
      </c>
      <c r="F3199" s="4" t="s">
        <v>16441</v>
      </c>
      <c r="G3199" s="4" t="s">
        <v>16442</v>
      </c>
      <c r="H3199" s="4" t="s">
        <v>16443</v>
      </c>
      <c r="I3199" s="4" t="s">
        <v>16444</v>
      </c>
      <c r="K3199" s="4" t="s">
        <v>16445</v>
      </c>
    </row>
    <row r="3200" spans="1:11" x14ac:dyDescent="0.3">
      <c r="A3200" s="1">
        <v>24906</v>
      </c>
    </row>
    <row r="3201" spans="1:11" ht="43.2" x14ac:dyDescent="0.3">
      <c r="A3201" s="1">
        <v>24916</v>
      </c>
      <c r="C3201" s="4" t="s">
        <v>16446</v>
      </c>
      <c r="F3201" s="4" t="s">
        <v>16447</v>
      </c>
      <c r="G3201" s="4" t="s">
        <v>16448</v>
      </c>
      <c r="I3201" s="4" t="s">
        <v>16449</v>
      </c>
      <c r="J3201" s="4" t="s">
        <v>16450</v>
      </c>
      <c r="K3201" s="4" t="s">
        <v>16450</v>
      </c>
    </row>
    <row r="3202" spans="1:11" ht="86.4" x14ac:dyDescent="0.3">
      <c r="A3202" s="1">
        <v>24921</v>
      </c>
      <c r="C3202" s="4" t="s">
        <v>16451</v>
      </c>
      <c r="D3202" s="4" t="s">
        <v>16452</v>
      </c>
      <c r="F3202" s="4" t="s">
        <v>16453</v>
      </c>
      <c r="G3202" s="4" t="s">
        <v>16454</v>
      </c>
      <c r="I3202" s="4" t="s">
        <v>16455</v>
      </c>
    </row>
    <row r="3203" spans="1:11" ht="86.4" x14ac:dyDescent="0.3">
      <c r="A3203" s="1">
        <v>24926</v>
      </c>
      <c r="C3203" s="4" t="s">
        <v>16456</v>
      </c>
      <c r="D3203" s="4" t="s">
        <v>16457</v>
      </c>
      <c r="G3203" s="4" t="s">
        <v>16458</v>
      </c>
      <c r="H3203" s="4" t="s">
        <v>16459</v>
      </c>
      <c r="I3203" s="4" t="s">
        <v>16460</v>
      </c>
      <c r="K3203" s="4" t="s">
        <v>16461</v>
      </c>
    </row>
    <row r="3204" spans="1:11" ht="57.6" x14ac:dyDescent="0.3">
      <c r="A3204" s="1">
        <v>24931</v>
      </c>
      <c r="D3204" s="4" t="s">
        <v>16462</v>
      </c>
      <c r="E3204" s="4" t="s">
        <v>16463</v>
      </c>
      <c r="F3204" s="4" t="s">
        <v>16464</v>
      </c>
      <c r="G3204" s="4" t="s">
        <v>16465</v>
      </c>
      <c r="H3204" s="4" t="s">
        <v>16466</v>
      </c>
      <c r="I3204" s="4" t="s">
        <v>16467</v>
      </c>
    </row>
    <row r="3205" spans="1:11" ht="72" x14ac:dyDescent="0.3">
      <c r="A3205" s="1">
        <v>24936</v>
      </c>
      <c r="C3205" s="4" t="s">
        <v>16468</v>
      </c>
      <c r="D3205" s="4" t="s">
        <v>16469</v>
      </c>
      <c r="E3205" s="4" t="s">
        <v>16470</v>
      </c>
      <c r="F3205" s="4" t="s">
        <v>16471</v>
      </c>
      <c r="K3205" s="4" t="s">
        <v>16472</v>
      </c>
    </row>
    <row r="3206" spans="1:11" ht="86.4" x14ac:dyDescent="0.3">
      <c r="A3206" s="1">
        <v>24941</v>
      </c>
      <c r="C3206" s="4" t="s">
        <v>16473</v>
      </c>
      <c r="D3206" s="4" t="s">
        <v>16474</v>
      </c>
      <c r="E3206" s="4" t="s">
        <v>16475</v>
      </c>
      <c r="F3206" s="4" t="s">
        <v>16476</v>
      </c>
      <c r="G3206" s="4" t="s">
        <v>16477</v>
      </c>
      <c r="H3206" s="4" t="s">
        <v>16478</v>
      </c>
      <c r="I3206" s="4" t="s">
        <v>16479</v>
      </c>
      <c r="K3206" s="4" t="s">
        <v>16480</v>
      </c>
    </row>
    <row r="3207" spans="1:11" ht="72" x14ac:dyDescent="0.3">
      <c r="A3207" s="1">
        <v>24951</v>
      </c>
      <c r="D3207" s="4" t="s">
        <v>16481</v>
      </c>
      <c r="G3207" s="4" t="s">
        <v>16482</v>
      </c>
      <c r="H3207" s="4" t="s">
        <v>16483</v>
      </c>
      <c r="I3207" s="4" t="s">
        <v>16484</v>
      </c>
      <c r="K3207" s="4" t="s">
        <v>16485</v>
      </c>
    </row>
    <row r="3208" spans="1:11" ht="43.2" x14ac:dyDescent="0.3">
      <c r="A3208" s="1">
        <v>24966</v>
      </c>
      <c r="C3208" s="4" t="s">
        <v>16486</v>
      </c>
      <c r="G3208" s="4" t="s">
        <v>16487</v>
      </c>
      <c r="H3208" s="4" t="s">
        <v>16488</v>
      </c>
      <c r="I3208" s="4" t="s">
        <v>16489</v>
      </c>
    </row>
    <row r="3209" spans="1:11" ht="72" x14ac:dyDescent="0.3">
      <c r="A3209" s="1">
        <v>24971</v>
      </c>
      <c r="C3209" s="4" t="s">
        <v>16490</v>
      </c>
      <c r="D3209" s="4" t="s">
        <v>16491</v>
      </c>
      <c r="E3209" s="4" t="s">
        <v>16492</v>
      </c>
      <c r="F3209" s="4" t="s">
        <v>16493</v>
      </c>
      <c r="G3209" s="4" t="s">
        <v>16494</v>
      </c>
      <c r="H3209" s="4" t="s">
        <v>16495</v>
      </c>
      <c r="I3209" s="4" t="s">
        <v>16496</v>
      </c>
      <c r="J3209" s="4" t="s">
        <v>16497</v>
      </c>
      <c r="K3209" s="4" t="s">
        <v>16498</v>
      </c>
    </row>
    <row r="3210" spans="1:11" ht="72" x14ac:dyDescent="0.3">
      <c r="A3210" s="1">
        <v>24976</v>
      </c>
      <c r="C3210" s="4" t="s">
        <v>16499</v>
      </c>
      <c r="F3210" s="4" t="s">
        <v>16500</v>
      </c>
      <c r="G3210" s="4" t="s">
        <v>16501</v>
      </c>
      <c r="H3210" s="4" t="s">
        <v>16502</v>
      </c>
      <c r="I3210" s="4" t="s">
        <v>16503</v>
      </c>
      <c r="K3210" s="4" t="s">
        <v>16504</v>
      </c>
    </row>
    <row r="3211" spans="1:11" ht="57.6" x14ac:dyDescent="0.3">
      <c r="A3211" s="1">
        <v>24986</v>
      </c>
      <c r="C3211" s="4" t="s">
        <v>16505</v>
      </c>
      <c r="D3211" s="4" t="s">
        <v>16506</v>
      </c>
      <c r="E3211" s="4" t="s">
        <v>16507</v>
      </c>
      <c r="F3211" s="4" t="s">
        <v>16508</v>
      </c>
      <c r="G3211" s="4" t="s">
        <v>16509</v>
      </c>
      <c r="H3211" s="4" t="s">
        <v>16510</v>
      </c>
      <c r="I3211" s="4" t="s">
        <v>16511</v>
      </c>
      <c r="K3211" s="4" t="s">
        <v>16512</v>
      </c>
    </row>
    <row r="3212" spans="1:11" ht="86.4" x14ac:dyDescent="0.3">
      <c r="A3212" s="1">
        <v>24991</v>
      </c>
      <c r="C3212" s="4" t="s">
        <v>16513</v>
      </c>
      <c r="D3212" s="4" t="s">
        <v>16514</v>
      </c>
      <c r="E3212" s="4" t="s">
        <v>16515</v>
      </c>
      <c r="F3212" s="4" t="s">
        <v>16516</v>
      </c>
      <c r="G3212" s="4" t="s">
        <v>16517</v>
      </c>
      <c r="H3212" s="4" t="s">
        <v>16518</v>
      </c>
      <c r="I3212" s="4" t="s">
        <v>16519</v>
      </c>
      <c r="K3212" s="4" t="s">
        <v>16520</v>
      </c>
    </row>
    <row r="3213" spans="1:11" ht="86.4" x14ac:dyDescent="0.3">
      <c r="A3213" s="1">
        <v>24996</v>
      </c>
      <c r="C3213" s="4" t="s">
        <v>16521</v>
      </c>
      <c r="D3213" s="4" t="s">
        <v>16522</v>
      </c>
      <c r="E3213" s="4" t="s">
        <v>16523</v>
      </c>
      <c r="F3213" s="4" t="s">
        <v>16524</v>
      </c>
      <c r="G3213" s="4" t="s">
        <v>16525</v>
      </c>
      <c r="H3213" s="4" t="s">
        <v>16526</v>
      </c>
    </row>
    <row r="3214" spans="1:11" ht="72" x14ac:dyDescent="0.3">
      <c r="A3214" s="1">
        <v>25001</v>
      </c>
      <c r="C3214" s="4" t="s">
        <v>16527</v>
      </c>
      <c r="F3214" s="4" t="s">
        <v>16528</v>
      </c>
      <c r="G3214" s="4" t="s">
        <v>16529</v>
      </c>
      <c r="H3214" s="4" t="s">
        <v>16530</v>
      </c>
      <c r="I3214" s="4" t="s">
        <v>16531</v>
      </c>
      <c r="K3214" s="4" t="s">
        <v>16532</v>
      </c>
    </row>
    <row r="3215" spans="1:11" ht="72" x14ac:dyDescent="0.3">
      <c r="A3215" s="1">
        <v>25011</v>
      </c>
      <c r="C3215" s="4" t="s">
        <v>16533</v>
      </c>
      <c r="D3215" s="4" t="s">
        <v>16534</v>
      </c>
      <c r="E3215" s="4" t="s">
        <v>16535</v>
      </c>
      <c r="F3215" s="4" t="s">
        <v>16536</v>
      </c>
      <c r="G3215" s="4" t="s">
        <v>16537</v>
      </c>
      <c r="H3215" s="4" t="s">
        <v>16538</v>
      </c>
      <c r="I3215" s="4" t="s">
        <v>16539</v>
      </c>
      <c r="K3215" s="4" t="s">
        <v>16540</v>
      </c>
    </row>
    <row r="3216" spans="1:11" ht="86.4" x14ac:dyDescent="0.3">
      <c r="A3216" s="1">
        <v>25016</v>
      </c>
      <c r="C3216" s="4" t="s">
        <v>16541</v>
      </c>
      <c r="D3216" s="4" t="s">
        <v>16542</v>
      </c>
      <c r="E3216" s="4" t="s">
        <v>16543</v>
      </c>
      <c r="F3216" s="4" t="s">
        <v>16544</v>
      </c>
      <c r="G3216" s="4" t="s">
        <v>16545</v>
      </c>
      <c r="H3216" s="4" t="s">
        <v>16546</v>
      </c>
      <c r="I3216" s="4" t="s">
        <v>16547</v>
      </c>
      <c r="K3216" s="4" t="s">
        <v>16548</v>
      </c>
    </row>
    <row r="3217" spans="1:11" x14ac:dyDescent="0.3">
      <c r="A3217" s="1">
        <v>25021</v>
      </c>
    </row>
    <row r="3218" spans="1:11" x14ac:dyDescent="0.3">
      <c r="A3218" s="1">
        <v>25026</v>
      </c>
    </row>
    <row r="3219" spans="1:11" ht="86.4" x14ac:dyDescent="0.3">
      <c r="A3219" s="1">
        <v>25031</v>
      </c>
      <c r="C3219" s="4" t="s">
        <v>16549</v>
      </c>
      <c r="D3219" s="4" t="s">
        <v>16550</v>
      </c>
      <c r="E3219" s="4" t="s">
        <v>16551</v>
      </c>
      <c r="H3219" s="4" t="s">
        <v>16552</v>
      </c>
      <c r="K3219" s="4" t="s">
        <v>16553</v>
      </c>
    </row>
    <row r="3220" spans="1:11" ht="43.2" x14ac:dyDescent="0.3">
      <c r="A3220" s="1">
        <v>25041</v>
      </c>
      <c r="D3220" s="4" t="s">
        <v>16554</v>
      </c>
      <c r="F3220" s="4" t="s">
        <v>23176</v>
      </c>
      <c r="G3220" s="4" t="s">
        <v>23177</v>
      </c>
      <c r="H3220" s="4" t="s">
        <v>16555</v>
      </c>
    </row>
    <row r="3221" spans="1:11" ht="57.6" x14ac:dyDescent="0.3">
      <c r="A3221" s="1">
        <v>25046</v>
      </c>
      <c r="C3221" s="4" t="s">
        <v>16556</v>
      </c>
      <c r="D3221" s="4" t="s">
        <v>16557</v>
      </c>
      <c r="G3221" s="4" t="s">
        <v>16558</v>
      </c>
      <c r="H3221" s="4" t="s">
        <v>16559</v>
      </c>
    </row>
    <row r="3222" spans="1:11" ht="72" x14ac:dyDescent="0.3">
      <c r="A3222" s="1">
        <v>25056</v>
      </c>
      <c r="C3222" s="4" t="s">
        <v>16560</v>
      </c>
      <c r="D3222" s="4" t="s">
        <v>16561</v>
      </c>
      <c r="E3222" s="4" t="s">
        <v>16562</v>
      </c>
      <c r="F3222" s="4" t="s">
        <v>16563</v>
      </c>
      <c r="G3222" s="4" t="s">
        <v>16564</v>
      </c>
      <c r="H3222" s="4" t="s">
        <v>16565</v>
      </c>
      <c r="I3222" s="4" t="s">
        <v>16566</v>
      </c>
    </row>
    <row r="3223" spans="1:11" ht="72" x14ac:dyDescent="0.3">
      <c r="A3223" s="1">
        <v>25066</v>
      </c>
      <c r="C3223" s="4" t="s">
        <v>16567</v>
      </c>
      <c r="D3223" s="4" t="s">
        <v>16568</v>
      </c>
      <c r="G3223" s="4" t="s">
        <v>16569</v>
      </c>
    </row>
    <row r="3224" spans="1:11" ht="86.4" x14ac:dyDescent="0.3">
      <c r="A3224" s="1">
        <v>25076</v>
      </c>
      <c r="C3224" s="4" t="s">
        <v>16570</v>
      </c>
      <c r="D3224" s="4" t="s">
        <v>16571</v>
      </c>
      <c r="E3224" s="4" t="s">
        <v>16572</v>
      </c>
      <c r="F3224" s="4" t="s">
        <v>16573</v>
      </c>
      <c r="G3224" s="4" t="s">
        <v>16574</v>
      </c>
      <c r="H3224" s="4" t="s">
        <v>16575</v>
      </c>
      <c r="K3224" s="4" t="s">
        <v>16576</v>
      </c>
    </row>
    <row r="3225" spans="1:11" ht="57.6" x14ac:dyDescent="0.3">
      <c r="A3225" s="1">
        <v>25081</v>
      </c>
      <c r="C3225" s="4" t="s">
        <v>16577</v>
      </c>
      <c r="D3225" s="4" t="s">
        <v>16578</v>
      </c>
      <c r="E3225" s="4" t="s">
        <v>16579</v>
      </c>
      <c r="F3225" s="4" t="s">
        <v>16580</v>
      </c>
      <c r="G3225" s="4" t="s">
        <v>16581</v>
      </c>
      <c r="H3225" s="4" t="s">
        <v>16582</v>
      </c>
      <c r="K3225" s="4" t="s">
        <v>16583</v>
      </c>
    </row>
    <row r="3226" spans="1:11" ht="72" x14ac:dyDescent="0.3">
      <c r="A3226" s="1">
        <v>25091</v>
      </c>
      <c r="I3226" s="4" t="s">
        <v>16584</v>
      </c>
    </row>
    <row r="3227" spans="1:11" ht="72" x14ac:dyDescent="0.3">
      <c r="A3227" s="1">
        <v>25101</v>
      </c>
      <c r="C3227" s="4" t="s">
        <v>16585</v>
      </c>
      <c r="D3227" s="4" t="s">
        <v>16586</v>
      </c>
      <c r="G3227" s="4" t="s">
        <v>16587</v>
      </c>
    </row>
    <row r="3228" spans="1:11" ht="57.6" x14ac:dyDescent="0.3">
      <c r="A3228" s="1">
        <v>25111</v>
      </c>
      <c r="C3228" s="4" t="s">
        <v>16588</v>
      </c>
      <c r="E3228" s="4" t="s">
        <v>16589</v>
      </c>
      <c r="K3228" s="4" t="s">
        <v>16590</v>
      </c>
    </row>
    <row r="3229" spans="1:11" ht="72" x14ac:dyDescent="0.3">
      <c r="A3229" s="1">
        <v>25116</v>
      </c>
      <c r="C3229" s="4" t="s">
        <v>16591</v>
      </c>
      <c r="D3229" s="4" t="s">
        <v>16592</v>
      </c>
      <c r="E3229" s="4" t="s">
        <v>16593</v>
      </c>
      <c r="F3229" s="4" t="s">
        <v>16594</v>
      </c>
      <c r="K3229" s="4" t="s">
        <v>16595</v>
      </c>
    </row>
    <row r="3230" spans="1:11" ht="86.4" x14ac:dyDescent="0.3">
      <c r="A3230" s="1">
        <v>25121</v>
      </c>
      <c r="C3230" s="4" t="s">
        <v>16596</v>
      </c>
      <c r="D3230" s="4" t="s">
        <v>16597</v>
      </c>
      <c r="E3230" s="4" t="s">
        <v>16597</v>
      </c>
      <c r="F3230" s="4" t="s">
        <v>16598</v>
      </c>
      <c r="G3230" s="4" t="s">
        <v>16598</v>
      </c>
      <c r="H3230" s="4" t="s">
        <v>16599</v>
      </c>
      <c r="I3230" s="4" t="s">
        <v>16600</v>
      </c>
      <c r="K3230" s="4" t="s">
        <v>16601</v>
      </c>
    </row>
    <row r="3231" spans="1:11" ht="72" x14ac:dyDescent="0.3">
      <c r="A3231" s="1">
        <v>25126</v>
      </c>
      <c r="C3231" s="4" t="s">
        <v>16602</v>
      </c>
      <c r="D3231" s="4" t="s">
        <v>16603</v>
      </c>
      <c r="E3231" s="4" t="s">
        <v>16604</v>
      </c>
      <c r="F3231" s="4" t="s">
        <v>16605</v>
      </c>
      <c r="G3231" s="4" t="s">
        <v>16606</v>
      </c>
      <c r="H3231" s="4" t="s">
        <v>16607</v>
      </c>
      <c r="I3231" s="4" t="s">
        <v>16608</v>
      </c>
      <c r="K3231" s="4" t="s">
        <v>16609</v>
      </c>
    </row>
    <row r="3232" spans="1:11" ht="86.4" x14ac:dyDescent="0.3">
      <c r="A3232" s="1">
        <v>25131</v>
      </c>
      <c r="C3232" s="4" t="s">
        <v>16610</v>
      </c>
      <c r="D3232" s="4" t="s">
        <v>16611</v>
      </c>
      <c r="E3232" s="4" t="s">
        <v>16612</v>
      </c>
      <c r="F3232" s="4" t="s">
        <v>16613</v>
      </c>
      <c r="G3232" s="4" t="s">
        <v>16614</v>
      </c>
      <c r="H3232" s="4" t="s">
        <v>16615</v>
      </c>
      <c r="I3232" s="4" t="s">
        <v>5676</v>
      </c>
    </row>
    <row r="3233" spans="1:11" ht="86.4" x14ac:dyDescent="0.3">
      <c r="A3233" s="1">
        <v>25136</v>
      </c>
      <c r="C3233" s="4" t="s">
        <v>16616</v>
      </c>
      <c r="G3233" s="4" t="s">
        <v>16617</v>
      </c>
    </row>
    <row r="3234" spans="1:11" x14ac:dyDescent="0.3">
      <c r="A3234" s="1">
        <v>25141</v>
      </c>
    </row>
    <row r="3235" spans="1:11" ht="43.2" x14ac:dyDescent="0.3">
      <c r="A3235" s="1">
        <v>25146</v>
      </c>
      <c r="C3235" s="4" t="s">
        <v>16618</v>
      </c>
      <c r="D3235" s="4" t="s">
        <v>16619</v>
      </c>
      <c r="E3235" s="4" t="s">
        <v>16620</v>
      </c>
      <c r="G3235" s="4" t="s">
        <v>16621</v>
      </c>
      <c r="H3235" s="4" t="s">
        <v>16622</v>
      </c>
      <c r="I3235" s="4" t="s">
        <v>16623</v>
      </c>
    </row>
    <row r="3236" spans="1:11" ht="43.2" x14ac:dyDescent="0.3">
      <c r="A3236" s="1">
        <v>25161</v>
      </c>
      <c r="D3236" s="4" t="s">
        <v>16624</v>
      </c>
      <c r="F3236" s="4" t="s">
        <v>16624</v>
      </c>
      <c r="G3236" s="4" t="s">
        <v>16625</v>
      </c>
      <c r="H3236" s="4" t="s">
        <v>16626</v>
      </c>
      <c r="I3236" s="4" t="s">
        <v>16627</v>
      </c>
      <c r="J3236" s="4" t="s">
        <v>16628</v>
      </c>
    </row>
    <row r="3237" spans="1:11" ht="72" x14ac:dyDescent="0.3">
      <c r="A3237" s="1">
        <v>25166</v>
      </c>
      <c r="C3237" s="4" t="s">
        <v>16629</v>
      </c>
      <c r="D3237" s="4" t="s">
        <v>16630</v>
      </c>
      <c r="E3237" s="4" t="s">
        <v>16631</v>
      </c>
      <c r="F3237" s="4" t="s">
        <v>16632</v>
      </c>
      <c r="G3237" s="4" t="s">
        <v>16633</v>
      </c>
      <c r="H3237" s="4" t="s">
        <v>16634</v>
      </c>
      <c r="I3237" s="4" t="s">
        <v>16635</v>
      </c>
      <c r="K3237" s="4" t="s">
        <v>16636</v>
      </c>
    </row>
    <row r="3238" spans="1:11" ht="86.4" x14ac:dyDescent="0.3">
      <c r="A3238" s="1">
        <v>25171</v>
      </c>
      <c r="C3238" s="4" t="s">
        <v>16637</v>
      </c>
      <c r="F3238" s="4" t="s">
        <v>16638</v>
      </c>
      <c r="G3238" s="4" t="s">
        <v>16639</v>
      </c>
      <c r="H3238" s="4" t="s">
        <v>16640</v>
      </c>
      <c r="I3238" s="4" t="s">
        <v>16641</v>
      </c>
      <c r="K3238" s="4" t="s">
        <v>16642</v>
      </c>
    </row>
    <row r="3239" spans="1:11" ht="28.8" x14ac:dyDescent="0.3">
      <c r="A3239" s="1">
        <v>25176</v>
      </c>
      <c r="D3239" s="4" t="s">
        <v>16643</v>
      </c>
      <c r="J3239" s="4" t="s">
        <v>16644</v>
      </c>
      <c r="K3239" s="4" t="s">
        <v>16645</v>
      </c>
    </row>
    <row r="3240" spans="1:11" ht="57.6" x14ac:dyDescent="0.3">
      <c r="A3240" s="1">
        <v>25181</v>
      </c>
      <c r="C3240" s="4" t="s">
        <v>16646</v>
      </c>
      <c r="D3240" s="4" t="s">
        <v>16647</v>
      </c>
      <c r="E3240" s="4" t="s">
        <v>16648</v>
      </c>
      <c r="F3240" s="4" t="s">
        <v>16649</v>
      </c>
      <c r="G3240" s="4" t="s">
        <v>16650</v>
      </c>
      <c r="H3240" s="4" t="s">
        <v>16651</v>
      </c>
      <c r="I3240" s="4" t="s">
        <v>16652</v>
      </c>
      <c r="K3240" s="4" t="s">
        <v>16653</v>
      </c>
    </row>
    <row r="3241" spans="1:11" ht="72" x14ac:dyDescent="0.3">
      <c r="A3241" s="1">
        <v>25196</v>
      </c>
      <c r="D3241" s="4" t="s">
        <v>16654</v>
      </c>
      <c r="E3241" s="4" t="s">
        <v>16655</v>
      </c>
      <c r="F3241" s="4" t="s">
        <v>16656</v>
      </c>
      <c r="G3241" s="4" t="s">
        <v>16657</v>
      </c>
      <c r="H3241" s="4" t="s">
        <v>16658</v>
      </c>
      <c r="I3241" s="4" t="s">
        <v>16659</v>
      </c>
      <c r="J3241" s="4" t="s">
        <v>16660</v>
      </c>
      <c r="K3241" s="4" t="s">
        <v>16661</v>
      </c>
    </row>
    <row r="3242" spans="1:11" ht="43.2" x14ac:dyDescent="0.3">
      <c r="A3242" s="1">
        <v>25201</v>
      </c>
      <c r="C3242" s="4" t="s">
        <v>16662</v>
      </c>
      <c r="D3242" s="4" t="s">
        <v>16663</v>
      </c>
      <c r="E3242" s="4" t="s">
        <v>16664</v>
      </c>
      <c r="F3242" s="4" t="s">
        <v>16665</v>
      </c>
      <c r="G3242" s="4" t="s">
        <v>16666</v>
      </c>
      <c r="H3242" s="4" t="s">
        <v>16667</v>
      </c>
    </row>
    <row r="3243" spans="1:11" ht="86.4" x14ac:dyDescent="0.3">
      <c r="A3243" s="1">
        <v>25206</v>
      </c>
      <c r="C3243" s="4" t="s">
        <v>16668</v>
      </c>
      <c r="D3243" s="4" t="s">
        <v>16669</v>
      </c>
      <c r="E3243" s="4" t="s">
        <v>16670</v>
      </c>
      <c r="F3243" s="4" t="s">
        <v>16671</v>
      </c>
      <c r="G3243" s="4" t="s">
        <v>16672</v>
      </c>
      <c r="H3243" s="4" t="s">
        <v>16673</v>
      </c>
      <c r="I3243" s="4" t="s">
        <v>16674</v>
      </c>
      <c r="K3243" s="4" t="s">
        <v>16675</v>
      </c>
    </row>
    <row r="3244" spans="1:11" ht="72" x14ac:dyDescent="0.3">
      <c r="A3244" s="1">
        <v>25211</v>
      </c>
      <c r="C3244" s="4" t="s">
        <v>16676</v>
      </c>
      <c r="D3244" s="4" t="s">
        <v>16677</v>
      </c>
      <c r="E3244" s="4" t="s">
        <v>16678</v>
      </c>
      <c r="F3244" s="4" t="s">
        <v>16679</v>
      </c>
      <c r="G3244" s="4" t="s">
        <v>16680</v>
      </c>
      <c r="H3244" s="4" t="s">
        <v>16681</v>
      </c>
      <c r="I3244" s="4" t="s">
        <v>16682</v>
      </c>
      <c r="J3244" s="4" t="s">
        <v>16683</v>
      </c>
      <c r="K3244" s="4" t="s">
        <v>16684</v>
      </c>
    </row>
    <row r="3245" spans="1:11" x14ac:dyDescent="0.3">
      <c r="A3245" s="1">
        <v>25216</v>
      </c>
    </row>
    <row r="3246" spans="1:11" ht="86.4" x14ac:dyDescent="0.3">
      <c r="A3246" s="1">
        <v>25221</v>
      </c>
      <c r="C3246" s="4" t="s">
        <v>16685</v>
      </c>
      <c r="G3246" s="4" t="s">
        <v>16686</v>
      </c>
      <c r="K3246" s="4" t="s">
        <v>16687</v>
      </c>
    </row>
    <row r="3247" spans="1:11" ht="86.4" x14ac:dyDescent="0.3">
      <c r="A3247" s="1">
        <v>25226</v>
      </c>
      <c r="C3247" s="4" t="s">
        <v>16688</v>
      </c>
      <c r="D3247" s="4" t="s">
        <v>16689</v>
      </c>
      <c r="G3247" s="4" t="s">
        <v>16690</v>
      </c>
      <c r="K3247" s="4" t="s">
        <v>16691</v>
      </c>
    </row>
    <row r="3248" spans="1:11" x14ac:dyDescent="0.3">
      <c r="A3248" s="1">
        <v>25241</v>
      </c>
    </row>
    <row r="3249" spans="1:11" ht="28.8" x14ac:dyDescent="0.3">
      <c r="A3249" s="1">
        <v>25246</v>
      </c>
      <c r="C3249" s="4" t="s">
        <v>16692</v>
      </c>
      <c r="D3249" s="4" t="s">
        <v>16693</v>
      </c>
      <c r="E3249" s="4" t="s">
        <v>16694</v>
      </c>
      <c r="G3249" s="4" t="s">
        <v>16695</v>
      </c>
      <c r="H3249" s="4" t="s">
        <v>16695</v>
      </c>
      <c r="K3249" s="4" t="s">
        <v>16696</v>
      </c>
    </row>
    <row r="3250" spans="1:11" ht="86.4" x14ac:dyDescent="0.3">
      <c r="A3250" s="1">
        <v>25256</v>
      </c>
      <c r="C3250" s="4" t="s">
        <v>16697</v>
      </c>
      <c r="D3250" s="4" t="s">
        <v>16698</v>
      </c>
      <c r="F3250" s="4" t="s">
        <v>16699</v>
      </c>
      <c r="G3250" s="4" t="s">
        <v>16700</v>
      </c>
      <c r="H3250" s="4" t="s">
        <v>16701</v>
      </c>
      <c r="I3250" s="4" t="s">
        <v>16702</v>
      </c>
      <c r="K3250" s="4" t="s">
        <v>16703</v>
      </c>
    </row>
    <row r="3251" spans="1:11" ht="57.6" x14ac:dyDescent="0.3">
      <c r="A3251" s="1">
        <v>25261</v>
      </c>
      <c r="C3251" s="4" t="s">
        <v>16704</v>
      </c>
      <c r="D3251" s="4" t="s">
        <v>16705</v>
      </c>
      <c r="E3251" s="4" t="s">
        <v>16706</v>
      </c>
      <c r="G3251" s="4" t="s">
        <v>16707</v>
      </c>
      <c r="H3251" s="4" t="s">
        <v>16708</v>
      </c>
    </row>
    <row r="3252" spans="1:11" ht="43.2" x14ac:dyDescent="0.3">
      <c r="A3252" s="1">
        <v>25266</v>
      </c>
      <c r="C3252" s="4" t="s">
        <v>16709</v>
      </c>
      <c r="D3252" s="4" t="s">
        <v>16710</v>
      </c>
      <c r="F3252" s="4" t="s">
        <v>16711</v>
      </c>
      <c r="G3252" s="4" t="s">
        <v>16712</v>
      </c>
      <c r="H3252" s="4" t="s">
        <v>16713</v>
      </c>
      <c r="I3252" s="4" t="s">
        <v>16714</v>
      </c>
      <c r="K3252" s="4" t="s">
        <v>16715</v>
      </c>
    </row>
    <row r="3253" spans="1:11" ht="100.8" x14ac:dyDescent="0.3">
      <c r="A3253" s="1">
        <v>25271</v>
      </c>
      <c r="C3253" s="4" t="s">
        <v>16716</v>
      </c>
      <c r="D3253" s="4" t="s">
        <v>16717</v>
      </c>
    </row>
    <row r="3254" spans="1:11" ht="86.4" x14ac:dyDescent="0.3">
      <c r="A3254" s="1">
        <v>25276</v>
      </c>
      <c r="C3254" s="4" t="s">
        <v>16718</v>
      </c>
      <c r="D3254" s="4" t="s">
        <v>16719</v>
      </c>
      <c r="F3254" s="4" t="s">
        <v>16720</v>
      </c>
      <c r="G3254" s="4" t="s">
        <v>16721</v>
      </c>
      <c r="H3254" s="4" t="s">
        <v>16722</v>
      </c>
      <c r="I3254" s="4" t="s">
        <v>16723</v>
      </c>
      <c r="K3254" s="4" t="s">
        <v>16724</v>
      </c>
    </row>
    <row r="3255" spans="1:11" ht="86.4" x14ac:dyDescent="0.3">
      <c r="A3255" s="1">
        <v>25281</v>
      </c>
      <c r="C3255" s="4" t="s">
        <v>16725</v>
      </c>
      <c r="D3255" s="4" t="s">
        <v>16726</v>
      </c>
      <c r="E3255" s="4" t="s">
        <v>16727</v>
      </c>
      <c r="F3255" s="4" t="s">
        <v>16728</v>
      </c>
      <c r="G3255" s="4" t="s">
        <v>16729</v>
      </c>
      <c r="H3255" s="4" t="s">
        <v>16730</v>
      </c>
      <c r="I3255" s="4" t="s">
        <v>16731</v>
      </c>
      <c r="K3255" s="4" t="s">
        <v>16732</v>
      </c>
    </row>
    <row r="3256" spans="1:11" ht="86.4" x14ac:dyDescent="0.3">
      <c r="A3256" s="1">
        <v>25286</v>
      </c>
      <c r="C3256" s="4" t="s">
        <v>16733</v>
      </c>
      <c r="D3256" s="4" t="s">
        <v>16734</v>
      </c>
      <c r="E3256" s="4" t="s">
        <v>16735</v>
      </c>
      <c r="F3256" s="4" t="s">
        <v>16736</v>
      </c>
      <c r="G3256" s="4" t="s">
        <v>16737</v>
      </c>
      <c r="H3256" s="4" t="s">
        <v>16738</v>
      </c>
      <c r="I3256" s="4" t="s">
        <v>16739</v>
      </c>
      <c r="K3256" s="4" t="s">
        <v>16740</v>
      </c>
    </row>
    <row r="3257" spans="1:11" ht="72" x14ac:dyDescent="0.3">
      <c r="A3257" s="1">
        <v>25291</v>
      </c>
      <c r="C3257" s="4" t="s">
        <v>16741</v>
      </c>
      <c r="D3257" s="4" t="s">
        <v>16742</v>
      </c>
      <c r="E3257" s="4" t="s">
        <v>16743</v>
      </c>
      <c r="F3257" s="4" t="s">
        <v>16744</v>
      </c>
      <c r="G3257" s="4" t="s">
        <v>16745</v>
      </c>
      <c r="H3257" s="4" t="s">
        <v>16746</v>
      </c>
      <c r="I3257" s="4" t="s">
        <v>16747</v>
      </c>
      <c r="K3257" s="4" t="s">
        <v>16748</v>
      </c>
    </row>
    <row r="3258" spans="1:11" x14ac:dyDescent="0.3">
      <c r="A3258" s="1">
        <v>25296</v>
      </c>
      <c r="C3258" s="4" t="s">
        <v>16749</v>
      </c>
      <c r="D3258" s="4" t="s">
        <v>16750</v>
      </c>
      <c r="F3258" s="4" t="s">
        <v>16749</v>
      </c>
      <c r="I3258" s="4" t="s">
        <v>16751</v>
      </c>
      <c r="K3258" s="4" t="s">
        <v>16752</v>
      </c>
    </row>
    <row r="3259" spans="1:11" ht="86.4" x14ac:dyDescent="0.3">
      <c r="A3259" s="1">
        <v>25301</v>
      </c>
      <c r="C3259" s="4" t="s">
        <v>16753</v>
      </c>
      <c r="D3259" s="4" t="s">
        <v>16754</v>
      </c>
      <c r="E3259" s="4" t="s">
        <v>16755</v>
      </c>
      <c r="F3259" s="4" t="s">
        <v>16756</v>
      </c>
      <c r="G3259" s="4" t="s">
        <v>16757</v>
      </c>
      <c r="H3259" s="4" t="s">
        <v>16758</v>
      </c>
      <c r="I3259" s="4" t="s">
        <v>16759</v>
      </c>
      <c r="J3259" s="4" t="s">
        <v>16760</v>
      </c>
      <c r="K3259" s="4" t="s">
        <v>16761</v>
      </c>
    </row>
    <row r="3260" spans="1:11" ht="86.4" x14ac:dyDescent="0.3">
      <c r="A3260" s="1">
        <v>25306</v>
      </c>
      <c r="C3260" s="4" t="s">
        <v>16762</v>
      </c>
      <c r="D3260" s="4" t="s">
        <v>16763</v>
      </c>
      <c r="E3260" s="4" t="s">
        <v>16764</v>
      </c>
      <c r="F3260" s="4" t="s">
        <v>16765</v>
      </c>
      <c r="G3260" s="4" t="s">
        <v>16766</v>
      </c>
      <c r="H3260" s="4" t="s">
        <v>16767</v>
      </c>
      <c r="I3260" s="4" t="s">
        <v>16768</v>
      </c>
      <c r="J3260" s="4" t="s">
        <v>16769</v>
      </c>
      <c r="K3260" s="4" t="s">
        <v>16770</v>
      </c>
    </row>
    <row r="3261" spans="1:11" ht="86.4" x14ac:dyDescent="0.3">
      <c r="A3261" s="1">
        <v>25311</v>
      </c>
      <c r="C3261" s="4" t="s">
        <v>16771</v>
      </c>
    </row>
    <row r="3262" spans="1:11" ht="100.8" x14ac:dyDescent="0.3">
      <c r="A3262" s="1">
        <v>25321</v>
      </c>
      <c r="C3262" s="4" t="s">
        <v>16772</v>
      </c>
    </row>
    <row r="3263" spans="1:11" ht="100.8" x14ac:dyDescent="0.3">
      <c r="A3263" s="1">
        <v>25326</v>
      </c>
      <c r="C3263" s="4" t="s">
        <v>16773</v>
      </c>
      <c r="D3263" s="4" t="s">
        <v>16774</v>
      </c>
      <c r="E3263" s="4" t="s">
        <v>16775</v>
      </c>
      <c r="F3263" s="4" t="s">
        <v>16776</v>
      </c>
      <c r="G3263" s="4" t="s">
        <v>16777</v>
      </c>
      <c r="H3263" s="4" t="s">
        <v>16778</v>
      </c>
      <c r="I3263" s="4" t="s">
        <v>16779</v>
      </c>
      <c r="K3263" s="4" t="s">
        <v>16780</v>
      </c>
    </row>
    <row r="3264" spans="1:11" x14ac:dyDescent="0.3">
      <c r="A3264" s="1">
        <v>25336</v>
      </c>
    </row>
    <row r="3265" spans="1:11" ht="43.2" x14ac:dyDescent="0.3">
      <c r="A3265" s="1">
        <v>25341</v>
      </c>
      <c r="C3265" s="4" t="s">
        <v>16781</v>
      </c>
      <c r="D3265" s="4" t="s">
        <v>16782</v>
      </c>
      <c r="E3265" s="4" t="s">
        <v>16783</v>
      </c>
      <c r="F3265" s="4" t="s">
        <v>16784</v>
      </c>
      <c r="G3265" s="4" t="s">
        <v>16785</v>
      </c>
      <c r="H3265" s="4" t="s">
        <v>16786</v>
      </c>
      <c r="K3265" s="4" t="s">
        <v>16787</v>
      </c>
    </row>
    <row r="3266" spans="1:11" x14ac:dyDescent="0.3">
      <c r="A3266" s="1">
        <v>25346</v>
      </c>
      <c r="B3266" s="1" t="s">
        <v>16788</v>
      </c>
      <c r="C3266" s="4" t="s">
        <v>16789</v>
      </c>
    </row>
    <row r="3267" spans="1:11" ht="86.4" x14ac:dyDescent="0.3">
      <c r="A3267" s="1">
        <v>25356</v>
      </c>
      <c r="E3267" s="4" t="s">
        <v>16790</v>
      </c>
      <c r="F3267" s="4" t="s">
        <v>16791</v>
      </c>
      <c r="H3267" s="4" t="s">
        <v>16792</v>
      </c>
      <c r="I3267" s="4" t="s">
        <v>16793</v>
      </c>
    </row>
    <row r="3268" spans="1:11" ht="86.4" x14ac:dyDescent="0.3">
      <c r="A3268" s="1">
        <v>25361</v>
      </c>
      <c r="F3268" s="4" t="s">
        <v>16794</v>
      </c>
      <c r="H3268" s="4" t="s">
        <v>16795</v>
      </c>
    </row>
    <row r="3269" spans="1:11" ht="43.2" x14ac:dyDescent="0.3">
      <c r="A3269" s="1">
        <v>25366</v>
      </c>
      <c r="C3269" s="4" t="s">
        <v>16796</v>
      </c>
      <c r="D3269" s="4" t="s">
        <v>16797</v>
      </c>
      <c r="I3269" s="4" t="s">
        <v>16798</v>
      </c>
    </row>
    <row r="3270" spans="1:11" ht="57.6" x14ac:dyDescent="0.3">
      <c r="A3270" s="1">
        <v>25376</v>
      </c>
      <c r="C3270" s="4" t="s">
        <v>16799</v>
      </c>
      <c r="D3270" s="4" t="s">
        <v>16800</v>
      </c>
      <c r="E3270" s="4" t="s">
        <v>16801</v>
      </c>
      <c r="F3270" s="4" t="s">
        <v>16802</v>
      </c>
      <c r="G3270" s="4" t="s">
        <v>16803</v>
      </c>
      <c r="H3270" s="4" t="s">
        <v>16804</v>
      </c>
      <c r="I3270" s="4" t="s">
        <v>16805</v>
      </c>
      <c r="K3270" s="4" t="s">
        <v>16806</v>
      </c>
    </row>
    <row r="3271" spans="1:11" ht="86.4" x14ac:dyDescent="0.3">
      <c r="A3271" s="1">
        <v>25381</v>
      </c>
      <c r="C3271" s="4" t="s">
        <v>16807</v>
      </c>
      <c r="D3271" s="4" t="s">
        <v>16808</v>
      </c>
      <c r="E3271" s="4" t="s">
        <v>16809</v>
      </c>
      <c r="F3271" s="4" t="s">
        <v>16810</v>
      </c>
      <c r="G3271" s="4" t="s">
        <v>16811</v>
      </c>
    </row>
    <row r="3272" spans="1:11" ht="72" x14ac:dyDescent="0.3">
      <c r="A3272" s="1">
        <v>25386</v>
      </c>
      <c r="C3272" s="4" t="s">
        <v>16812</v>
      </c>
      <c r="D3272" s="4" t="s">
        <v>16813</v>
      </c>
      <c r="G3272" s="4" t="s">
        <v>16814</v>
      </c>
      <c r="H3272" s="4" t="s">
        <v>16815</v>
      </c>
      <c r="I3272" s="4" t="s">
        <v>16816</v>
      </c>
      <c r="K3272" s="4" t="s">
        <v>16817</v>
      </c>
    </row>
    <row r="3273" spans="1:11" ht="43.2" x14ac:dyDescent="0.3">
      <c r="A3273" s="1">
        <v>25391</v>
      </c>
      <c r="C3273" s="4" t="s">
        <v>16818</v>
      </c>
      <c r="D3273" s="4" t="s">
        <v>16819</v>
      </c>
      <c r="E3273" s="4" t="s">
        <v>16820</v>
      </c>
      <c r="F3273" s="4" t="s">
        <v>16819</v>
      </c>
      <c r="G3273" s="4" t="s">
        <v>16821</v>
      </c>
      <c r="H3273" s="4" t="s">
        <v>16821</v>
      </c>
      <c r="I3273" s="4" t="s">
        <v>16822</v>
      </c>
      <c r="K3273" s="4" t="s">
        <v>16819</v>
      </c>
    </row>
    <row r="3274" spans="1:11" ht="72" x14ac:dyDescent="0.3">
      <c r="A3274" s="1">
        <v>25396</v>
      </c>
      <c r="C3274" s="4" t="s">
        <v>16823</v>
      </c>
      <c r="D3274" s="4" t="s">
        <v>16824</v>
      </c>
      <c r="E3274" s="4" t="s">
        <v>16825</v>
      </c>
      <c r="F3274" s="4" t="s">
        <v>16826</v>
      </c>
      <c r="G3274" s="4" t="s">
        <v>16827</v>
      </c>
    </row>
    <row r="3275" spans="1:11" x14ac:dyDescent="0.3">
      <c r="A3275" s="1">
        <v>25401</v>
      </c>
      <c r="B3275" s="1" t="s">
        <v>9681</v>
      </c>
      <c r="D3275" s="4" t="s">
        <v>16828</v>
      </c>
    </row>
    <row r="3276" spans="1:11" ht="100.8" x14ac:dyDescent="0.3">
      <c r="A3276" s="1">
        <v>25416</v>
      </c>
      <c r="C3276" s="4" t="s">
        <v>16829</v>
      </c>
      <c r="D3276" s="4" t="s">
        <v>16830</v>
      </c>
      <c r="E3276" s="4" t="s">
        <v>16831</v>
      </c>
      <c r="F3276" s="4" t="s">
        <v>16832</v>
      </c>
      <c r="G3276" s="4" t="s">
        <v>16833</v>
      </c>
      <c r="H3276" s="4" t="s">
        <v>16834</v>
      </c>
      <c r="J3276" s="4" t="s">
        <v>16835</v>
      </c>
      <c r="K3276" s="4" t="s">
        <v>16836</v>
      </c>
    </row>
    <row r="3277" spans="1:11" ht="86.4" x14ac:dyDescent="0.3">
      <c r="A3277" s="1">
        <v>25421</v>
      </c>
      <c r="C3277" s="4" t="s">
        <v>16837</v>
      </c>
      <c r="D3277" s="4" t="s">
        <v>16838</v>
      </c>
      <c r="E3277" s="4" t="s">
        <v>16839</v>
      </c>
      <c r="F3277" s="4" t="s">
        <v>16840</v>
      </c>
      <c r="G3277" s="4" t="s">
        <v>16841</v>
      </c>
      <c r="H3277" s="4" t="s">
        <v>16842</v>
      </c>
      <c r="I3277" s="4" t="s">
        <v>16843</v>
      </c>
      <c r="J3277" s="4" t="s">
        <v>16844</v>
      </c>
      <c r="K3277" s="4" t="s">
        <v>16845</v>
      </c>
    </row>
    <row r="3278" spans="1:11" ht="86.4" x14ac:dyDescent="0.3">
      <c r="A3278" s="1">
        <v>25431</v>
      </c>
      <c r="C3278" s="4" t="s">
        <v>16846</v>
      </c>
      <c r="D3278" s="4" t="s">
        <v>16847</v>
      </c>
      <c r="G3278" s="4" t="s">
        <v>16848</v>
      </c>
      <c r="I3278" s="4" t="s">
        <v>16849</v>
      </c>
      <c r="K3278" s="4" t="s">
        <v>16850</v>
      </c>
    </row>
    <row r="3279" spans="1:11" ht="57.6" x14ac:dyDescent="0.3">
      <c r="A3279" s="1">
        <v>25436</v>
      </c>
      <c r="C3279" s="4" t="s">
        <v>16851</v>
      </c>
      <c r="D3279" s="4" t="s">
        <v>16852</v>
      </c>
      <c r="E3279" s="4" t="s">
        <v>16853</v>
      </c>
      <c r="G3279" s="4" t="s">
        <v>16854</v>
      </c>
      <c r="H3279" s="4" t="s">
        <v>16855</v>
      </c>
    </row>
    <row r="3280" spans="1:11" ht="86.4" x14ac:dyDescent="0.3">
      <c r="A3280" s="1">
        <v>25446</v>
      </c>
      <c r="C3280" s="4" t="s">
        <v>16856</v>
      </c>
      <c r="D3280" s="4" t="s">
        <v>16857</v>
      </c>
      <c r="E3280" s="4" t="s">
        <v>16858</v>
      </c>
      <c r="F3280" s="4" t="s">
        <v>16859</v>
      </c>
      <c r="G3280" s="4" t="s">
        <v>16860</v>
      </c>
      <c r="H3280" s="4" t="s">
        <v>16861</v>
      </c>
      <c r="I3280" s="4" t="s">
        <v>16862</v>
      </c>
      <c r="K3280" s="4" t="s">
        <v>16863</v>
      </c>
    </row>
    <row r="3281" spans="1:11" ht="86.4" x14ac:dyDescent="0.3">
      <c r="A3281" s="1">
        <v>25451</v>
      </c>
      <c r="C3281" s="4" t="s">
        <v>16864</v>
      </c>
      <c r="D3281" s="4" t="s">
        <v>16865</v>
      </c>
      <c r="E3281" s="4" t="s">
        <v>16866</v>
      </c>
      <c r="F3281" s="4" t="s">
        <v>16867</v>
      </c>
      <c r="G3281" s="4" t="s">
        <v>16868</v>
      </c>
      <c r="H3281" s="4" t="s">
        <v>16869</v>
      </c>
      <c r="I3281" s="4" t="s">
        <v>16870</v>
      </c>
      <c r="K3281" s="4" t="s">
        <v>16871</v>
      </c>
    </row>
    <row r="3282" spans="1:11" ht="72" x14ac:dyDescent="0.3">
      <c r="A3282" s="1">
        <v>25456</v>
      </c>
      <c r="C3282" s="4" t="s">
        <v>16872</v>
      </c>
      <c r="D3282" s="4" t="s">
        <v>16873</v>
      </c>
      <c r="F3282" s="4" t="s">
        <v>16874</v>
      </c>
      <c r="G3282" s="4" t="s">
        <v>16875</v>
      </c>
      <c r="H3282" s="4" t="s">
        <v>16876</v>
      </c>
      <c r="I3282" s="4" t="s">
        <v>16877</v>
      </c>
      <c r="K3282" s="4" t="s">
        <v>16878</v>
      </c>
    </row>
    <row r="3283" spans="1:11" ht="86.4" x14ac:dyDescent="0.3">
      <c r="A3283" s="1">
        <v>25466</v>
      </c>
      <c r="C3283" s="4" t="s">
        <v>16879</v>
      </c>
      <c r="D3283" s="4" t="s">
        <v>16880</v>
      </c>
      <c r="E3283" s="4" t="s">
        <v>16881</v>
      </c>
      <c r="F3283" s="4" t="s">
        <v>16882</v>
      </c>
      <c r="G3283" s="4" t="s">
        <v>16883</v>
      </c>
      <c r="H3283" s="4" t="s">
        <v>16884</v>
      </c>
    </row>
    <row r="3284" spans="1:11" ht="86.4" x14ac:dyDescent="0.3">
      <c r="A3284" s="1">
        <v>25476</v>
      </c>
      <c r="C3284" s="4" t="s">
        <v>16885</v>
      </c>
      <c r="D3284" s="4" t="s">
        <v>16886</v>
      </c>
      <c r="E3284" s="4" t="s">
        <v>16887</v>
      </c>
      <c r="F3284" s="4" t="s">
        <v>16888</v>
      </c>
      <c r="G3284" s="4" t="s">
        <v>16889</v>
      </c>
      <c r="H3284" s="4" t="s">
        <v>16890</v>
      </c>
      <c r="I3284" s="4" t="s">
        <v>16891</v>
      </c>
      <c r="K3284" s="4" t="s">
        <v>16892</v>
      </c>
    </row>
    <row r="3285" spans="1:11" ht="86.4" x14ac:dyDescent="0.3">
      <c r="A3285" s="1">
        <v>25486</v>
      </c>
      <c r="C3285" s="4" t="s">
        <v>16893</v>
      </c>
      <c r="D3285" s="4" t="s">
        <v>16894</v>
      </c>
      <c r="E3285" s="4" t="s">
        <v>16895</v>
      </c>
      <c r="F3285" s="4" t="s">
        <v>16896</v>
      </c>
      <c r="G3285" s="4" t="s">
        <v>16897</v>
      </c>
      <c r="H3285" s="4" t="s">
        <v>16898</v>
      </c>
      <c r="I3285" s="4" t="s">
        <v>16899</v>
      </c>
      <c r="K3285" s="4" t="s">
        <v>16900</v>
      </c>
    </row>
    <row r="3286" spans="1:11" ht="57.6" x14ac:dyDescent="0.3">
      <c r="A3286" s="1">
        <v>25491</v>
      </c>
      <c r="C3286" s="4" t="s">
        <v>16901</v>
      </c>
      <c r="D3286" s="4" t="s">
        <v>16902</v>
      </c>
      <c r="F3286" s="4" t="s">
        <v>16903</v>
      </c>
      <c r="G3286" s="4" t="s">
        <v>16904</v>
      </c>
      <c r="H3286" s="4" t="s">
        <v>16905</v>
      </c>
      <c r="K3286" s="4" t="s">
        <v>16906</v>
      </c>
    </row>
    <row r="3287" spans="1:11" ht="86.4" x14ac:dyDescent="0.3">
      <c r="A3287" s="1">
        <v>25496</v>
      </c>
      <c r="C3287" s="4" t="s">
        <v>16907</v>
      </c>
      <c r="D3287" s="4" t="s">
        <v>16908</v>
      </c>
      <c r="E3287" s="4" t="s">
        <v>16909</v>
      </c>
      <c r="F3287" s="4" t="s">
        <v>16910</v>
      </c>
      <c r="G3287" s="4" t="s">
        <v>16911</v>
      </c>
      <c r="H3287" s="4" t="s">
        <v>16912</v>
      </c>
      <c r="I3287" s="4" t="s">
        <v>16913</v>
      </c>
    </row>
    <row r="3288" spans="1:11" ht="86.4" x14ac:dyDescent="0.3">
      <c r="A3288" s="1">
        <v>25501</v>
      </c>
      <c r="C3288" s="4" t="s">
        <v>16914</v>
      </c>
      <c r="D3288" s="4" t="s">
        <v>16915</v>
      </c>
      <c r="E3288" s="4" t="s">
        <v>16916</v>
      </c>
      <c r="F3288" s="4" t="s">
        <v>16917</v>
      </c>
      <c r="G3288" s="4" t="s">
        <v>16918</v>
      </c>
      <c r="H3288" s="4" t="s">
        <v>16919</v>
      </c>
      <c r="I3288" s="4" t="s">
        <v>16920</v>
      </c>
      <c r="J3288" s="4" t="s">
        <v>16921</v>
      </c>
      <c r="K3288" s="4" t="s">
        <v>16922</v>
      </c>
    </row>
    <row r="3289" spans="1:11" x14ac:dyDescent="0.3">
      <c r="A3289" s="1">
        <v>25506</v>
      </c>
      <c r="C3289" s="4" t="s">
        <v>16923</v>
      </c>
      <c r="D3289" s="4" t="s">
        <v>16924</v>
      </c>
      <c r="E3289" s="4" t="s">
        <v>16925</v>
      </c>
      <c r="F3289" s="4" t="s">
        <v>16923</v>
      </c>
      <c r="G3289" s="4" t="s">
        <v>16926</v>
      </c>
      <c r="H3289" s="4" t="s">
        <v>16927</v>
      </c>
      <c r="I3289" s="4" t="s">
        <v>16928</v>
      </c>
      <c r="K3289" s="4" t="s">
        <v>16929</v>
      </c>
    </row>
    <row r="3290" spans="1:11" ht="28.8" x14ac:dyDescent="0.3">
      <c r="A3290" s="1">
        <v>25521</v>
      </c>
      <c r="K3290" s="4" t="s">
        <v>16930</v>
      </c>
    </row>
    <row r="3291" spans="1:11" ht="72" x14ac:dyDescent="0.3">
      <c r="A3291" s="1">
        <v>25531</v>
      </c>
      <c r="C3291" s="4" t="s">
        <v>16931</v>
      </c>
      <c r="D3291" s="4" t="s">
        <v>16932</v>
      </c>
      <c r="F3291" s="4" t="s">
        <v>16933</v>
      </c>
      <c r="G3291" s="4" t="s">
        <v>16934</v>
      </c>
      <c r="H3291" s="4" t="s">
        <v>16935</v>
      </c>
      <c r="I3291" s="4" t="s">
        <v>16936</v>
      </c>
      <c r="K3291" s="4" t="s">
        <v>16937</v>
      </c>
    </row>
    <row r="3292" spans="1:11" ht="72" x14ac:dyDescent="0.3">
      <c r="A3292" s="1">
        <v>25536</v>
      </c>
      <c r="C3292" s="4" t="s">
        <v>16938</v>
      </c>
      <c r="D3292" s="4" t="s">
        <v>16939</v>
      </c>
      <c r="G3292" s="4" t="s">
        <v>16940</v>
      </c>
      <c r="H3292" s="4" t="s">
        <v>16941</v>
      </c>
      <c r="I3292" s="4" t="s">
        <v>16942</v>
      </c>
      <c r="J3292" s="4" t="s">
        <v>16943</v>
      </c>
      <c r="K3292" s="4" t="s">
        <v>16944</v>
      </c>
    </row>
    <row r="3293" spans="1:11" ht="72" x14ac:dyDescent="0.3">
      <c r="A3293" s="1">
        <v>25541</v>
      </c>
      <c r="C3293" s="4" t="s">
        <v>16945</v>
      </c>
      <c r="D3293" s="4" t="s">
        <v>16946</v>
      </c>
      <c r="E3293" s="4" t="s">
        <v>16947</v>
      </c>
      <c r="F3293" s="4" t="s">
        <v>6197</v>
      </c>
      <c r="G3293" s="4" t="s">
        <v>16948</v>
      </c>
      <c r="H3293" s="4" t="s">
        <v>16949</v>
      </c>
      <c r="I3293" s="4" t="s">
        <v>16950</v>
      </c>
      <c r="J3293" s="4" t="s">
        <v>16951</v>
      </c>
      <c r="K3293" s="4" t="s">
        <v>16952</v>
      </c>
    </row>
    <row r="3294" spans="1:11" x14ac:dyDescent="0.3">
      <c r="A3294" s="1">
        <v>25551</v>
      </c>
    </row>
    <row r="3295" spans="1:11" ht="72" x14ac:dyDescent="0.3">
      <c r="A3295" s="1">
        <v>25561</v>
      </c>
      <c r="C3295" s="4" t="s">
        <v>16953</v>
      </c>
      <c r="D3295" s="4" t="s">
        <v>16954</v>
      </c>
      <c r="E3295" s="4" t="s">
        <v>16955</v>
      </c>
      <c r="F3295" s="4" t="s">
        <v>16956</v>
      </c>
      <c r="G3295" s="4" t="s">
        <v>16957</v>
      </c>
      <c r="H3295" s="4" t="s">
        <v>16958</v>
      </c>
      <c r="I3295" s="4" t="s">
        <v>16959</v>
      </c>
      <c r="K3295" s="4" t="s">
        <v>16960</v>
      </c>
    </row>
    <row r="3296" spans="1:11" ht="72" x14ac:dyDescent="0.3">
      <c r="A3296" s="1">
        <v>25566</v>
      </c>
      <c r="C3296" s="4" t="s">
        <v>16961</v>
      </c>
      <c r="D3296" s="4" t="s">
        <v>16962</v>
      </c>
      <c r="E3296" s="4" t="s">
        <v>16963</v>
      </c>
      <c r="G3296" s="4" t="s">
        <v>16964</v>
      </c>
      <c r="H3296" s="4" t="s">
        <v>16965</v>
      </c>
      <c r="K3296" s="4" t="s">
        <v>16966</v>
      </c>
    </row>
    <row r="3297" spans="1:11" ht="86.4" x14ac:dyDescent="0.3">
      <c r="A3297" s="1">
        <v>25581</v>
      </c>
      <c r="C3297" s="4" t="s">
        <v>16967</v>
      </c>
      <c r="D3297" s="4" t="s">
        <v>16968</v>
      </c>
      <c r="E3297" s="4" t="s">
        <v>16969</v>
      </c>
      <c r="F3297" s="4" t="s">
        <v>16970</v>
      </c>
      <c r="G3297" s="4" t="s">
        <v>16971</v>
      </c>
      <c r="H3297" s="4" t="s">
        <v>16972</v>
      </c>
      <c r="I3297" s="4" t="s">
        <v>16973</v>
      </c>
      <c r="K3297" s="4" t="s">
        <v>16974</v>
      </c>
    </row>
    <row r="3298" spans="1:11" x14ac:dyDescent="0.3">
      <c r="A3298" s="1">
        <v>25586</v>
      </c>
      <c r="C3298" s="4" t="s">
        <v>16975</v>
      </c>
    </row>
    <row r="3299" spans="1:11" ht="57.6" x14ac:dyDescent="0.3">
      <c r="A3299" s="1">
        <v>25591</v>
      </c>
      <c r="C3299" s="4" t="s">
        <v>16976</v>
      </c>
      <c r="F3299" s="4" t="s">
        <v>16977</v>
      </c>
      <c r="I3299" s="4" t="s">
        <v>16978</v>
      </c>
      <c r="J3299" s="4" t="s">
        <v>16979</v>
      </c>
    </row>
    <row r="3300" spans="1:11" ht="86.4" x14ac:dyDescent="0.3">
      <c r="A3300" s="1">
        <v>25606</v>
      </c>
      <c r="C3300" s="4" t="s">
        <v>16980</v>
      </c>
      <c r="D3300" s="4" t="s">
        <v>16981</v>
      </c>
      <c r="E3300" s="4" t="s">
        <v>16982</v>
      </c>
      <c r="F3300" s="4" t="s">
        <v>16983</v>
      </c>
      <c r="G3300" s="4" t="s">
        <v>16984</v>
      </c>
      <c r="H3300" s="4" t="s">
        <v>16985</v>
      </c>
      <c r="I3300" s="4" t="s">
        <v>16986</v>
      </c>
      <c r="J3300" s="4" t="s">
        <v>16987</v>
      </c>
      <c r="K3300" s="4" t="s">
        <v>16988</v>
      </c>
    </row>
    <row r="3301" spans="1:11" ht="57.6" x14ac:dyDescent="0.3">
      <c r="A3301" s="1">
        <v>25621</v>
      </c>
      <c r="C3301" s="4" t="s">
        <v>16989</v>
      </c>
      <c r="D3301" s="4" t="s">
        <v>16990</v>
      </c>
      <c r="G3301" s="4" t="s">
        <v>16991</v>
      </c>
      <c r="H3301" s="4" t="s">
        <v>16992</v>
      </c>
      <c r="K3301" s="4" t="s">
        <v>16993</v>
      </c>
    </row>
    <row r="3302" spans="1:11" ht="72" x14ac:dyDescent="0.3">
      <c r="A3302" s="1">
        <v>25626</v>
      </c>
      <c r="C3302" s="4" t="s">
        <v>16994</v>
      </c>
      <c r="D3302" s="4" t="s">
        <v>16995</v>
      </c>
      <c r="E3302" s="4" t="s">
        <v>16996</v>
      </c>
      <c r="F3302" s="4" t="s">
        <v>16997</v>
      </c>
      <c r="G3302" s="4" t="s">
        <v>16998</v>
      </c>
      <c r="H3302" s="4" t="s">
        <v>16999</v>
      </c>
      <c r="I3302" s="4" t="s">
        <v>17000</v>
      </c>
      <c r="K3302" s="4" t="s">
        <v>17001</v>
      </c>
    </row>
    <row r="3303" spans="1:11" ht="72" x14ac:dyDescent="0.3">
      <c r="A3303" s="1">
        <v>25641</v>
      </c>
      <c r="C3303" s="4" t="s">
        <v>17002</v>
      </c>
      <c r="D3303" s="4" t="s">
        <v>17003</v>
      </c>
      <c r="G3303" s="4" t="s">
        <v>17004</v>
      </c>
      <c r="H3303" s="4" t="s">
        <v>17005</v>
      </c>
      <c r="K3303" s="4" t="s">
        <v>17006</v>
      </c>
    </row>
    <row r="3304" spans="1:11" ht="57.6" x14ac:dyDescent="0.3">
      <c r="A3304" s="1">
        <v>25646</v>
      </c>
      <c r="C3304" s="4" t="s">
        <v>17007</v>
      </c>
      <c r="D3304" s="4" t="s">
        <v>17008</v>
      </c>
      <c r="E3304" s="4" t="s">
        <v>17009</v>
      </c>
      <c r="F3304" s="4" t="s">
        <v>17010</v>
      </c>
      <c r="G3304" s="4" t="s">
        <v>17011</v>
      </c>
      <c r="H3304" s="4" t="s">
        <v>17012</v>
      </c>
      <c r="I3304" s="4" t="s">
        <v>17013</v>
      </c>
      <c r="K3304" s="4" t="s">
        <v>17014</v>
      </c>
    </row>
    <row r="3305" spans="1:11" ht="43.2" x14ac:dyDescent="0.3">
      <c r="A3305" s="1">
        <v>25651</v>
      </c>
      <c r="C3305" s="4" t="s">
        <v>17015</v>
      </c>
      <c r="D3305" s="4" t="s">
        <v>17016</v>
      </c>
      <c r="E3305" s="4" t="s">
        <v>17017</v>
      </c>
      <c r="G3305" s="4" t="s">
        <v>17018</v>
      </c>
      <c r="H3305" s="4" t="s">
        <v>17019</v>
      </c>
      <c r="I3305" s="4" t="s">
        <v>17020</v>
      </c>
      <c r="K3305" s="4" t="s">
        <v>17021</v>
      </c>
    </row>
    <row r="3306" spans="1:11" ht="86.4" x14ac:dyDescent="0.3">
      <c r="A3306" s="1">
        <v>25656</v>
      </c>
      <c r="C3306" s="4" t="s">
        <v>17022</v>
      </c>
      <c r="D3306" s="4" t="s">
        <v>17023</v>
      </c>
      <c r="E3306" s="4" t="s">
        <v>17024</v>
      </c>
      <c r="F3306" s="4" t="s">
        <v>17025</v>
      </c>
      <c r="G3306" s="4" t="s">
        <v>17026</v>
      </c>
      <c r="H3306" s="4" t="s">
        <v>17027</v>
      </c>
      <c r="I3306" s="4" t="s">
        <v>17028</v>
      </c>
      <c r="J3306" s="4" t="s">
        <v>17029</v>
      </c>
      <c r="K3306" s="4" t="s">
        <v>17030</v>
      </c>
    </row>
    <row r="3307" spans="1:11" ht="86.4" x14ac:dyDescent="0.3">
      <c r="A3307" s="1">
        <v>25666</v>
      </c>
      <c r="C3307" s="4" t="s">
        <v>17031</v>
      </c>
      <c r="D3307" s="4" t="s">
        <v>17032</v>
      </c>
      <c r="E3307" s="4" t="s">
        <v>17033</v>
      </c>
      <c r="F3307" s="4" t="s">
        <v>17034</v>
      </c>
      <c r="G3307" s="4" t="s">
        <v>17035</v>
      </c>
      <c r="H3307" s="4" t="s">
        <v>17036</v>
      </c>
      <c r="I3307" s="4" t="s">
        <v>17037</v>
      </c>
      <c r="K3307" s="4" t="s">
        <v>17038</v>
      </c>
    </row>
    <row r="3308" spans="1:11" ht="86.4" x14ac:dyDescent="0.3">
      <c r="A3308" s="1">
        <v>25671</v>
      </c>
      <c r="C3308" s="4" t="s">
        <v>17039</v>
      </c>
      <c r="D3308" s="4" t="s">
        <v>17040</v>
      </c>
      <c r="E3308" s="4" t="s">
        <v>17041</v>
      </c>
      <c r="F3308" s="4" t="s">
        <v>17042</v>
      </c>
      <c r="G3308" s="4" t="s">
        <v>17043</v>
      </c>
      <c r="H3308" s="4" t="s">
        <v>17044</v>
      </c>
      <c r="I3308" s="4" t="s">
        <v>17045</v>
      </c>
      <c r="K3308" s="4" t="s">
        <v>17046</v>
      </c>
    </row>
    <row r="3309" spans="1:11" ht="43.2" x14ac:dyDescent="0.3">
      <c r="A3309" s="1">
        <v>25676</v>
      </c>
      <c r="C3309" s="4" t="s">
        <v>17047</v>
      </c>
      <c r="D3309" s="4" t="s">
        <v>17048</v>
      </c>
      <c r="K3309" s="4" t="s">
        <v>17049</v>
      </c>
    </row>
    <row r="3310" spans="1:11" ht="100.8" x14ac:dyDescent="0.3">
      <c r="A3310" s="1">
        <v>25681</v>
      </c>
      <c r="C3310" s="4" t="s">
        <v>17050</v>
      </c>
      <c r="D3310" s="4" t="s">
        <v>17050</v>
      </c>
      <c r="E3310" s="4" t="s">
        <v>17051</v>
      </c>
      <c r="F3310" s="4" t="s">
        <v>17052</v>
      </c>
      <c r="G3310" s="4" t="s">
        <v>17053</v>
      </c>
      <c r="H3310" s="4" t="s">
        <v>17054</v>
      </c>
      <c r="I3310" s="4" t="s">
        <v>17055</v>
      </c>
      <c r="K3310" s="4" t="s">
        <v>17056</v>
      </c>
    </row>
    <row r="3311" spans="1:11" ht="86.4" x14ac:dyDescent="0.3">
      <c r="A3311" s="1">
        <v>25686</v>
      </c>
      <c r="C3311" s="4" t="s">
        <v>17057</v>
      </c>
      <c r="D3311" s="4" t="s">
        <v>17058</v>
      </c>
      <c r="E3311" s="4" t="s">
        <v>17059</v>
      </c>
      <c r="F3311" s="4" t="s">
        <v>17060</v>
      </c>
      <c r="G3311" s="4" t="s">
        <v>17061</v>
      </c>
      <c r="H3311" s="4" t="s">
        <v>17062</v>
      </c>
      <c r="I3311" s="4" t="s">
        <v>17063</v>
      </c>
      <c r="J3311" s="4" t="s">
        <v>17064</v>
      </c>
      <c r="K3311" s="4" t="s">
        <v>17065</v>
      </c>
    </row>
    <row r="3312" spans="1:11" ht="43.2" x14ac:dyDescent="0.3">
      <c r="A3312" s="1">
        <v>25691</v>
      </c>
      <c r="K3312" s="4" t="s">
        <v>17066</v>
      </c>
    </row>
    <row r="3313" spans="1:11" ht="57.6" x14ac:dyDescent="0.3">
      <c r="A3313" s="1">
        <v>25696</v>
      </c>
      <c r="D3313" s="4" t="s">
        <v>17067</v>
      </c>
      <c r="E3313" s="4" t="s">
        <v>17068</v>
      </c>
      <c r="F3313" s="4" t="s">
        <v>17069</v>
      </c>
      <c r="G3313" s="4" t="s">
        <v>17070</v>
      </c>
      <c r="K3313" s="4" t="s">
        <v>17071</v>
      </c>
    </row>
    <row r="3314" spans="1:11" ht="72" x14ac:dyDescent="0.3">
      <c r="A3314" s="1">
        <v>25706</v>
      </c>
      <c r="C3314" s="4" t="s">
        <v>17072</v>
      </c>
      <c r="D3314" s="4" t="s">
        <v>17073</v>
      </c>
      <c r="G3314" s="4" t="s">
        <v>17074</v>
      </c>
      <c r="H3314" s="4" t="s">
        <v>17075</v>
      </c>
    </row>
    <row r="3315" spans="1:11" ht="86.4" x14ac:dyDescent="0.3">
      <c r="A3315" s="1">
        <v>25721</v>
      </c>
      <c r="D3315" s="4" t="s">
        <v>17076</v>
      </c>
      <c r="G3315" s="4" t="s">
        <v>17077</v>
      </c>
      <c r="H3315" s="4" t="s">
        <v>17078</v>
      </c>
      <c r="J3315" s="4" t="s">
        <v>17079</v>
      </c>
      <c r="K3315" s="4" t="s">
        <v>17080</v>
      </c>
    </row>
    <row r="3316" spans="1:11" ht="28.8" x14ac:dyDescent="0.3">
      <c r="A3316" s="1">
        <v>25726</v>
      </c>
      <c r="I3316" s="4" t="s">
        <v>17081</v>
      </c>
    </row>
    <row r="3317" spans="1:11" ht="86.4" x14ac:dyDescent="0.3">
      <c r="A3317" s="1">
        <v>25731</v>
      </c>
      <c r="D3317" s="4" t="s">
        <v>17082</v>
      </c>
      <c r="E3317" s="4" t="s">
        <v>17083</v>
      </c>
      <c r="F3317" s="4" t="s">
        <v>17084</v>
      </c>
      <c r="G3317" s="4" t="s">
        <v>17085</v>
      </c>
      <c r="H3317" s="4" t="s">
        <v>17086</v>
      </c>
      <c r="J3317" s="4" t="s">
        <v>340</v>
      </c>
      <c r="K3317" s="4" t="s">
        <v>17087</v>
      </c>
    </row>
    <row r="3318" spans="1:11" ht="86.4" x14ac:dyDescent="0.3">
      <c r="A3318" s="1">
        <v>25736</v>
      </c>
      <c r="C3318" s="4" t="s">
        <v>17088</v>
      </c>
      <c r="D3318" s="4" t="s">
        <v>17089</v>
      </c>
      <c r="F3318" s="4" t="s">
        <v>17090</v>
      </c>
      <c r="G3318" s="4" t="s">
        <v>17091</v>
      </c>
      <c r="H3318" s="4" t="s">
        <v>17092</v>
      </c>
    </row>
    <row r="3319" spans="1:11" ht="86.4" x14ac:dyDescent="0.3">
      <c r="A3319" s="1">
        <v>25741</v>
      </c>
      <c r="C3319" s="4" t="s">
        <v>17093</v>
      </c>
      <c r="G3319" s="4" t="s">
        <v>17094</v>
      </c>
      <c r="H3319" s="4" t="s">
        <v>17095</v>
      </c>
      <c r="I3319" s="4" t="s">
        <v>17096</v>
      </c>
      <c r="K3319" s="4" t="s">
        <v>17097</v>
      </c>
    </row>
    <row r="3320" spans="1:11" ht="57.6" x14ac:dyDescent="0.3">
      <c r="A3320" s="1">
        <v>25746</v>
      </c>
      <c r="C3320" s="4" t="s">
        <v>17098</v>
      </c>
      <c r="D3320" s="4" t="s">
        <v>17099</v>
      </c>
    </row>
    <row r="3321" spans="1:11" ht="28.8" x14ac:dyDescent="0.3">
      <c r="A3321" s="1">
        <v>25756</v>
      </c>
      <c r="C3321" s="4" t="s">
        <v>17100</v>
      </c>
    </row>
    <row r="3322" spans="1:11" ht="57.6" x14ac:dyDescent="0.3">
      <c r="A3322" s="1">
        <v>25761</v>
      </c>
      <c r="E3322" s="4" t="s">
        <v>17101</v>
      </c>
      <c r="F3322" s="4" t="s">
        <v>17102</v>
      </c>
      <c r="G3322" s="4" t="s">
        <v>17103</v>
      </c>
      <c r="H3322" s="4" t="s">
        <v>17104</v>
      </c>
      <c r="I3322" s="4" t="s">
        <v>17105</v>
      </c>
      <c r="K3322" s="4" t="s">
        <v>17106</v>
      </c>
    </row>
    <row r="3323" spans="1:11" ht="57.6" x14ac:dyDescent="0.3">
      <c r="A3323" s="1">
        <v>25766</v>
      </c>
      <c r="D3323" s="4" t="s">
        <v>17107</v>
      </c>
      <c r="F3323" s="4" t="s">
        <v>17108</v>
      </c>
      <c r="G3323" s="4" t="s">
        <v>17109</v>
      </c>
      <c r="H3323" s="4" t="s">
        <v>17110</v>
      </c>
      <c r="I3323" s="4" t="s">
        <v>17111</v>
      </c>
      <c r="K3323" s="4" t="s">
        <v>17112</v>
      </c>
    </row>
    <row r="3324" spans="1:11" ht="72" x14ac:dyDescent="0.3">
      <c r="A3324" s="1">
        <v>25771</v>
      </c>
      <c r="C3324" s="4" t="s">
        <v>17113</v>
      </c>
      <c r="D3324" s="4" t="s">
        <v>17114</v>
      </c>
      <c r="E3324" s="4" t="s">
        <v>17115</v>
      </c>
      <c r="F3324" s="4" t="s">
        <v>17116</v>
      </c>
      <c r="G3324" s="4" t="s">
        <v>17117</v>
      </c>
      <c r="H3324" s="4" t="s">
        <v>17118</v>
      </c>
      <c r="K3324" s="4" t="s">
        <v>17119</v>
      </c>
    </row>
    <row r="3325" spans="1:11" ht="72" x14ac:dyDescent="0.3">
      <c r="A3325" s="1">
        <v>25776</v>
      </c>
      <c r="C3325" s="4" t="s">
        <v>17120</v>
      </c>
      <c r="D3325" s="4" t="s">
        <v>17121</v>
      </c>
      <c r="E3325" s="4" t="s">
        <v>17122</v>
      </c>
      <c r="F3325" s="4" t="s">
        <v>17123</v>
      </c>
      <c r="G3325" s="4" t="s">
        <v>17124</v>
      </c>
      <c r="H3325" s="4" t="s">
        <v>17125</v>
      </c>
      <c r="I3325" s="4" t="s">
        <v>17126</v>
      </c>
      <c r="K3325" s="4" t="s">
        <v>17127</v>
      </c>
    </row>
    <row r="3326" spans="1:11" ht="72" x14ac:dyDescent="0.3">
      <c r="A3326" s="1">
        <v>25786</v>
      </c>
      <c r="C3326" s="4" t="s">
        <v>17128</v>
      </c>
      <c r="D3326" s="4" t="s">
        <v>17129</v>
      </c>
      <c r="F3326" s="4" t="s">
        <v>17130</v>
      </c>
      <c r="G3326" s="4" t="s">
        <v>17131</v>
      </c>
      <c r="H3326" s="4" t="s">
        <v>17132</v>
      </c>
      <c r="I3326" s="4" t="s">
        <v>17133</v>
      </c>
      <c r="K3326" s="4" t="s">
        <v>17134</v>
      </c>
    </row>
    <row r="3327" spans="1:11" ht="43.2" x14ac:dyDescent="0.3">
      <c r="A3327" s="1">
        <v>25796</v>
      </c>
      <c r="C3327" s="4" t="s">
        <v>17135</v>
      </c>
      <c r="G3327" s="4" t="s">
        <v>17136</v>
      </c>
    </row>
    <row r="3328" spans="1:11" ht="86.4" x14ac:dyDescent="0.3">
      <c r="A3328" s="1">
        <v>25801</v>
      </c>
      <c r="C3328" s="4" t="s">
        <v>17137</v>
      </c>
      <c r="D3328" s="4" t="s">
        <v>17138</v>
      </c>
      <c r="E3328" s="4" t="s">
        <v>17139</v>
      </c>
      <c r="H3328" s="4" t="s">
        <v>17140</v>
      </c>
      <c r="I3328" s="4" t="s">
        <v>17141</v>
      </c>
      <c r="J3328" s="4" t="s">
        <v>13996</v>
      </c>
      <c r="K3328" s="4" t="s">
        <v>17142</v>
      </c>
    </row>
    <row r="3329" spans="1:11" ht="86.4" x14ac:dyDescent="0.3">
      <c r="A3329" s="1">
        <v>25806</v>
      </c>
      <c r="D3329" s="4" t="s">
        <v>17143</v>
      </c>
      <c r="E3329" s="4" t="s">
        <v>17144</v>
      </c>
      <c r="G3329" s="4" t="s">
        <v>17145</v>
      </c>
      <c r="H3329" s="4" t="s">
        <v>17146</v>
      </c>
      <c r="I3329" s="4" t="s">
        <v>17147</v>
      </c>
      <c r="J3329" s="4" t="s">
        <v>17148</v>
      </c>
    </row>
    <row r="3330" spans="1:11" ht="43.2" x14ac:dyDescent="0.3">
      <c r="A3330" s="1">
        <v>25811</v>
      </c>
      <c r="C3330" s="4" t="s">
        <v>17149</v>
      </c>
      <c r="D3330" s="4" t="s">
        <v>17150</v>
      </c>
      <c r="F3330" s="4" t="s">
        <v>17151</v>
      </c>
      <c r="H3330" s="4" t="s">
        <v>17152</v>
      </c>
      <c r="I3330" s="4" t="s">
        <v>17153</v>
      </c>
    </row>
    <row r="3331" spans="1:11" ht="72" x14ac:dyDescent="0.3">
      <c r="A3331" s="1">
        <v>25816</v>
      </c>
      <c r="C3331" s="4" t="s">
        <v>17154</v>
      </c>
      <c r="E3331" s="4" t="s">
        <v>17155</v>
      </c>
      <c r="F3331" s="4" t="s">
        <v>17156</v>
      </c>
      <c r="H3331" s="4" t="s">
        <v>17157</v>
      </c>
      <c r="I3331" s="4" t="s">
        <v>17158</v>
      </c>
      <c r="K3331" s="4" t="s">
        <v>17159</v>
      </c>
    </row>
    <row r="3332" spans="1:11" ht="72" x14ac:dyDescent="0.3">
      <c r="A3332" s="1">
        <v>25821</v>
      </c>
      <c r="C3332" s="4" t="s">
        <v>17160</v>
      </c>
      <c r="E3332" s="4" t="s">
        <v>17161</v>
      </c>
      <c r="G3332" s="4" t="s">
        <v>17162</v>
      </c>
      <c r="H3332" s="4" t="s">
        <v>17163</v>
      </c>
      <c r="I3332" s="4" t="s">
        <v>17164</v>
      </c>
      <c r="K3332" s="4" t="s">
        <v>17165</v>
      </c>
    </row>
    <row r="3333" spans="1:11" x14ac:dyDescent="0.3">
      <c r="A3333" s="1">
        <v>25826</v>
      </c>
      <c r="C3333" s="4" t="s">
        <v>17166</v>
      </c>
      <c r="D3333" s="4" t="s">
        <v>17167</v>
      </c>
      <c r="E3333" s="4" t="s">
        <v>17168</v>
      </c>
      <c r="F3333" s="4" t="s">
        <v>17169</v>
      </c>
      <c r="G3333" s="4" t="s">
        <v>17170</v>
      </c>
      <c r="H3333" s="4" t="s">
        <v>17171</v>
      </c>
      <c r="I3333" s="4" t="s">
        <v>17172</v>
      </c>
      <c r="K3333" s="4" t="s">
        <v>17173</v>
      </c>
    </row>
    <row r="3334" spans="1:11" ht="86.4" x14ac:dyDescent="0.3">
      <c r="A3334" s="1">
        <v>25836</v>
      </c>
      <c r="C3334" s="4" t="s">
        <v>17174</v>
      </c>
      <c r="D3334" s="4" t="s">
        <v>17175</v>
      </c>
      <c r="E3334" s="4" t="s">
        <v>17176</v>
      </c>
      <c r="F3334" s="4" t="s">
        <v>17177</v>
      </c>
      <c r="G3334" s="4" t="s">
        <v>17178</v>
      </c>
      <c r="H3334" s="4" t="s">
        <v>17179</v>
      </c>
      <c r="I3334" s="4" t="s">
        <v>17180</v>
      </c>
    </row>
    <row r="3335" spans="1:11" ht="86.4" x14ac:dyDescent="0.3">
      <c r="A3335" s="1">
        <v>25841</v>
      </c>
      <c r="C3335" s="4" t="s">
        <v>17181</v>
      </c>
      <c r="D3335" s="4" t="s">
        <v>17182</v>
      </c>
      <c r="G3335" s="4" t="s">
        <v>17183</v>
      </c>
      <c r="H3335" s="4" t="s">
        <v>17184</v>
      </c>
      <c r="I3335" s="4" t="s">
        <v>17185</v>
      </c>
      <c r="K3335" s="4" t="s">
        <v>17186</v>
      </c>
    </row>
    <row r="3336" spans="1:11" ht="72" x14ac:dyDescent="0.3">
      <c r="A3336" s="1">
        <v>25851</v>
      </c>
      <c r="C3336" s="4" t="s">
        <v>17187</v>
      </c>
      <c r="D3336" s="4" t="s">
        <v>17188</v>
      </c>
      <c r="F3336" s="4" t="s">
        <v>17189</v>
      </c>
      <c r="G3336" s="4" t="s">
        <v>17190</v>
      </c>
      <c r="H3336" s="4" t="s">
        <v>17191</v>
      </c>
      <c r="I3336" s="4" t="s">
        <v>17192</v>
      </c>
      <c r="K3336" s="4" t="s">
        <v>17193</v>
      </c>
    </row>
    <row r="3337" spans="1:11" ht="86.4" x14ac:dyDescent="0.3">
      <c r="A3337" s="1">
        <v>25856</v>
      </c>
      <c r="C3337" s="4" t="s">
        <v>17194</v>
      </c>
      <c r="D3337" s="4" t="s">
        <v>17195</v>
      </c>
      <c r="E3337" s="4" t="s">
        <v>17196</v>
      </c>
      <c r="F3337" s="4" t="s">
        <v>17197</v>
      </c>
      <c r="G3337" s="4" t="s">
        <v>17198</v>
      </c>
      <c r="H3337" s="4" t="s">
        <v>17199</v>
      </c>
      <c r="I3337" s="4" t="s">
        <v>17200</v>
      </c>
    </row>
    <row r="3338" spans="1:11" ht="43.2" x14ac:dyDescent="0.3">
      <c r="A3338" s="1">
        <v>25861</v>
      </c>
      <c r="C3338" s="4" t="s">
        <v>17201</v>
      </c>
      <c r="G3338" s="4" t="s">
        <v>17202</v>
      </c>
      <c r="H3338" s="4" t="s">
        <v>17203</v>
      </c>
      <c r="I3338" s="4" t="s">
        <v>17204</v>
      </c>
      <c r="J3338" s="4" t="s">
        <v>17205</v>
      </c>
    </row>
    <row r="3339" spans="1:11" ht="86.4" x14ac:dyDescent="0.3">
      <c r="A3339" s="1">
        <v>25866</v>
      </c>
      <c r="C3339" s="4" t="s">
        <v>17206</v>
      </c>
      <c r="D3339" s="4" t="s">
        <v>17207</v>
      </c>
      <c r="E3339" s="4" t="s">
        <v>17208</v>
      </c>
      <c r="F3339" s="4" t="s">
        <v>17209</v>
      </c>
      <c r="G3339" s="4" t="s">
        <v>17210</v>
      </c>
      <c r="H3339" s="4" t="s">
        <v>17211</v>
      </c>
      <c r="I3339" s="4" t="s">
        <v>17212</v>
      </c>
      <c r="J3339" s="4" t="s">
        <v>17213</v>
      </c>
      <c r="K3339" s="4" t="s">
        <v>17214</v>
      </c>
    </row>
    <row r="3340" spans="1:11" ht="57.6" x14ac:dyDescent="0.3">
      <c r="A3340" s="1">
        <v>25871</v>
      </c>
      <c r="D3340" s="4" t="s">
        <v>17215</v>
      </c>
      <c r="E3340" s="4" t="s">
        <v>17216</v>
      </c>
    </row>
    <row r="3341" spans="1:11" ht="72" x14ac:dyDescent="0.3">
      <c r="A3341" s="1">
        <v>25881</v>
      </c>
      <c r="C3341" s="4" t="s">
        <v>17217</v>
      </c>
      <c r="D3341" s="4" t="s">
        <v>17218</v>
      </c>
      <c r="E3341" s="4" t="s">
        <v>17219</v>
      </c>
      <c r="F3341" s="4" t="s">
        <v>17220</v>
      </c>
      <c r="G3341" s="4" t="s">
        <v>17221</v>
      </c>
      <c r="H3341" s="4" t="s">
        <v>17222</v>
      </c>
      <c r="I3341" s="4" t="s">
        <v>17223</v>
      </c>
      <c r="K3341" s="4" t="s">
        <v>17224</v>
      </c>
    </row>
    <row r="3342" spans="1:11" ht="72" x14ac:dyDescent="0.3">
      <c r="A3342" s="1">
        <v>25886</v>
      </c>
      <c r="C3342" s="4" t="s">
        <v>17225</v>
      </c>
      <c r="D3342" s="4" t="s">
        <v>17226</v>
      </c>
      <c r="E3342" s="4" t="s">
        <v>17227</v>
      </c>
      <c r="F3342" s="4" t="s">
        <v>17227</v>
      </c>
      <c r="G3342" s="4" t="s">
        <v>17228</v>
      </c>
      <c r="H3342" s="4" t="s">
        <v>17229</v>
      </c>
      <c r="I3342" s="4" t="s">
        <v>17230</v>
      </c>
      <c r="K3342" s="4" t="s">
        <v>17231</v>
      </c>
    </row>
    <row r="3343" spans="1:11" ht="72" x14ac:dyDescent="0.3">
      <c r="A3343" s="1">
        <v>25891</v>
      </c>
      <c r="C3343" s="4" t="s">
        <v>17232</v>
      </c>
      <c r="D3343" s="4" t="s">
        <v>17233</v>
      </c>
      <c r="E3343" s="4" t="s">
        <v>17234</v>
      </c>
      <c r="H3343" s="4" t="s">
        <v>17235</v>
      </c>
      <c r="I3343" s="4" t="s">
        <v>17236</v>
      </c>
      <c r="K3343" s="4" t="s">
        <v>17237</v>
      </c>
    </row>
    <row r="3344" spans="1:11" ht="72" x14ac:dyDescent="0.3">
      <c r="A3344" s="1">
        <v>25896</v>
      </c>
      <c r="C3344" s="4" t="s">
        <v>17238</v>
      </c>
      <c r="D3344" s="4" t="s">
        <v>17239</v>
      </c>
      <c r="E3344" s="4" t="s">
        <v>17240</v>
      </c>
      <c r="F3344" s="4" t="s">
        <v>17241</v>
      </c>
      <c r="H3344" s="4" t="s">
        <v>17242</v>
      </c>
    </row>
    <row r="3345" spans="1:11" ht="72" x14ac:dyDescent="0.3">
      <c r="A3345" s="1">
        <v>25901</v>
      </c>
      <c r="C3345" s="4" t="s">
        <v>17243</v>
      </c>
      <c r="D3345" s="4" t="s">
        <v>17244</v>
      </c>
      <c r="E3345" s="4" t="s">
        <v>17245</v>
      </c>
      <c r="F3345" s="4" t="s">
        <v>17246</v>
      </c>
      <c r="G3345" s="4" t="s">
        <v>17247</v>
      </c>
      <c r="H3345" s="4" t="s">
        <v>17248</v>
      </c>
      <c r="I3345" s="4" t="s">
        <v>17249</v>
      </c>
      <c r="K3345" s="4" t="s">
        <v>17250</v>
      </c>
    </row>
    <row r="3346" spans="1:11" ht="86.4" x14ac:dyDescent="0.3">
      <c r="A3346" s="1">
        <v>25906</v>
      </c>
      <c r="C3346" s="4" t="s">
        <v>17251</v>
      </c>
      <c r="D3346" s="4" t="s">
        <v>17252</v>
      </c>
      <c r="F3346" s="4" t="s">
        <v>17253</v>
      </c>
      <c r="G3346" s="4" t="s">
        <v>17254</v>
      </c>
      <c r="H3346" s="4" t="s">
        <v>17255</v>
      </c>
      <c r="I3346" s="4" t="s">
        <v>17256</v>
      </c>
      <c r="K3346" s="4" t="s">
        <v>17257</v>
      </c>
    </row>
    <row r="3347" spans="1:11" ht="43.2" x14ac:dyDescent="0.3">
      <c r="A3347" s="1">
        <v>25916</v>
      </c>
      <c r="C3347" s="4" t="s">
        <v>17258</v>
      </c>
      <c r="D3347" s="4" t="s">
        <v>17259</v>
      </c>
      <c r="E3347" s="4" t="s">
        <v>17260</v>
      </c>
      <c r="F3347" s="4" t="s">
        <v>17261</v>
      </c>
      <c r="G3347" s="4" t="s">
        <v>17262</v>
      </c>
      <c r="H3347" s="4" t="s">
        <v>17263</v>
      </c>
      <c r="I3347" s="4" t="s">
        <v>17264</v>
      </c>
    </row>
    <row r="3348" spans="1:11" ht="86.4" x14ac:dyDescent="0.3">
      <c r="A3348" s="1">
        <v>25921</v>
      </c>
      <c r="C3348" s="4" t="s">
        <v>17265</v>
      </c>
      <c r="D3348" s="4" t="s">
        <v>23139</v>
      </c>
      <c r="E3348" s="4" t="s">
        <v>17266</v>
      </c>
      <c r="F3348" s="4" t="s">
        <v>17267</v>
      </c>
      <c r="G3348" s="4" t="s">
        <v>17268</v>
      </c>
      <c r="H3348" s="4" t="s">
        <v>17269</v>
      </c>
      <c r="I3348" s="4" t="s">
        <v>17270</v>
      </c>
      <c r="J3348" s="4" t="s">
        <v>17271</v>
      </c>
      <c r="K3348" s="4" t="s">
        <v>17272</v>
      </c>
    </row>
    <row r="3349" spans="1:11" ht="57.6" x14ac:dyDescent="0.3">
      <c r="A3349" s="1">
        <v>25926</v>
      </c>
      <c r="C3349" s="4" t="s">
        <v>17273</v>
      </c>
      <c r="D3349" s="4" t="s">
        <v>17274</v>
      </c>
      <c r="E3349" s="4" t="s">
        <v>17275</v>
      </c>
      <c r="F3349" s="4" t="s">
        <v>1235</v>
      </c>
      <c r="G3349" s="4" t="s">
        <v>17276</v>
      </c>
      <c r="H3349" s="4" t="s">
        <v>17277</v>
      </c>
    </row>
    <row r="3350" spans="1:11" ht="72" x14ac:dyDescent="0.3">
      <c r="A3350" s="1">
        <v>25936</v>
      </c>
      <c r="C3350" s="4" t="s">
        <v>17278</v>
      </c>
      <c r="D3350" s="4" t="s">
        <v>17279</v>
      </c>
      <c r="E3350" s="4" t="s">
        <v>17280</v>
      </c>
      <c r="F3350" s="4" t="s">
        <v>17281</v>
      </c>
      <c r="G3350" s="4" t="s">
        <v>17282</v>
      </c>
      <c r="H3350" s="4" t="s">
        <v>17283</v>
      </c>
      <c r="K3350" s="4" t="s">
        <v>17284</v>
      </c>
    </row>
    <row r="3351" spans="1:11" ht="100.8" x14ac:dyDescent="0.3">
      <c r="A3351" s="1">
        <v>25941</v>
      </c>
      <c r="C3351" s="4" t="s">
        <v>17285</v>
      </c>
      <c r="D3351" s="4" t="s">
        <v>17286</v>
      </c>
      <c r="E3351" s="4" t="s">
        <v>17287</v>
      </c>
      <c r="F3351" s="4" t="s">
        <v>17288</v>
      </c>
      <c r="G3351" s="4" t="s">
        <v>17289</v>
      </c>
      <c r="H3351" s="4" t="s">
        <v>17290</v>
      </c>
      <c r="I3351" s="4" t="s">
        <v>17291</v>
      </c>
      <c r="K3351" s="4" t="s">
        <v>17292</v>
      </c>
    </row>
    <row r="3352" spans="1:11" ht="43.2" x14ac:dyDescent="0.3">
      <c r="A3352" s="1">
        <v>25956</v>
      </c>
      <c r="D3352" s="4" t="s">
        <v>17293</v>
      </c>
      <c r="E3352" s="4" t="s">
        <v>17294</v>
      </c>
      <c r="G3352" s="4" t="s">
        <v>17295</v>
      </c>
      <c r="H3352" s="4" t="s">
        <v>17296</v>
      </c>
      <c r="K3352" s="4" t="s">
        <v>17297</v>
      </c>
    </row>
    <row r="3353" spans="1:11" ht="43.2" x14ac:dyDescent="0.3">
      <c r="A3353" s="1">
        <v>25961</v>
      </c>
      <c r="D3353" s="4" t="s">
        <v>17298</v>
      </c>
      <c r="F3353" s="4" t="s">
        <v>17299</v>
      </c>
      <c r="G3353" s="4" t="s">
        <v>17300</v>
      </c>
      <c r="J3353" s="4" t="s">
        <v>17301</v>
      </c>
    </row>
    <row r="3354" spans="1:11" ht="57.6" x14ac:dyDescent="0.3">
      <c r="A3354" s="1">
        <v>25966</v>
      </c>
      <c r="D3354" s="4" t="s">
        <v>17302</v>
      </c>
      <c r="H3354" s="4" t="s">
        <v>17303</v>
      </c>
      <c r="I3354" s="4" t="s">
        <v>17304</v>
      </c>
      <c r="K3354" s="4" t="s">
        <v>17305</v>
      </c>
    </row>
    <row r="3355" spans="1:11" ht="72" x14ac:dyDescent="0.3">
      <c r="A3355" s="1">
        <v>25971</v>
      </c>
      <c r="C3355" s="4" t="s">
        <v>17306</v>
      </c>
      <c r="D3355" s="4" t="s">
        <v>17307</v>
      </c>
      <c r="E3355" s="4" t="s">
        <v>17308</v>
      </c>
      <c r="F3355" s="4" t="s">
        <v>17309</v>
      </c>
      <c r="G3355" s="4" t="s">
        <v>17310</v>
      </c>
      <c r="H3355" s="4" t="s">
        <v>17311</v>
      </c>
      <c r="I3355" s="4" t="s">
        <v>17312</v>
      </c>
      <c r="K3355" s="4" t="s">
        <v>17313</v>
      </c>
    </row>
    <row r="3356" spans="1:11" ht="72" x14ac:dyDescent="0.3">
      <c r="A3356" s="1">
        <v>25981</v>
      </c>
      <c r="C3356" s="4" t="s">
        <v>17314</v>
      </c>
      <c r="D3356" s="4" t="s">
        <v>17315</v>
      </c>
      <c r="E3356" s="4" t="s">
        <v>17316</v>
      </c>
      <c r="H3356" s="4" t="s">
        <v>17317</v>
      </c>
      <c r="K3356" s="4" t="s">
        <v>17318</v>
      </c>
    </row>
    <row r="3357" spans="1:11" ht="43.2" x14ac:dyDescent="0.3">
      <c r="A3357" s="1">
        <v>25986</v>
      </c>
      <c r="C3357" s="4" t="s">
        <v>17319</v>
      </c>
      <c r="D3357" s="4" t="s">
        <v>17320</v>
      </c>
      <c r="E3357" s="4" t="s">
        <v>17321</v>
      </c>
      <c r="G3357" s="4" t="s">
        <v>17322</v>
      </c>
      <c r="I3357" s="4" t="s">
        <v>17323</v>
      </c>
      <c r="K3357" s="4" t="s">
        <v>17324</v>
      </c>
    </row>
    <row r="3358" spans="1:11" ht="86.4" x14ac:dyDescent="0.3">
      <c r="A3358" s="1">
        <v>25991</v>
      </c>
      <c r="C3358" s="4" t="s">
        <v>17325</v>
      </c>
      <c r="D3358" s="4" t="s">
        <v>17326</v>
      </c>
      <c r="E3358" s="4" t="s">
        <v>17327</v>
      </c>
      <c r="F3358" s="4" t="s">
        <v>17328</v>
      </c>
      <c r="G3358" s="4" t="s">
        <v>17329</v>
      </c>
      <c r="I3358" s="4" t="s">
        <v>17330</v>
      </c>
      <c r="K3358" s="4" t="s">
        <v>17331</v>
      </c>
    </row>
    <row r="3359" spans="1:11" ht="28.8" x14ac:dyDescent="0.3">
      <c r="A3359" s="1">
        <v>25996</v>
      </c>
      <c r="C3359" s="4" t="s">
        <v>17332</v>
      </c>
      <c r="G3359" s="4" t="s">
        <v>17333</v>
      </c>
      <c r="H3359" s="4" t="s">
        <v>17334</v>
      </c>
      <c r="I3359" s="4" t="s">
        <v>17335</v>
      </c>
    </row>
    <row r="3360" spans="1:11" ht="86.4" x14ac:dyDescent="0.3">
      <c r="A3360" s="1">
        <v>26001</v>
      </c>
      <c r="C3360" s="4" t="s">
        <v>17336</v>
      </c>
      <c r="D3360" s="4" t="s">
        <v>17337</v>
      </c>
      <c r="E3360" s="4" t="s">
        <v>17338</v>
      </c>
      <c r="F3360" s="4" t="s">
        <v>17339</v>
      </c>
      <c r="G3360" s="4" t="s">
        <v>17340</v>
      </c>
      <c r="H3360" s="4" t="s">
        <v>17341</v>
      </c>
      <c r="I3360" s="4" t="s">
        <v>17342</v>
      </c>
      <c r="J3360" s="4" t="s">
        <v>17343</v>
      </c>
      <c r="K3360" s="4" t="s">
        <v>17344</v>
      </c>
    </row>
    <row r="3361" spans="1:11" ht="57.6" x14ac:dyDescent="0.3">
      <c r="A3361" s="1">
        <v>26006</v>
      </c>
      <c r="C3361" s="4" t="s">
        <v>17345</v>
      </c>
      <c r="D3361" s="4" t="s">
        <v>17346</v>
      </c>
      <c r="E3361" s="4" t="s">
        <v>17347</v>
      </c>
      <c r="F3361" s="4" t="s">
        <v>17348</v>
      </c>
      <c r="G3361" s="4" t="s">
        <v>17349</v>
      </c>
      <c r="H3361" s="4" t="s">
        <v>17350</v>
      </c>
      <c r="I3361" s="4" t="s">
        <v>17351</v>
      </c>
      <c r="K3361" s="4" t="s">
        <v>17352</v>
      </c>
    </row>
    <row r="3362" spans="1:11" ht="86.4" x14ac:dyDescent="0.3">
      <c r="A3362" s="1">
        <v>26011</v>
      </c>
      <c r="C3362" s="4" t="s">
        <v>17353</v>
      </c>
      <c r="D3362" s="4" t="s">
        <v>17354</v>
      </c>
      <c r="E3362" s="4" t="s">
        <v>17355</v>
      </c>
      <c r="F3362" s="4" t="s">
        <v>17356</v>
      </c>
      <c r="G3362" s="4" t="s">
        <v>17357</v>
      </c>
      <c r="H3362" s="4" t="s">
        <v>17358</v>
      </c>
      <c r="I3362" s="4" t="s">
        <v>17359</v>
      </c>
      <c r="J3362" s="4" t="s">
        <v>17360</v>
      </c>
      <c r="K3362" s="4" t="s">
        <v>17361</v>
      </c>
    </row>
    <row r="3363" spans="1:11" ht="86.4" x14ac:dyDescent="0.3">
      <c r="A3363" s="1">
        <v>26021</v>
      </c>
      <c r="C3363" s="4" t="s">
        <v>17362</v>
      </c>
      <c r="G3363" s="4" t="s">
        <v>17363</v>
      </c>
      <c r="H3363" s="4" t="s">
        <v>17364</v>
      </c>
      <c r="I3363" s="4" t="s">
        <v>17365</v>
      </c>
      <c r="J3363" s="4" t="s">
        <v>17366</v>
      </c>
      <c r="K3363" s="4" t="s">
        <v>17367</v>
      </c>
    </row>
    <row r="3364" spans="1:11" ht="43.2" x14ac:dyDescent="0.3">
      <c r="A3364" s="1">
        <v>26026</v>
      </c>
      <c r="C3364" s="4" t="s">
        <v>17368</v>
      </c>
      <c r="D3364" s="4" t="s">
        <v>17369</v>
      </c>
      <c r="F3364" s="4" t="s">
        <v>17370</v>
      </c>
    </row>
    <row r="3365" spans="1:11" ht="28.8" x14ac:dyDescent="0.3">
      <c r="A3365" s="1">
        <v>26031</v>
      </c>
      <c r="C3365" s="4" t="s">
        <v>17371</v>
      </c>
      <c r="D3365" s="4" t="s">
        <v>17372</v>
      </c>
      <c r="G3365" s="4" t="s">
        <v>17373</v>
      </c>
      <c r="H3365" s="4" t="s">
        <v>17374</v>
      </c>
    </row>
    <row r="3366" spans="1:11" ht="86.4" x14ac:dyDescent="0.3">
      <c r="A3366" s="1">
        <v>26036</v>
      </c>
      <c r="C3366" s="4" t="s">
        <v>17375</v>
      </c>
      <c r="D3366" s="4" t="s">
        <v>17376</v>
      </c>
      <c r="E3366" s="4" t="s">
        <v>17377</v>
      </c>
      <c r="F3366" s="4" t="s">
        <v>17378</v>
      </c>
      <c r="G3366" s="4" t="s">
        <v>17379</v>
      </c>
      <c r="H3366" s="4" t="s">
        <v>17380</v>
      </c>
      <c r="I3366" s="4" t="s">
        <v>17381</v>
      </c>
      <c r="K3366" s="4" t="s">
        <v>17382</v>
      </c>
    </row>
    <row r="3367" spans="1:11" ht="86.4" x14ac:dyDescent="0.3">
      <c r="A3367" s="1">
        <v>26041</v>
      </c>
      <c r="C3367" s="4" t="s">
        <v>17383</v>
      </c>
      <c r="D3367" s="4" t="s">
        <v>17384</v>
      </c>
      <c r="E3367" s="4" t="s">
        <v>17385</v>
      </c>
      <c r="G3367" s="4" t="s">
        <v>17386</v>
      </c>
      <c r="H3367" s="4" t="s">
        <v>17387</v>
      </c>
      <c r="J3367" s="4" t="s">
        <v>17388</v>
      </c>
      <c r="K3367" s="4" t="s">
        <v>17389</v>
      </c>
    </row>
    <row r="3368" spans="1:11" ht="86.4" x14ac:dyDescent="0.3">
      <c r="A3368" s="1">
        <v>26046</v>
      </c>
      <c r="C3368" s="4" t="s">
        <v>17390</v>
      </c>
      <c r="D3368" s="4" t="s">
        <v>17391</v>
      </c>
      <c r="G3368" s="4" t="s">
        <v>17392</v>
      </c>
      <c r="I3368" s="4" t="s">
        <v>17393</v>
      </c>
    </row>
    <row r="3369" spans="1:11" ht="72" x14ac:dyDescent="0.3">
      <c r="A3369" s="1">
        <v>26051</v>
      </c>
      <c r="C3369" s="4" t="s">
        <v>17394</v>
      </c>
      <c r="G3369" s="4" t="s">
        <v>17395</v>
      </c>
    </row>
    <row r="3370" spans="1:11" ht="72" x14ac:dyDescent="0.3">
      <c r="A3370" s="1">
        <v>26071</v>
      </c>
      <c r="B3370" s="1" t="s">
        <v>5799</v>
      </c>
      <c r="C3370" s="4" t="s">
        <v>17396</v>
      </c>
      <c r="D3370" s="4" t="s">
        <v>17397</v>
      </c>
      <c r="E3370" s="4" t="s">
        <v>17398</v>
      </c>
      <c r="F3370" s="4" t="s">
        <v>17399</v>
      </c>
      <c r="G3370" s="4" t="s">
        <v>17400</v>
      </c>
      <c r="H3370" s="4" t="s">
        <v>17401</v>
      </c>
      <c r="I3370" s="4" t="s">
        <v>17402</v>
      </c>
      <c r="K3370" s="4" t="s">
        <v>17403</v>
      </c>
    </row>
    <row r="3371" spans="1:11" ht="86.4" x14ac:dyDescent="0.3">
      <c r="A3371" s="1">
        <v>26076</v>
      </c>
      <c r="C3371" s="4" t="s">
        <v>17404</v>
      </c>
      <c r="D3371" s="4" t="s">
        <v>17405</v>
      </c>
      <c r="G3371" s="4" t="s">
        <v>17406</v>
      </c>
      <c r="H3371" s="4" t="s">
        <v>17407</v>
      </c>
      <c r="I3371" s="4" t="s">
        <v>17408</v>
      </c>
      <c r="K3371" s="4" t="s">
        <v>17409</v>
      </c>
    </row>
    <row r="3372" spans="1:11" ht="86.4" x14ac:dyDescent="0.3">
      <c r="A3372" s="1">
        <v>26086</v>
      </c>
      <c r="G3372" s="4" t="s">
        <v>17410</v>
      </c>
      <c r="H3372" s="4" t="s">
        <v>17410</v>
      </c>
      <c r="I3372" s="4" t="s">
        <v>17411</v>
      </c>
      <c r="J3372" s="4" t="s">
        <v>17412</v>
      </c>
      <c r="K3372" s="4" t="s">
        <v>17413</v>
      </c>
    </row>
    <row r="3373" spans="1:11" ht="43.2" x14ac:dyDescent="0.3">
      <c r="A3373" s="1">
        <v>26096</v>
      </c>
      <c r="C3373" s="4" t="s">
        <v>17414</v>
      </c>
      <c r="D3373" s="4" t="s">
        <v>17415</v>
      </c>
      <c r="E3373" s="4" t="s">
        <v>17416</v>
      </c>
      <c r="F3373" s="4" t="s">
        <v>17417</v>
      </c>
      <c r="G3373" s="4" t="s">
        <v>17418</v>
      </c>
      <c r="I3373" s="4" t="s">
        <v>17419</v>
      </c>
    </row>
    <row r="3374" spans="1:11" ht="86.4" x14ac:dyDescent="0.3">
      <c r="A3374" s="1">
        <v>26111</v>
      </c>
      <c r="C3374" s="4" t="s">
        <v>17420</v>
      </c>
      <c r="D3374" s="4" t="s">
        <v>17421</v>
      </c>
      <c r="E3374" s="4" t="s">
        <v>17422</v>
      </c>
      <c r="F3374" s="4" t="s">
        <v>17423</v>
      </c>
      <c r="G3374" s="4" t="s">
        <v>17424</v>
      </c>
      <c r="H3374" s="4" t="s">
        <v>17424</v>
      </c>
      <c r="I3374" s="4" t="s">
        <v>17425</v>
      </c>
      <c r="K3374" s="4" t="s">
        <v>17426</v>
      </c>
    </row>
    <row r="3375" spans="1:11" x14ac:dyDescent="0.3">
      <c r="A3375" s="1">
        <v>26116</v>
      </c>
    </row>
    <row r="3376" spans="1:11" ht="72" x14ac:dyDescent="0.3">
      <c r="A3376" s="1">
        <v>26126</v>
      </c>
      <c r="C3376" s="4" t="s">
        <v>17427</v>
      </c>
      <c r="D3376" s="4" t="s">
        <v>17428</v>
      </c>
      <c r="E3376" s="4" t="s">
        <v>17429</v>
      </c>
      <c r="F3376" s="4" t="s">
        <v>17430</v>
      </c>
      <c r="G3376" s="4" t="s">
        <v>17431</v>
      </c>
      <c r="H3376" s="4" t="s">
        <v>17432</v>
      </c>
    </row>
    <row r="3377" spans="1:11" ht="72" x14ac:dyDescent="0.3">
      <c r="A3377" s="1">
        <v>26131</v>
      </c>
      <c r="C3377" s="4" t="s">
        <v>17433</v>
      </c>
      <c r="D3377" s="4" t="s">
        <v>17434</v>
      </c>
      <c r="E3377" s="4" t="s">
        <v>17435</v>
      </c>
      <c r="F3377" s="4" t="s">
        <v>17436</v>
      </c>
      <c r="G3377" s="4" t="s">
        <v>17437</v>
      </c>
      <c r="H3377" s="4" t="s">
        <v>17438</v>
      </c>
      <c r="K3377" s="4" t="s">
        <v>17439</v>
      </c>
    </row>
    <row r="3378" spans="1:11" ht="86.4" x14ac:dyDescent="0.3">
      <c r="A3378" s="1">
        <v>26136</v>
      </c>
      <c r="C3378" s="4" t="s">
        <v>17440</v>
      </c>
      <c r="D3378" s="4" t="s">
        <v>17441</v>
      </c>
      <c r="F3378" s="4" t="s">
        <v>17442</v>
      </c>
      <c r="G3378" s="4" t="s">
        <v>17443</v>
      </c>
      <c r="K3378" s="4" t="s">
        <v>17444</v>
      </c>
    </row>
    <row r="3379" spans="1:11" ht="86.4" x14ac:dyDescent="0.3">
      <c r="A3379" s="1">
        <v>26141</v>
      </c>
      <c r="C3379" s="4" t="s">
        <v>17445</v>
      </c>
      <c r="D3379" s="4" t="s">
        <v>17446</v>
      </c>
      <c r="E3379" s="4" t="s">
        <v>17447</v>
      </c>
      <c r="F3379" s="4" t="s">
        <v>17448</v>
      </c>
      <c r="G3379" s="4" t="s">
        <v>17449</v>
      </c>
      <c r="H3379" s="4" t="s">
        <v>17450</v>
      </c>
      <c r="I3379" s="4" t="s">
        <v>17451</v>
      </c>
      <c r="K3379" s="4" t="s">
        <v>17452</v>
      </c>
    </row>
    <row r="3380" spans="1:11" ht="100.8" x14ac:dyDescent="0.3">
      <c r="A3380" s="1">
        <v>26146</v>
      </c>
      <c r="C3380" s="4" t="s">
        <v>17453</v>
      </c>
      <c r="D3380" s="4" t="s">
        <v>17454</v>
      </c>
      <c r="E3380" s="4" t="s">
        <v>17455</v>
      </c>
      <c r="G3380" s="4" t="s">
        <v>17456</v>
      </c>
      <c r="H3380" s="4" t="s">
        <v>17457</v>
      </c>
    </row>
    <row r="3381" spans="1:11" ht="86.4" x14ac:dyDescent="0.3">
      <c r="A3381" s="1">
        <v>26151</v>
      </c>
      <c r="C3381" s="4" t="s">
        <v>17458</v>
      </c>
      <c r="D3381" s="4" t="s">
        <v>17459</v>
      </c>
      <c r="E3381" s="4" t="s">
        <v>17460</v>
      </c>
      <c r="F3381" s="4" t="s">
        <v>17461</v>
      </c>
      <c r="G3381" s="4" t="s">
        <v>17462</v>
      </c>
      <c r="H3381" s="4" t="s">
        <v>17463</v>
      </c>
      <c r="I3381" s="4" t="s">
        <v>17464</v>
      </c>
    </row>
    <row r="3382" spans="1:11" ht="43.2" x14ac:dyDescent="0.3">
      <c r="A3382" s="1">
        <v>26156</v>
      </c>
      <c r="C3382" s="4" t="s">
        <v>17465</v>
      </c>
      <c r="D3382" s="4" t="s">
        <v>17466</v>
      </c>
      <c r="H3382" s="4" t="s">
        <v>17467</v>
      </c>
      <c r="I3382" s="4" t="s">
        <v>17468</v>
      </c>
      <c r="K3382" s="4" t="s">
        <v>17469</v>
      </c>
    </row>
    <row r="3383" spans="1:11" ht="43.2" x14ac:dyDescent="0.3">
      <c r="A3383" s="1">
        <v>26171</v>
      </c>
      <c r="C3383" s="4" t="s">
        <v>17470</v>
      </c>
      <c r="D3383" s="4" t="s">
        <v>17471</v>
      </c>
      <c r="E3383" s="4" t="s">
        <v>17472</v>
      </c>
      <c r="F3383" s="4" t="s">
        <v>17473</v>
      </c>
      <c r="G3383" s="4" t="s">
        <v>17474</v>
      </c>
      <c r="H3383" s="4" t="s">
        <v>17475</v>
      </c>
    </row>
    <row r="3384" spans="1:11" ht="43.2" x14ac:dyDescent="0.3">
      <c r="A3384" s="1">
        <v>26181</v>
      </c>
      <c r="C3384" s="4" t="s">
        <v>17476</v>
      </c>
      <c r="G3384" s="4" t="s">
        <v>17477</v>
      </c>
      <c r="I3384" s="4" t="s">
        <v>17478</v>
      </c>
      <c r="J3384" s="4" t="s">
        <v>17479</v>
      </c>
      <c r="K3384" s="4" t="s">
        <v>1113</v>
      </c>
    </row>
    <row r="3385" spans="1:11" ht="86.4" x14ac:dyDescent="0.3">
      <c r="A3385" s="1">
        <v>26186</v>
      </c>
      <c r="J3385" s="4" t="s">
        <v>17480</v>
      </c>
      <c r="K3385" s="4" t="s">
        <v>17481</v>
      </c>
    </row>
    <row r="3386" spans="1:11" ht="86.4" x14ac:dyDescent="0.3">
      <c r="A3386" s="1">
        <v>26191</v>
      </c>
      <c r="C3386" s="4" t="s">
        <v>17482</v>
      </c>
      <c r="D3386" s="4" t="s">
        <v>17483</v>
      </c>
      <c r="E3386" s="4" t="s">
        <v>17484</v>
      </c>
      <c r="F3386" s="4" t="s">
        <v>17485</v>
      </c>
      <c r="G3386" s="4" t="s">
        <v>17486</v>
      </c>
      <c r="H3386" s="4" t="s">
        <v>17487</v>
      </c>
      <c r="I3386" s="4" t="s">
        <v>17488</v>
      </c>
      <c r="J3386" s="4" t="s">
        <v>17489</v>
      </c>
      <c r="K3386" s="4" t="s">
        <v>17490</v>
      </c>
    </row>
    <row r="3387" spans="1:11" ht="86.4" x14ac:dyDescent="0.3">
      <c r="A3387" s="1">
        <v>26196</v>
      </c>
      <c r="C3387" s="4" t="s">
        <v>17491</v>
      </c>
      <c r="D3387" s="4" t="s">
        <v>17492</v>
      </c>
      <c r="E3387" s="4" t="s">
        <v>17493</v>
      </c>
      <c r="G3387" s="4" t="s">
        <v>17494</v>
      </c>
      <c r="H3387" s="4" t="s">
        <v>17495</v>
      </c>
    </row>
    <row r="3388" spans="1:11" ht="86.4" x14ac:dyDescent="0.3">
      <c r="A3388" s="1">
        <v>26201</v>
      </c>
      <c r="C3388" s="4" t="s">
        <v>17496</v>
      </c>
      <c r="D3388" s="4" t="s">
        <v>17497</v>
      </c>
      <c r="E3388" s="4" t="s">
        <v>17498</v>
      </c>
      <c r="F3388" s="4" t="s">
        <v>17499</v>
      </c>
      <c r="G3388" s="4" t="s">
        <v>17500</v>
      </c>
      <c r="I3388" s="4" t="s">
        <v>17501</v>
      </c>
      <c r="K3388" s="4" t="s">
        <v>17502</v>
      </c>
    </row>
    <row r="3389" spans="1:11" x14ac:dyDescent="0.3">
      <c r="A3389" s="1">
        <v>26206</v>
      </c>
      <c r="C3389" s="4" t="s">
        <v>17503</v>
      </c>
    </row>
    <row r="3390" spans="1:11" ht="72" x14ac:dyDescent="0.3">
      <c r="A3390" s="1">
        <v>26211</v>
      </c>
      <c r="E3390" s="4" t="s">
        <v>17504</v>
      </c>
      <c r="H3390" s="4" t="s">
        <v>17505</v>
      </c>
      <c r="K3390" s="4" t="s">
        <v>17506</v>
      </c>
    </row>
    <row r="3391" spans="1:11" ht="72" x14ac:dyDescent="0.3">
      <c r="A3391" s="1">
        <v>26226</v>
      </c>
      <c r="C3391" s="4" t="s">
        <v>17507</v>
      </c>
      <c r="G3391" s="4" t="s">
        <v>17508</v>
      </c>
      <c r="I3391" s="4" t="s">
        <v>17509</v>
      </c>
      <c r="K3391" s="4" t="s">
        <v>17510</v>
      </c>
    </row>
    <row r="3392" spans="1:11" x14ac:dyDescent="0.3">
      <c r="A3392" s="1">
        <v>26231</v>
      </c>
    </row>
    <row r="3393" spans="1:11" ht="72" x14ac:dyDescent="0.3">
      <c r="A3393" s="1">
        <v>26236</v>
      </c>
      <c r="C3393" s="4" t="s">
        <v>17511</v>
      </c>
      <c r="D3393" s="4" t="s">
        <v>17512</v>
      </c>
      <c r="E3393" s="4" t="s">
        <v>17513</v>
      </c>
      <c r="F3393" s="4" t="s">
        <v>17514</v>
      </c>
      <c r="G3393" s="4" t="s">
        <v>17515</v>
      </c>
      <c r="H3393" s="4" t="s">
        <v>17516</v>
      </c>
      <c r="I3393" s="4" t="s">
        <v>17517</v>
      </c>
      <c r="J3393" s="4" t="s">
        <v>17518</v>
      </c>
      <c r="K3393" s="4" t="s">
        <v>17519</v>
      </c>
    </row>
    <row r="3394" spans="1:11" ht="86.4" x14ac:dyDescent="0.3">
      <c r="A3394" s="1">
        <v>26241</v>
      </c>
      <c r="C3394" s="4" t="s">
        <v>17520</v>
      </c>
      <c r="D3394" s="4" t="s">
        <v>17521</v>
      </c>
      <c r="K3394" s="4" t="s">
        <v>17522</v>
      </c>
    </row>
    <row r="3395" spans="1:11" ht="100.8" x14ac:dyDescent="0.3">
      <c r="A3395" s="1">
        <v>26246</v>
      </c>
      <c r="C3395" s="4" t="s">
        <v>17523</v>
      </c>
      <c r="D3395" s="4" t="s">
        <v>17524</v>
      </c>
      <c r="E3395" s="4" t="s">
        <v>17525</v>
      </c>
      <c r="G3395" s="4" t="s">
        <v>17526</v>
      </c>
      <c r="H3395" s="4" t="s">
        <v>17527</v>
      </c>
      <c r="I3395" s="4" t="s">
        <v>17528</v>
      </c>
      <c r="J3395" s="4" t="s">
        <v>17529</v>
      </c>
      <c r="K3395" s="4" t="s">
        <v>17530</v>
      </c>
    </row>
    <row r="3396" spans="1:11" x14ac:dyDescent="0.3">
      <c r="A3396" s="1">
        <v>26251</v>
      </c>
    </row>
    <row r="3397" spans="1:11" ht="86.4" x14ac:dyDescent="0.3">
      <c r="A3397" s="1">
        <v>26266</v>
      </c>
      <c r="C3397" s="4" t="s">
        <v>17531</v>
      </c>
      <c r="D3397" s="4" t="s">
        <v>17532</v>
      </c>
      <c r="E3397" s="4" t="s">
        <v>17533</v>
      </c>
      <c r="F3397" s="4" t="s">
        <v>17534</v>
      </c>
      <c r="G3397" s="4" t="s">
        <v>17535</v>
      </c>
      <c r="H3397" s="4" t="s">
        <v>17536</v>
      </c>
      <c r="I3397" s="4" t="s">
        <v>17537</v>
      </c>
      <c r="K3397" s="4" t="s">
        <v>17538</v>
      </c>
    </row>
    <row r="3398" spans="1:11" ht="86.4" x14ac:dyDescent="0.3">
      <c r="A3398" s="1">
        <v>26276</v>
      </c>
      <c r="C3398" s="4" t="s">
        <v>17539</v>
      </c>
      <c r="D3398" s="4" t="s">
        <v>17540</v>
      </c>
      <c r="E3398" s="4" t="s">
        <v>17541</v>
      </c>
      <c r="F3398" s="4" t="s">
        <v>17542</v>
      </c>
      <c r="G3398" s="4" t="s">
        <v>17543</v>
      </c>
      <c r="H3398" s="4" t="s">
        <v>17544</v>
      </c>
      <c r="I3398" s="4" t="s">
        <v>17545</v>
      </c>
      <c r="K3398" s="4" t="s">
        <v>17546</v>
      </c>
    </row>
    <row r="3399" spans="1:11" ht="86.4" x14ac:dyDescent="0.3">
      <c r="A3399" s="1">
        <v>26291</v>
      </c>
      <c r="C3399" s="4" t="s">
        <v>17547</v>
      </c>
      <c r="D3399" s="4" t="s">
        <v>17548</v>
      </c>
      <c r="G3399" s="4" t="s">
        <v>17549</v>
      </c>
      <c r="H3399" s="4" t="s">
        <v>17550</v>
      </c>
      <c r="I3399" s="4" t="s">
        <v>17551</v>
      </c>
      <c r="K3399" s="4" t="s">
        <v>17552</v>
      </c>
    </row>
    <row r="3400" spans="1:11" ht="43.2" x14ac:dyDescent="0.3">
      <c r="A3400" s="1">
        <v>26296</v>
      </c>
      <c r="C3400" s="4" t="s">
        <v>17553</v>
      </c>
      <c r="D3400" s="4" t="s">
        <v>17554</v>
      </c>
      <c r="E3400" s="4" t="s">
        <v>17555</v>
      </c>
      <c r="G3400" s="4" t="s">
        <v>17556</v>
      </c>
      <c r="H3400" s="4" t="s">
        <v>17557</v>
      </c>
      <c r="I3400" s="4" t="s">
        <v>17558</v>
      </c>
      <c r="K3400" s="4" t="s">
        <v>17559</v>
      </c>
    </row>
    <row r="3401" spans="1:11" ht="43.2" x14ac:dyDescent="0.3">
      <c r="A3401" s="1">
        <v>26301</v>
      </c>
      <c r="C3401" s="4" t="s">
        <v>17560</v>
      </c>
      <c r="D3401" s="4" t="s">
        <v>17561</v>
      </c>
      <c r="E3401" s="4" t="s">
        <v>17562</v>
      </c>
      <c r="F3401" s="4" t="s">
        <v>17563</v>
      </c>
      <c r="G3401" s="4" t="s">
        <v>17564</v>
      </c>
      <c r="H3401" s="4" t="s">
        <v>17565</v>
      </c>
      <c r="I3401" s="4" t="s">
        <v>17566</v>
      </c>
      <c r="K3401" s="4" t="s">
        <v>17567</v>
      </c>
    </row>
    <row r="3402" spans="1:11" ht="43.2" x14ac:dyDescent="0.3">
      <c r="A3402" s="1">
        <v>26306</v>
      </c>
      <c r="C3402" s="4" t="s">
        <v>17568</v>
      </c>
      <c r="D3402" s="4" t="s">
        <v>17569</v>
      </c>
    </row>
    <row r="3403" spans="1:11" ht="72" x14ac:dyDescent="0.3">
      <c r="A3403" s="1">
        <v>26311</v>
      </c>
      <c r="C3403" s="4" t="s">
        <v>17570</v>
      </c>
      <c r="D3403" s="4" t="s">
        <v>17571</v>
      </c>
      <c r="E3403" s="4" t="s">
        <v>17572</v>
      </c>
      <c r="F3403" s="4" t="s">
        <v>17573</v>
      </c>
      <c r="G3403" s="4" t="s">
        <v>17574</v>
      </c>
      <c r="K3403" s="4" t="s">
        <v>17575</v>
      </c>
    </row>
    <row r="3404" spans="1:11" ht="28.8" x14ac:dyDescent="0.3">
      <c r="A3404" s="1">
        <v>26316</v>
      </c>
      <c r="C3404" s="4" t="s">
        <v>17576</v>
      </c>
      <c r="D3404" s="4" t="s">
        <v>17577</v>
      </c>
      <c r="G3404" s="4" t="s">
        <v>17578</v>
      </c>
      <c r="H3404" s="4" t="s">
        <v>17578</v>
      </c>
      <c r="I3404" s="4" t="s">
        <v>17579</v>
      </c>
      <c r="K3404" s="4" t="s">
        <v>17578</v>
      </c>
    </row>
    <row r="3405" spans="1:11" ht="72" x14ac:dyDescent="0.3">
      <c r="A3405" s="1">
        <v>26321</v>
      </c>
      <c r="C3405" s="4" t="s">
        <v>17580</v>
      </c>
      <c r="D3405" s="4" t="s">
        <v>17581</v>
      </c>
      <c r="E3405" s="4" t="s">
        <v>17582</v>
      </c>
      <c r="F3405" s="4" t="s">
        <v>17583</v>
      </c>
      <c r="G3405" s="4" t="s">
        <v>17584</v>
      </c>
      <c r="I3405" s="4" t="s">
        <v>17585</v>
      </c>
      <c r="K3405" s="4" t="s">
        <v>17586</v>
      </c>
    </row>
    <row r="3406" spans="1:11" ht="86.4" x14ac:dyDescent="0.3">
      <c r="A3406" s="1">
        <v>26326</v>
      </c>
      <c r="C3406" s="4" t="s">
        <v>17587</v>
      </c>
      <c r="D3406" s="4" t="s">
        <v>17588</v>
      </c>
      <c r="E3406" s="4" t="s">
        <v>17589</v>
      </c>
      <c r="F3406" s="4" t="s">
        <v>17590</v>
      </c>
      <c r="G3406" s="4" t="s">
        <v>17591</v>
      </c>
      <c r="H3406" s="4" t="s">
        <v>17592</v>
      </c>
      <c r="I3406" s="4" t="s">
        <v>17593</v>
      </c>
      <c r="K3406" s="4" t="s">
        <v>17594</v>
      </c>
    </row>
    <row r="3407" spans="1:11" ht="72" x14ac:dyDescent="0.3">
      <c r="A3407" s="1">
        <v>26331</v>
      </c>
      <c r="C3407" s="4" t="s">
        <v>17595</v>
      </c>
      <c r="D3407" s="4" t="s">
        <v>17596</v>
      </c>
      <c r="E3407" s="4" t="s">
        <v>17597</v>
      </c>
      <c r="F3407" s="4" t="s">
        <v>17598</v>
      </c>
      <c r="G3407" s="4" t="s">
        <v>17599</v>
      </c>
      <c r="H3407" s="4" t="s">
        <v>17600</v>
      </c>
      <c r="I3407" s="4" t="s">
        <v>17601</v>
      </c>
    </row>
    <row r="3408" spans="1:11" ht="28.8" x14ac:dyDescent="0.3">
      <c r="A3408" s="1">
        <v>26336</v>
      </c>
      <c r="C3408" s="4" t="s">
        <v>17602</v>
      </c>
    </row>
    <row r="3409" spans="1:11" ht="57.6" x14ac:dyDescent="0.3">
      <c r="A3409" s="1">
        <v>26341</v>
      </c>
      <c r="C3409" s="4" t="s">
        <v>17603</v>
      </c>
      <c r="D3409" s="4" t="s">
        <v>17604</v>
      </c>
      <c r="E3409" s="4" t="s">
        <v>17605</v>
      </c>
      <c r="F3409" s="4" t="s">
        <v>17606</v>
      </c>
      <c r="G3409" s="4" t="s">
        <v>17607</v>
      </c>
      <c r="H3409" s="4" t="s">
        <v>17608</v>
      </c>
      <c r="I3409" s="4" t="s">
        <v>17609</v>
      </c>
      <c r="K3409" s="4" t="s">
        <v>17610</v>
      </c>
    </row>
    <row r="3410" spans="1:11" ht="43.2" x14ac:dyDescent="0.3">
      <c r="A3410" s="1">
        <v>26346</v>
      </c>
      <c r="C3410" s="4" t="s">
        <v>17611</v>
      </c>
    </row>
    <row r="3411" spans="1:11" ht="72" x14ac:dyDescent="0.3">
      <c r="A3411" s="1">
        <v>26351</v>
      </c>
      <c r="D3411" s="4" t="s">
        <v>17612</v>
      </c>
      <c r="F3411" s="4" t="s">
        <v>17613</v>
      </c>
      <c r="G3411" s="4" t="s">
        <v>17614</v>
      </c>
      <c r="H3411" s="4" t="s">
        <v>17615</v>
      </c>
      <c r="I3411" s="4" t="s">
        <v>17616</v>
      </c>
      <c r="J3411" s="4" t="s">
        <v>17617</v>
      </c>
      <c r="K3411" s="4" t="s">
        <v>17618</v>
      </c>
    </row>
    <row r="3412" spans="1:11" ht="86.4" x14ac:dyDescent="0.3">
      <c r="A3412" s="1">
        <v>26356</v>
      </c>
      <c r="C3412" s="4" t="s">
        <v>17619</v>
      </c>
      <c r="D3412" s="4" t="s">
        <v>17620</v>
      </c>
      <c r="E3412" s="4" t="s">
        <v>17621</v>
      </c>
      <c r="F3412" s="4" t="s">
        <v>17622</v>
      </c>
      <c r="G3412" s="4" t="s">
        <v>17623</v>
      </c>
      <c r="H3412" s="4" t="s">
        <v>17624</v>
      </c>
      <c r="I3412" s="4" t="s">
        <v>17625</v>
      </c>
      <c r="J3412" s="4" t="s">
        <v>17626</v>
      </c>
      <c r="K3412" s="4" t="s">
        <v>17627</v>
      </c>
    </row>
    <row r="3413" spans="1:11" ht="86.4" x14ac:dyDescent="0.3">
      <c r="A3413" s="1">
        <v>26371</v>
      </c>
      <c r="C3413" s="4" t="s">
        <v>17628</v>
      </c>
      <c r="D3413" s="4" t="s">
        <v>17629</v>
      </c>
      <c r="E3413" s="4" t="s">
        <v>17630</v>
      </c>
      <c r="F3413" s="4" t="s">
        <v>17631</v>
      </c>
      <c r="G3413" s="4" t="s">
        <v>17632</v>
      </c>
      <c r="H3413" s="4" t="s">
        <v>17633</v>
      </c>
      <c r="I3413" s="4" t="s">
        <v>17634</v>
      </c>
    </row>
    <row r="3414" spans="1:11" ht="72" x14ac:dyDescent="0.3">
      <c r="A3414" s="1">
        <v>26376</v>
      </c>
      <c r="C3414" s="4" t="s">
        <v>17635</v>
      </c>
      <c r="D3414" s="4" t="s">
        <v>17636</v>
      </c>
      <c r="E3414" s="4" t="s">
        <v>17637</v>
      </c>
      <c r="F3414" s="4" t="s">
        <v>4506</v>
      </c>
      <c r="G3414" s="4" t="s">
        <v>17638</v>
      </c>
      <c r="K3414" s="4" t="s">
        <v>17639</v>
      </c>
    </row>
    <row r="3415" spans="1:11" ht="57.6" x14ac:dyDescent="0.3">
      <c r="A3415" s="1">
        <v>26391</v>
      </c>
      <c r="C3415" s="4" t="s">
        <v>17640</v>
      </c>
      <c r="D3415" s="4" t="s">
        <v>17641</v>
      </c>
      <c r="E3415" s="4" t="s">
        <v>17642</v>
      </c>
      <c r="F3415" s="4" t="s">
        <v>17643</v>
      </c>
      <c r="G3415" s="4" t="s">
        <v>17644</v>
      </c>
      <c r="H3415" s="4" t="s">
        <v>17645</v>
      </c>
      <c r="I3415" s="4" t="s">
        <v>17646</v>
      </c>
      <c r="K3415" s="4" t="s">
        <v>17647</v>
      </c>
    </row>
    <row r="3416" spans="1:11" ht="86.4" x14ac:dyDescent="0.3">
      <c r="A3416" s="1">
        <v>26396</v>
      </c>
      <c r="C3416" s="4" t="s">
        <v>17648</v>
      </c>
      <c r="D3416" s="4" t="s">
        <v>17649</v>
      </c>
      <c r="E3416" s="4" t="s">
        <v>17650</v>
      </c>
      <c r="F3416" s="4" t="s">
        <v>17651</v>
      </c>
      <c r="G3416" s="4" t="s">
        <v>17652</v>
      </c>
      <c r="H3416" s="4" t="s">
        <v>17653</v>
      </c>
      <c r="I3416" s="4" t="s">
        <v>17654</v>
      </c>
      <c r="J3416" s="4" t="s">
        <v>17655</v>
      </c>
      <c r="K3416" s="4" t="s">
        <v>17656</v>
      </c>
    </row>
    <row r="3417" spans="1:11" ht="72" x14ac:dyDescent="0.3">
      <c r="A3417" s="1">
        <v>26401</v>
      </c>
      <c r="C3417" s="4" t="s">
        <v>17657</v>
      </c>
      <c r="D3417" s="4" t="s">
        <v>17658</v>
      </c>
      <c r="E3417" s="4" t="s">
        <v>17659</v>
      </c>
      <c r="F3417" s="4" t="s">
        <v>17660</v>
      </c>
      <c r="G3417" s="4" t="s">
        <v>17661</v>
      </c>
      <c r="H3417" s="4" t="s">
        <v>17662</v>
      </c>
      <c r="J3417" s="4" t="s">
        <v>17663</v>
      </c>
      <c r="K3417" s="4" t="s">
        <v>17664</v>
      </c>
    </row>
    <row r="3418" spans="1:11" ht="86.4" x14ac:dyDescent="0.3">
      <c r="A3418" s="1">
        <v>26406</v>
      </c>
      <c r="D3418" s="4" t="s">
        <v>17665</v>
      </c>
      <c r="G3418" s="4" t="s">
        <v>17666</v>
      </c>
      <c r="H3418" s="4" t="s">
        <v>17667</v>
      </c>
      <c r="I3418" s="4" t="s">
        <v>17668</v>
      </c>
      <c r="J3418" s="4" t="s">
        <v>17669</v>
      </c>
      <c r="K3418" s="4" t="s">
        <v>17670</v>
      </c>
    </row>
    <row r="3419" spans="1:11" ht="86.4" x14ac:dyDescent="0.3">
      <c r="A3419" s="1">
        <v>26416</v>
      </c>
      <c r="C3419" s="4" t="s">
        <v>17671</v>
      </c>
      <c r="K3419" s="4" t="s">
        <v>23140</v>
      </c>
    </row>
    <row r="3420" spans="1:11" ht="57.6" x14ac:dyDescent="0.3">
      <c r="A3420" s="1">
        <v>26421</v>
      </c>
      <c r="C3420" s="4" t="s">
        <v>17672</v>
      </c>
      <c r="D3420" s="4" t="s">
        <v>17673</v>
      </c>
      <c r="F3420" s="4" t="s">
        <v>17674</v>
      </c>
      <c r="G3420" s="4" t="s">
        <v>17675</v>
      </c>
      <c r="H3420" s="4" t="s">
        <v>17676</v>
      </c>
      <c r="I3420" s="4" t="s">
        <v>17677</v>
      </c>
      <c r="K3420" s="4" t="s">
        <v>17678</v>
      </c>
    </row>
    <row r="3421" spans="1:11" ht="57.6" x14ac:dyDescent="0.3">
      <c r="A3421" s="1">
        <v>26426</v>
      </c>
      <c r="C3421" s="4" t="s">
        <v>17679</v>
      </c>
      <c r="D3421" s="4" t="s">
        <v>17680</v>
      </c>
      <c r="E3421" s="4" t="s">
        <v>17681</v>
      </c>
      <c r="F3421" s="4" t="s">
        <v>17682</v>
      </c>
      <c r="G3421" s="4" t="s">
        <v>4775</v>
      </c>
      <c r="H3421" s="4" t="s">
        <v>17683</v>
      </c>
      <c r="I3421" s="4" t="s">
        <v>17684</v>
      </c>
      <c r="K3421" s="4" t="s">
        <v>17685</v>
      </c>
    </row>
    <row r="3422" spans="1:11" ht="86.4" x14ac:dyDescent="0.3">
      <c r="A3422" s="1">
        <v>26431</v>
      </c>
      <c r="C3422" s="4" t="s">
        <v>17686</v>
      </c>
      <c r="D3422" s="4" t="s">
        <v>17687</v>
      </c>
      <c r="E3422" s="4" t="s">
        <v>17688</v>
      </c>
      <c r="F3422" s="4" t="s">
        <v>17689</v>
      </c>
      <c r="G3422" s="4" t="s">
        <v>17690</v>
      </c>
      <c r="H3422" s="4" t="s">
        <v>17691</v>
      </c>
      <c r="I3422" s="4" t="s">
        <v>17692</v>
      </c>
      <c r="K3422" s="4" t="s">
        <v>17693</v>
      </c>
    </row>
    <row r="3423" spans="1:11" ht="43.2" x14ac:dyDescent="0.3">
      <c r="A3423" s="1">
        <v>26436</v>
      </c>
      <c r="C3423" s="4" t="s">
        <v>17694</v>
      </c>
      <c r="D3423" s="4" t="s">
        <v>17695</v>
      </c>
      <c r="E3423" s="4" t="s">
        <v>17696</v>
      </c>
      <c r="F3423" s="4" t="s">
        <v>17697</v>
      </c>
      <c r="G3423" s="4" t="s">
        <v>17698</v>
      </c>
      <c r="H3423" s="4" t="s">
        <v>17699</v>
      </c>
      <c r="K3423" s="4" t="s">
        <v>17700</v>
      </c>
    </row>
    <row r="3424" spans="1:11" ht="86.4" x14ac:dyDescent="0.3">
      <c r="A3424" s="1">
        <v>26441</v>
      </c>
      <c r="C3424" s="4" t="s">
        <v>17701</v>
      </c>
      <c r="D3424" s="4" t="s">
        <v>17702</v>
      </c>
      <c r="E3424" s="4" t="s">
        <v>17703</v>
      </c>
      <c r="F3424" s="4" t="s">
        <v>17704</v>
      </c>
      <c r="G3424" s="4" t="s">
        <v>17705</v>
      </c>
      <c r="H3424" s="4" t="s">
        <v>17706</v>
      </c>
      <c r="I3424" s="4" t="s">
        <v>17707</v>
      </c>
      <c r="K3424" s="4" t="s">
        <v>17708</v>
      </c>
    </row>
    <row r="3425" spans="1:11" ht="28.8" x14ac:dyDescent="0.3">
      <c r="A3425" s="1">
        <v>26456</v>
      </c>
      <c r="D3425" s="4" t="s">
        <v>17709</v>
      </c>
      <c r="G3425" s="4" t="s">
        <v>17710</v>
      </c>
    </row>
    <row r="3426" spans="1:11" x14ac:dyDescent="0.3">
      <c r="A3426" s="1">
        <v>26461</v>
      </c>
      <c r="D3426" s="4" t="s">
        <v>17711</v>
      </c>
      <c r="G3426" s="4" t="s">
        <v>17712</v>
      </c>
      <c r="H3426" s="4" t="s">
        <v>7816</v>
      </c>
    </row>
    <row r="3427" spans="1:11" x14ac:dyDescent="0.3">
      <c r="A3427" s="1">
        <v>26466</v>
      </c>
    </row>
    <row r="3428" spans="1:11" ht="259.2" x14ac:dyDescent="0.3">
      <c r="A3428" s="1">
        <v>26471</v>
      </c>
      <c r="C3428" s="4" t="s">
        <v>17713</v>
      </c>
      <c r="D3428" s="4" t="s">
        <v>17714</v>
      </c>
      <c r="G3428" s="4" t="s">
        <v>17715</v>
      </c>
      <c r="H3428" s="4" t="s">
        <v>17716</v>
      </c>
      <c r="J3428" s="4" t="s">
        <v>17717</v>
      </c>
    </row>
    <row r="3429" spans="1:11" ht="57.6" x14ac:dyDescent="0.3">
      <c r="A3429" s="1">
        <v>26481</v>
      </c>
      <c r="C3429" s="4" t="s">
        <v>17718</v>
      </c>
      <c r="D3429" s="4" t="s">
        <v>17719</v>
      </c>
      <c r="F3429" s="4" t="s">
        <v>17720</v>
      </c>
      <c r="G3429" s="4" t="s">
        <v>17721</v>
      </c>
      <c r="H3429" s="4" t="s">
        <v>17722</v>
      </c>
      <c r="J3429" s="4" t="s">
        <v>17723</v>
      </c>
    </row>
    <row r="3430" spans="1:11" ht="57.6" x14ac:dyDescent="0.3">
      <c r="A3430" s="1">
        <v>26486</v>
      </c>
      <c r="C3430" s="4" t="s">
        <v>17724</v>
      </c>
      <c r="D3430" s="4" t="s">
        <v>17725</v>
      </c>
      <c r="E3430" s="4" t="s">
        <v>17726</v>
      </c>
      <c r="F3430" s="4" t="s">
        <v>17727</v>
      </c>
      <c r="G3430" s="4" t="s">
        <v>17728</v>
      </c>
      <c r="H3430" s="4" t="s">
        <v>17729</v>
      </c>
      <c r="I3430" s="4" t="s">
        <v>17730</v>
      </c>
    </row>
    <row r="3431" spans="1:11" x14ac:dyDescent="0.3">
      <c r="A3431" s="1">
        <v>26491</v>
      </c>
    </row>
    <row r="3432" spans="1:11" ht="43.2" x14ac:dyDescent="0.3">
      <c r="A3432" s="1">
        <v>26496</v>
      </c>
      <c r="C3432" s="4" t="s">
        <v>17731</v>
      </c>
      <c r="D3432" s="4" t="s">
        <v>17732</v>
      </c>
      <c r="E3432" s="4" t="s">
        <v>17733</v>
      </c>
      <c r="F3432" s="4" t="s">
        <v>17734</v>
      </c>
      <c r="G3432" s="4" t="s">
        <v>17735</v>
      </c>
      <c r="J3432" s="4" t="s">
        <v>17736</v>
      </c>
    </row>
    <row r="3433" spans="1:11" ht="86.4" x14ac:dyDescent="0.3">
      <c r="A3433" s="1">
        <v>26501</v>
      </c>
      <c r="C3433" s="4" t="s">
        <v>17737</v>
      </c>
      <c r="D3433" s="4" t="s">
        <v>17738</v>
      </c>
      <c r="E3433" s="4" t="s">
        <v>17739</v>
      </c>
      <c r="F3433" s="4" t="s">
        <v>17739</v>
      </c>
      <c r="G3433" s="4" t="s">
        <v>17740</v>
      </c>
      <c r="H3433" s="4" t="s">
        <v>17741</v>
      </c>
      <c r="K3433" s="4" t="s">
        <v>17742</v>
      </c>
    </row>
    <row r="3434" spans="1:11" ht="86.4" x14ac:dyDescent="0.3">
      <c r="A3434" s="1">
        <v>26511</v>
      </c>
      <c r="C3434" s="4" t="s">
        <v>17743</v>
      </c>
      <c r="D3434" s="4" t="s">
        <v>17744</v>
      </c>
      <c r="E3434" s="4" t="s">
        <v>17745</v>
      </c>
      <c r="F3434" s="4" t="s">
        <v>17746</v>
      </c>
      <c r="G3434" s="4" t="s">
        <v>17747</v>
      </c>
      <c r="H3434" s="4" t="s">
        <v>17748</v>
      </c>
      <c r="I3434" s="4" t="s">
        <v>17749</v>
      </c>
      <c r="K3434" s="4" t="s">
        <v>17750</v>
      </c>
    </row>
    <row r="3435" spans="1:11" ht="86.4" x14ac:dyDescent="0.3">
      <c r="A3435" s="1">
        <v>26521</v>
      </c>
      <c r="C3435" s="4" t="s">
        <v>17751</v>
      </c>
      <c r="D3435" s="4" t="s">
        <v>17752</v>
      </c>
      <c r="E3435" s="4" t="s">
        <v>17753</v>
      </c>
      <c r="F3435" s="4" t="s">
        <v>17753</v>
      </c>
      <c r="G3435" s="4" t="s">
        <v>17754</v>
      </c>
      <c r="H3435" s="4" t="s">
        <v>17755</v>
      </c>
      <c r="I3435" s="4" t="s">
        <v>17756</v>
      </c>
      <c r="K3435" s="4" t="s">
        <v>17757</v>
      </c>
    </row>
    <row r="3436" spans="1:11" ht="72" x14ac:dyDescent="0.3">
      <c r="A3436" s="1">
        <v>26526</v>
      </c>
      <c r="C3436" s="4" t="s">
        <v>17758</v>
      </c>
      <c r="D3436" s="4" t="s">
        <v>17759</v>
      </c>
      <c r="E3436" s="4" t="s">
        <v>17760</v>
      </c>
      <c r="F3436" s="4" t="s">
        <v>17761</v>
      </c>
      <c r="G3436" s="4" t="s">
        <v>17762</v>
      </c>
      <c r="H3436" s="4" t="s">
        <v>17763</v>
      </c>
      <c r="I3436" s="4" t="s">
        <v>17764</v>
      </c>
      <c r="K3436" s="4" t="s">
        <v>17765</v>
      </c>
    </row>
    <row r="3437" spans="1:11" ht="72" x14ac:dyDescent="0.3">
      <c r="A3437" s="1">
        <v>26546</v>
      </c>
      <c r="C3437" s="4" t="s">
        <v>17766</v>
      </c>
      <c r="D3437" s="4" t="s">
        <v>17767</v>
      </c>
      <c r="E3437" s="4" t="s">
        <v>17768</v>
      </c>
      <c r="G3437" s="4" t="s">
        <v>17769</v>
      </c>
      <c r="H3437" s="4" t="s">
        <v>17770</v>
      </c>
      <c r="K3437" s="4" t="s">
        <v>17771</v>
      </c>
    </row>
    <row r="3438" spans="1:11" ht="72" x14ac:dyDescent="0.3">
      <c r="A3438" s="1">
        <v>26551</v>
      </c>
      <c r="C3438" s="4" t="s">
        <v>17772</v>
      </c>
      <c r="D3438" s="4" t="s">
        <v>17773</v>
      </c>
      <c r="E3438" s="4" t="s">
        <v>17774</v>
      </c>
      <c r="G3438" s="4" t="s">
        <v>17775</v>
      </c>
      <c r="H3438" s="4" t="s">
        <v>17776</v>
      </c>
      <c r="K3438" s="4" t="s">
        <v>17777</v>
      </c>
    </row>
    <row r="3439" spans="1:11" ht="86.4" x14ac:dyDescent="0.3">
      <c r="A3439" s="1">
        <v>26556</v>
      </c>
      <c r="C3439" s="4" t="s">
        <v>17778</v>
      </c>
      <c r="D3439" s="4" t="s">
        <v>17779</v>
      </c>
      <c r="E3439" s="4" t="s">
        <v>17780</v>
      </c>
      <c r="F3439" s="4" t="s">
        <v>17781</v>
      </c>
      <c r="G3439" s="4" t="s">
        <v>17782</v>
      </c>
      <c r="H3439" s="4" t="s">
        <v>17783</v>
      </c>
      <c r="I3439" s="4" t="s">
        <v>17784</v>
      </c>
      <c r="J3439" s="4" t="s">
        <v>17785</v>
      </c>
      <c r="K3439" s="4" t="s">
        <v>17786</v>
      </c>
    </row>
    <row r="3440" spans="1:11" ht="100.8" x14ac:dyDescent="0.3">
      <c r="A3440" s="1">
        <v>26561</v>
      </c>
      <c r="C3440" s="4" t="s">
        <v>17787</v>
      </c>
      <c r="D3440" s="4" t="s">
        <v>17788</v>
      </c>
      <c r="E3440" s="4" t="s">
        <v>17789</v>
      </c>
      <c r="F3440" s="4" t="s">
        <v>17790</v>
      </c>
      <c r="G3440" s="4" t="s">
        <v>17791</v>
      </c>
      <c r="I3440" s="4" t="s">
        <v>17792</v>
      </c>
      <c r="K3440" s="4" t="s">
        <v>17793</v>
      </c>
    </row>
    <row r="3441" spans="1:11" ht="86.4" x14ac:dyDescent="0.3">
      <c r="A3441" s="1">
        <v>26566</v>
      </c>
      <c r="C3441" s="4" t="s">
        <v>17794</v>
      </c>
      <c r="D3441" s="4" t="s">
        <v>2073</v>
      </c>
      <c r="E3441" s="4" t="s">
        <v>17795</v>
      </c>
      <c r="F3441" s="4" t="s">
        <v>17795</v>
      </c>
      <c r="G3441" s="4" t="s">
        <v>17795</v>
      </c>
      <c r="H3441" s="4" t="s">
        <v>17796</v>
      </c>
      <c r="I3441" s="4" t="s">
        <v>17795</v>
      </c>
      <c r="K3441" s="4" t="s">
        <v>17797</v>
      </c>
    </row>
    <row r="3442" spans="1:11" ht="86.4" x14ac:dyDescent="0.3">
      <c r="A3442" s="1">
        <v>26571</v>
      </c>
      <c r="D3442" s="4" t="s">
        <v>17798</v>
      </c>
      <c r="E3442" s="4" t="s">
        <v>17799</v>
      </c>
      <c r="F3442" s="4" t="s">
        <v>17800</v>
      </c>
      <c r="G3442" s="4" t="s">
        <v>17801</v>
      </c>
      <c r="H3442" s="4" t="s">
        <v>17802</v>
      </c>
      <c r="I3442" s="4" t="s">
        <v>17803</v>
      </c>
      <c r="J3442" s="4" t="s">
        <v>17804</v>
      </c>
      <c r="K3442" s="4" t="s">
        <v>17805</v>
      </c>
    </row>
    <row r="3443" spans="1:11" x14ac:dyDescent="0.3">
      <c r="A3443" s="1">
        <v>26576</v>
      </c>
    </row>
    <row r="3444" spans="1:11" ht="86.4" x14ac:dyDescent="0.3">
      <c r="A3444" s="1">
        <v>26581</v>
      </c>
      <c r="C3444" s="4" t="s">
        <v>17806</v>
      </c>
      <c r="D3444" s="4" t="s">
        <v>17807</v>
      </c>
      <c r="E3444" s="4" t="s">
        <v>17808</v>
      </c>
      <c r="G3444" s="4" t="s">
        <v>17809</v>
      </c>
      <c r="H3444" s="4" t="s">
        <v>17810</v>
      </c>
      <c r="I3444" s="4" t="s">
        <v>17811</v>
      </c>
      <c r="K3444" s="4" t="s">
        <v>17812</v>
      </c>
    </row>
    <row r="3445" spans="1:11" ht="57.6" x14ac:dyDescent="0.3">
      <c r="A3445" s="1">
        <v>26586</v>
      </c>
      <c r="C3445" s="4" t="s">
        <v>17813</v>
      </c>
      <c r="I3445" s="4" t="s">
        <v>17814</v>
      </c>
    </row>
    <row r="3446" spans="1:11" ht="57.6" x14ac:dyDescent="0.3">
      <c r="A3446" s="1">
        <v>26591</v>
      </c>
      <c r="D3446" s="4" t="s">
        <v>17815</v>
      </c>
      <c r="E3446" s="4" t="s">
        <v>17816</v>
      </c>
      <c r="F3446" s="4" t="s">
        <v>17817</v>
      </c>
      <c r="G3446" s="4" t="s">
        <v>17818</v>
      </c>
      <c r="H3446" s="4" t="s">
        <v>17819</v>
      </c>
      <c r="I3446" s="4" t="s">
        <v>17820</v>
      </c>
      <c r="J3446" s="4" t="s">
        <v>17821</v>
      </c>
    </row>
    <row r="3447" spans="1:11" ht="86.4" x14ac:dyDescent="0.3">
      <c r="A3447" s="1">
        <v>26606</v>
      </c>
      <c r="C3447" s="4" t="s">
        <v>17822</v>
      </c>
      <c r="D3447" s="4" t="s">
        <v>17823</v>
      </c>
      <c r="G3447" s="4" t="s">
        <v>17824</v>
      </c>
      <c r="K3447" s="4" t="s">
        <v>17825</v>
      </c>
    </row>
    <row r="3448" spans="1:11" ht="72" x14ac:dyDescent="0.3">
      <c r="A3448" s="1">
        <v>26611</v>
      </c>
      <c r="D3448" s="4" t="s">
        <v>23141</v>
      </c>
      <c r="I3448" s="4" t="s">
        <v>17826</v>
      </c>
    </row>
    <row r="3449" spans="1:11" ht="72" x14ac:dyDescent="0.3">
      <c r="A3449" s="1">
        <v>26631</v>
      </c>
      <c r="C3449" s="4" t="s">
        <v>17827</v>
      </c>
      <c r="D3449" s="4" t="s">
        <v>17828</v>
      </c>
      <c r="G3449" s="4" t="s">
        <v>17829</v>
      </c>
      <c r="H3449" s="4" t="s">
        <v>17830</v>
      </c>
      <c r="I3449" s="4" t="s">
        <v>17831</v>
      </c>
      <c r="J3449" s="4" t="s">
        <v>17832</v>
      </c>
    </row>
    <row r="3450" spans="1:11" ht="86.4" x14ac:dyDescent="0.3">
      <c r="A3450" s="1">
        <v>26646</v>
      </c>
      <c r="E3450" s="4" t="s">
        <v>17833</v>
      </c>
      <c r="F3450" s="4" t="s">
        <v>17834</v>
      </c>
      <c r="G3450" s="4" t="s">
        <v>17835</v>
      </c>
      <c r="H3450" s="4" t="s">
        <v>17836</v>
      </c>
      <c r="I3450" s="4" t="s">
        <v>17837</v>
      </c>
      <c r="K3450" s="4" t="s">
        <v>17838</v>
      </c>
    </row>
    <row r="3451" spans="1:11" ht="86.4" x14ac:dyDescent="0.3">
      <c r="A3451" s="1">
        <v>26651</v>
      </c>
      <c r="C3451" s="4" t="s">
        <v>17839</v>
      </c>
      <c r="F3451" s="4" t="s">
        <v>17840</v>
      </c>
      <c r="K3451" s="4" t="s">
        <v>17841</v>
      </c>
    </row>
    <row r="3452" spans="1:11" ht="100.8" x14ac:dyDescent="0.3">
      <c r="A3452" s="1">
        <v>26656</v>
      </c>
      <c r="C3452" s="4" t="s">
        <v>17842</v>
      </c>
      <c r="D3452" s="4" t="s">
        <v>17843</v>
      </c>
      <c r="E3452" s="4" t="s">
        <v>17844</v>
      </c>
      <c r="F3452" s="4" t="s">
        <v>17845</v>
      </c>
      <c r="G3452" s="4" t="s">
        <v>17846</v>
      </c>
      <c r="H3452" s="4" t="s">
        <v>17847</v>
      </c>
      <c r="I3452" s="4" t="s">
        <v>17848</v>
      </c>
      <c r="J3452" s="4" t="s">
        <v>17849</v>
      </c>
      <c r="K3452" s="4" t="s">
        <v>17850</v>
      </c>
    </row>
    <row r="3453" spans="1:11" ht="86.4" x14ac:dyDescent="0.3">
      <c r="A3453" s="1">
        <v>26661</v>
      </c>
      <c r="C3453" s="4" t="s">
        <v>17851</v>
      </c>
      <c r="D3453" s="4" t="s">
        <v>17852</v>
      </c>
      <c r="G3453" s="4" t="s">
        <v>17853</v>
      </c>
      <c r="I3453" s="4" t="s">
        <v>17854</v>
      </c>
      <c r="K3453" s="4" t="s">
        <v>17855</v>
      </c>
    </row>
    <row r="3454" spans="1:11" ht="72" x14ac:dyDescent="0.3">
      <c r="A3454" s="1">
        <v>26666</v>
      </c>
      <c r="D3454" s="4" t="s">
        <v>17856</v>
      </c>
      <c r="E3454" s="4" t="s">
        <v>17857</v>
      </c>
      <c r="F3454" s="4" t="s">
        <v>17858</v>
      </c>
      <c r="G3454" s="4" t="s">
        <v>17859</v>
      </c>
      <c r="H3454" s="4" t="s">
        <v>17860</v>
      </c>
    </row>
    <row r="3455" spans="1:11" ht="86.4" x14ac:dyDescent="0.3">
      <c r="A3455" s="1">
        <v>26676</v>
      </c>
      <c r="C3455" s="4" t="s">
        <v>17861</v>
      </c>
      <c r="D3455" s="4" t="s">
        <v>17862</v>
      </c>
      <c r="G3455" s="4" t="s">
        <v>17863</v>
      </c>
      <c r="H3455" s="4" t="s">
        <v>17864</v>
      </c>
      <c r="K3455" s="4" t="s">
        <v>17865</v>
      </c>
    </row>
    <row r="3456" spans="1:11" ht="43.2" x14ac:dyDescent="0.3">
      <c r="A3456" s="1">
        <v>26681</v>
      </c>
      <c r="D3456" s="4" t="s">
        <v>17866</v>
      </c>
      <c r="H3456" s="4" t="s">
        <v>17867</v>
      </c>
      <c r="J3456" s="4" t="s">
        <v>17868</v>
      </c>
    </row>
    <row r="3457" spans="1:11" ht="100.8" x14ac:dyDescent="0.3">
      <c r="A3457" s="1">
        <v>26686</v>
      </c>
      <c r="C3457" s="4" t="s">
        <v>17869</v>
      </c>
      <c r="D3457" s="4" t="s">
        <v>17870</v>
      </c>
      <c r="E3457" s="4" t="s">
        <v>12574</v>
      </c>
      <c r="G3457" s="4" t="s">
        <v>17871</v>
      </c>
      <c r="H3457" s="4" t="s">
        <v>17872</v>
      </c>
      <c r="I3457" s="4" t="s">
        <v>17873</v>
      </c>
      <c r="K3457" s="4" t="s">
        <v>17874</v>
      </c>
    </row>
    <row r="3458" spans="1:11" ht="57.6" x14ac:dyDescent="0.3">
      <c r="A3458" s="1">
        <v>26691</v>
      </c>
      <c r="C3458" s="4" t="s">
        <v>17875</v>
      </c>
      <c r="D3458" s="4" t="s">
        <v>17876</v>
      </c>
      <c r="E3458" s="4" t="s">
        <v>17877</v>
      </c>
      <c r="F3458" s="4" t="s">
        <v>17878</v>
      </c>
      <c r="G3458" s="4" t="s">
        <v>17879</v>
      </c>
      <c r="H3458" s="4" t="s">
        <v>17880</v>
      </c>
      <c r="I3458" s="4" t="s">
        <v>17881</v>
      </c>
      <c r="J3458" s="4" t="s">
        <v>17882</v>
      </c>
      <c r="K3458" s="4" t="s">
        <v>17883</v>
      </c>
    </row>
    <row r="3459" spans="1:11" ht="72" x14ac:dyDescent="0.3">
      <c r="A3459" s="1">
        <v>26696</v>
      </c>
      <c r="C3459" s="4" t="s">
        <v>17884</v>
      </c>
      <c r="D3459" s="4" t="s">
        <v>17885</v>
      </c>
      <c r="E3459" s="4" t="s">
        <v>17886</v>
      </c>
      <c r="G3459" s="4" t="s">
        <v>17887</v>
      </c>
      <c r="H3459" s="4" t="s">
        <v>17888</v>
      </c>
      <c r="K3459" s="4" t="s">
        <v>17889</v>
      </c>
    </row>
    <row r="3460" spans="1:11" ht="72" x14ac:dyDescent="0.3">
      <c r="A3460" s="1">
        <v>26701</v>
      </c>
      <c r="C3460" s="4" t="s">
        <v>17890</v>
      </c>
      <c r="D3460" s="4" t="s">
        <v>17891</v>
      </c>
      <c r="E3460" s="4" t="s">
        <v>17892</v>
      </c>
      <c r="F3460" s="4" t="s">
        <v>17893</v>
      </c>
      <c r="G3460" s="4" t="s">
        <v>17894</v>
      </c>
      <c r="H3460" s="4" t="s">
        <v>17895</v>
      </c>
      <c r="I3460" s="4" t="s">
        <v>17896</v>
      </c>
      <c r="J3460" s="4" t="s">
        <v>17897</v>
      </c>
      <c r="K3460" s="4" t="s">
        <v>17898</v>
      </c>
    </row>
    <row r="3461" spans="1:11" ht="86.4" x14ac:dyDescent="0.3">
      <c r="A3461" s="1">
        <v>26706</v>
      </c>
      <c r="C3461" s="4" t="s">
        <v>17899</v>
      </c>
      <c r="D3461" s="4" t="s">
        <v>17900</v>
      </c>
      <c r="E3461" s="4" t="s">
        <v>17901</v>
      </c>
      <c r="F3461" s="4" t="s">
        <v>17902</v>
      </c>
      <c r="G3461" s="4" t="s">
        <v>17903</v>
      </c>
      <c r="H3461" s="4" t="s">
        <v>17904</v>
      </c>
      <c r="I3461" s="4" t="s">
        <v>17905</v>
      </c>
      <c r="K3461" s="4" t="s">
        <v>17906</v>
      </c>
    </row>
    <row r="3462" spans="1:11" ht="57.6" x14ac:dyDescent="0.3">
      <c r="A3462" s="1">
        <v>26711</v>
      </c>
      <c r="C3462" s="4" t="s">
        <v>17907</v>
      </c>
      <c r="D3462" s="4" t="s">
        <v>17908</v>
      </c>
    </row>
    <row r="3463" spans="1:11" ht="86.4" x14ac:dyDescent="0.3">
      <c r="A3463" s="1">
        <v>26726</v>
      </c>
      <c r="C3463" s="4" t="s">
        <v>17909</v>
      </c>
      <c r="D3463" s="4" t="s">
        <v>17910</v>
      </c>
      <c r="E3463" s="4" t="s">
        <v>17911</v>
      </c>
      <c r="G3463" s="4" t="s">
        <v>17912</v>
      </c>
      <c r="H3463" s="4" t="s">
        <v>17913</v>
      </c>
      <c r="I3463" s="4" t="s">
        <v>17914</v>
      </c>
      <c r="K3463" s="4" t="s">
        <v>17915</v>
      </c>
    </row>
    <row r="3464" spans="1:11" ht="57.6" x14ac:dyDescent="0.3">
      <c r="A3464" s="1">
        <v>26736</v>
      </c>
      <c r="C3464" s="4" t="s">
        <v>17916</v>
      </c>
      <c r="D3464" s="4" t="s">
        <v>17917</v>
      </c>
      <c r="E3464" s="4" t="s">
        <v>17918</v>
      </c>
      <c r="G3464" s="4" t="s">
        <v>17919</v>
      </c>
      <c r="I3464" s="4" t="s">
        <v>17920</v>
      </c>
    </row>
    <row r="3465" spans="1:11" ht="86.4" x14ac:dyDescent="0.3">
      <c r="A3465" s="1">
        <v>26741</v>
      </c>
      <c r="C3465" s="4" t="s">
        <v>17921</v>
      </c>
      <c r="D3465" s="4" t="s">
        <v>17922</v>
      </c>
      <c r="E3465" s="4" t="s">
        <v>17923</v>
      </c>
      <c r="F3465" s="4" t="s">
        <v>17924</v>
      </c>
      <c r="G3465" s="4" t="s">
        <v>17925</v>
      </c>
      <c r="H3465" s="4" t="s">
        <v>17926</v>
      </c>
      <c r="I3465" s="4" t="s">
        <v>17927</v>
      </c>
      <c r="K3465" s="4" t="s">
        <v>17928</v>
      </c>
    </row>
    <row r="3466" spans="1:11" ht="43.2" x14ac:dyDescent="0.3">
      <c r="A3466" s="1">
        <v>26746</v>
      </c>
      <c r="C3466" s="4" t="s">
        <v>17929</v>
      </c>
      <c r="F3466" s="4" t="s">
        <v>17930</v>
      </c>
      <c r="K3466" s="4" t="s">
        <v>17931</v>
      </c>
    </row>
    <row r="3467" spans="1:11" ht="86.4" x14ac:dyDescent="0.3">
      <c r="A3467" s="1">
        <v>26751</v>
      </c>
      <c r="C3467" s="4" t="s">
        <v>17932</v>
      </c>
      <c r="D3467" s="4" t="s">
        <v>17933</v>
      </c>
      <c r="E3467" s="4" t="s">
        <v>17934</v>
      </c>
      <c r="F3467" s="4" t="s">
        <v>17935</v>
      </c>
      <c r="G3467" s="4" t="s">
        <v>17936</v>
      </c>
      <c r="H3467" s="4" t="s">
        <v>17937</v>
      </c>
      <c r="I3467" s="4" t="s">
        <v>17938</v>
      </c>
      <c r="J3467" s="4" t="s">
        <v>17939</v>
      </c>
      <c r="K3467" s="4" t="s">
        <v>17940</v>
      </c>
    </row>
    <row r="3468" spans="1:11" ht="57.6" x14ac:dyDescent="0.3">
      <c r="A3468" s="1">
        <v>26756</v>
      </c>
      <c r="C3468" s="4" t="s">
        <v>17941</v>
      </c>
      <c r="D3468" s="4" t="s">
        <v>17942</v>
      </c>
      <c r="G3468" s="4" t="s">
        <v>17943</v>
      </c>
      <c r="H3468" s="4" t="s">
        <v>17943</v>
      </c>
      <c r="K3468" s="4" t="s">
        <v>17944</v>
      </c>
    </row>
    <row r="3469" spans="1:11" ht="72" x14ac:dyDescent="0.3">
      <c r="A3469" s="1">
        <v>26761</v>
      </c>
      <c r="C3469" s="4" t="s">
        <v>17945</v>
      </c>
      <c r="D3469" s="4" t="s">
        <v>17946</v>
      </c>
      <c r="G3469" s="4" t="s">
        <v>17947</v>
      </c>
      <c r="H3469" s="4" t="s">
        <v>17948</v>
      </c>
      <c r="I3469" s="4" t="s">
        <v>17949</v>
      </c>
    </row>
    <row r="3470" spans="1:11" ht="72" x14ac:dyDescent="0.3">
      <c r="A3470" s="1">
        <v>26766</v>
      </c>
      <c r="C3470" s="4" t="s">
        <v>17950</v>
      </c>
      <c r="D3470" s="4" t="s">
        <v>17951</v>
      </c>
      <c r="E3470" s="4" t="s">
        <v>17952</v>
      </c>
      <c r="F3470" s="4" t="s">
        <v>17953</v>
      </c>
      <c r="G3470" s="4" t="s">
        <v>17954</v>
      </c>
      <c r="H3470" s="4" t="s">
        <v>17955</v>
      </c>
      <c r="I3470" s="4" t="s">
        <v>17956</v>
      </c>
      <c r="K3470" s="4" t="s">
        <v>17957</v>
      </c>
    </row>
    <row r="3471" spans="1:11" ht="100.8" x14ac:dyDescent="0.3">
      <c r="A3471" s="1">
        <v>26776</v>
      </c>
      <c r="C3471" s="4" t="s">
        <v>17958</v>
      </c>
      <c r="D3471" s="4" t="s">
        <v>17959</v>
      </c>
      <c r="E3471" s="4" t="s">
        <v>17960</v>
      </c>
      <c r="F3471" s="4" t="s">
        <v>17961</v>
      </c>
      <c r="G3471" s="4" t="s">
        <v>17962</v>
      </c>
      <c r="H3471" s="4" t="s">
        <v>17963</v>
      </c>
      <c r="I3471" s="4" t="s">
        <v>17964</v>
      </c>
      <c r="K3471" s="4" t="s">
        <v>17965</v>
      </c>
    </row>
    <row r="3472" spans="1:11" ht="72" x14ac:dyDescent="0.3">
      <c r="A3472" s="1">
        <v>26781</v>
      </c>
      <c r="C3472" s="4" t="s">
        <v>17966</v>
      </c>
      <c r="D3472" s="4" t="s">
        <v>17967</v>
      </c>
      <c r="E3472" s="4" t="s">
        <v>17968</v>
      </c>
      <c r="F3472" s="4" t="s">
        <v>17969</v>
      </c>
      <c r="G3472" s="4" t="s">
        <v>17970</v>
      </c>
      <c r="H3472" s="4" t="s">
        <v>17971</v>
      </c>
      <c r="K3472" s="4" t="s">
        <v>17972</v>
      </c>
    </row>
    <row r="3473" spans="1:11" ht="86.4" x14ac:dyDescent="0.3">
      <c r="A3473" s="1">
        <v>26786</v>
      </c>
      <c r="C3473" s="4" t="s">
        <v>17973</v>
      </c>
      <c r="D3473" s="4" t="s">
        <v>17974</v>
      </c>
      <c r="E3473" s="4" t="s">
        <v>17975</v>
      </c>
      <c r="F3473" s="4" t="s">
        <v>17976</v>
      </c>
      <c r="G3473" s="4" t="s">
        <v>17977</v>
      </c>
      <c r="I3473" s="4" t="s">
        <v>17978</v>
      </c>
      <c r="J3473" s="4" t="s">
        <v>17979</v>
      </c>
      <c r="K3473" s="4" t="s">
        <v>17980</v>
      </c>
    </row>
    <row r="3474" spans="1:11" ht="86.4" x14ac:dyDescent="0.3">
      <c r="A3474" s="1">
        <v>26791</v>
      </c>
      <c r="C3474" s="4" t="s">
        <v>17981</v>
      </c>
      <c r="E3474" s="4" t="s">
        <v>17982</v>
      </c>
      <c r="F3474" s="4" t="s">
        <v>17983</v>
      </c>
      <c r="I3474" s="4" t="s">
        <v>17984</v>
      </c>
      <c r="K3474" s="4" t="s">
        <v>17985</v>
      </c>
    </row>
    <row r="3475" spans="1:11" x14ac:dyDescent="0.3">
      <c r="A3475" s="1">
        <v>26796</v>
      </c>
    </row>
    <row r="3476" spans="1:11" ht="86.4" x14ac:dyDescent="0.3">
      <c r="A3476" s="1">
        <v>26801</v>
      </c>
      <c r="C3476" s="4" t="s">
        <v>17986</v>
      </c>
      <c r="D3476" s="4" t="s">
        <v>17987</v>
      </c>
      <c r="E3476" s="4" t="s">
        <v>17988</v>
      </c>
      <c r="G3476" s="4" t="s">
        <v>17989</v>
      </c>
      <c r="H3476" s="4" t="s">
        <v>17990</v>
      </c>
      <c r="I3476" s="4" t="s">
        <v>17991</v>
      </c>
      <c r="K3476" s="4" t="s">
        <v>17992</v>
      </c>
    </row>
    <row r="3477" spans="1:11" ht="86.4" x14ac:dyDescent="0.3">
      <c r="A3477" s="1">
        <v>26806</v>
      </c>
      <c r="C3477" s="4" t="s">
        <v>17993</v>
      </c>
      <c r="D3477" s="4" t="s">
        <v>17994</v>
      </c>
      <c r="E3477" s="4" t="s">
        <v>17995</v>
      </c>
      <c r="F3477" s="4" t="s">
        <v>17996</v>
      </c>
      <c r="G3477" s="4" t="s">
        <v>17997</v>
      </c>
      <c r="H3477" s="4" t="s">
        <v>17998</v>
      </c>
      <c r="I3477" s="4" t="s">
        <v>17999</v>
      </c>
      <c r="K3477" s="4" t="s">
        <v>18000</v>
      </c>
    </row>
    <row r="3478" spans="1:11" ht="86.4" x14ac:dyDescent="0.3">
      <c r="A3478" s="1">
        <v>26816</v>
      </c>
      <c r="C3478" s="4" t="s">
        <v>18001</v>
      </c>
      <c r="D3478" s="4" t="s">
        <v>18002</v>
      </c>
      <c r="E3478" s="4" t="s">
        <v>18003</v>
      </c>
      <c r="F3478" s="4" t="s">
        <v>18004</v>
      </c>
      <c r="G3478" s="4" t="s">
        <v>18005</v>
      </c>
      <c r="H3478" s="4" t="s">
        <v>18006</v>
      </c>
      <c r="I3478" s="4" t="s">
        <v>18007</v>
      </c>
      <c r="J3478" s="4" t="s">
        <v>18008</v>
      </c>
      <c r="K3478" s="4" t="s">
        <v>18009</v>
      </c>
    </row>
    <row r="3479" spans="1:11" ht="43.2" x14ac:dyDescent="0.3">
      <c r="A3479" s="1">
        <v>26821</v>
      </c>
      <c r="C3479" s="4" t="s">
        <v>18010</v>
      </c>
      <c r="D3479" s="4" t="s">
        <v>18011</v>
      </c>
      <c r="E3479" s="4" t="s">
        <v>18012</v>
      </c>
      <c r="K3479" s="4" t="s">
        <v>18011</v>
      </c>
    </row>
    <row r="3480" spans="1:11" x14ac:dyDescent="0.3">
      <c r="A3480" s="1">
        <v>26831</v>
      </c>
      <c r="C3480" s="4" t="s">
        <v>6689</v>
      </c>
      <c r="G3480" s="4" t="s">
        <v>18013</v>
      </c>
    </row>
    <row r="3481" spans="1:11" x14ac:dyDescent="0.3">
      <c r="A3481" s="1">
        <v>26836</v>
      </c>
    </row>
    <row r="3482" spans="1:11" ht="43.2" x14ac:dyDescent="0.3">
      <c r="A3482" s="1">
        <v>26841</v>
      </c>
      <c r="C3482" s="4" t="s">
        <v>18014</v>
      </c>
      <c r="D3482" s="4" t="s">
        <v>18015</v>
      </c>
      <c r="E3482" s="4" t="s">
        <v>18016</v>
      </c>
      <c r="F3482" s="4" t="s">
        <v>18017</v>
      </c>
      <c r="G3482" s="4" t="s">
        <v>18018</v>
      </c>
      <c r="H3482" s="4" t="s">
        <v>18019</v>
      </c>
      <c r="I3482" s="4" t="s">
        <v>18020</v>
      </c>
    </row>
    <row r="3483" spans="1:11" ht="72" x14ac:dyDescent="0.3">
      <c r="A3483" s="1">
        <v>26851</v>
      </c>
      <c r="C3483" s="4" t="s">
        <v>18021</v>
      </c>
      <c r="D3483" s="4" t="s">
        <v>18022</v>
      </c>
      <c r="E3483" s="4" t="s">
        <v>18023</v>
      </c>
      <c r="F3483" s="4" t="s">
        <v>18024</v>
      </c>
      <c r="G3483" s="4" t="s">
        <v>18025</v>
      </c>
      <c r="J3483" s="4" t="s">
        <v>18026</v>
      </c>
    </row>
    <row r="3484" spans="1:11" ht="86.4" x14ac:dyDescent="0.3">
      <c r="A3484" s="1">
        <v>26856</v>
      </c>
      <c r="C3484" s="4" t="s">
        <v>18027</v>
      </c>
      <c r="D3484" s="4" t="s">
        <v>18028</v>
      </c>
      <c r="E3484" s="4" t="s">
        <v>18029</v>
      </c>
      <c r="F3484" s="4" t="s">
        <v>23191</v>
      </c>
      <c r="G3484" s="4" t="s">
        <v>18030</v>
      </c>
      <c r="H3484" s="4" t="s">
        <v>18031</v>
      </c>
      <c r="I3484" s="4" t="s">
        <v>18032</v>
      </c>
      <c r="J3484" s="4" t="s">
        <v>18033</v>
      </c>
      <c r="K3484" s="4" t="s">
        <v>18034</v>
      </c>
    </row>
    <row r="3485" spans="1:11" x14ac:dyDescent="0.3">
      <c r="A3485" s="1">
        <v>26866</v>
      </c>
    </row>
    <row r="3486" spans="1:11" ht="72" x14ac:dyDescent="0.3">
      <c r="A3486" s="1">
        <v>26871</v>
      </c>
      <c r="C3486" s="4" t="s">
        <v>18035</v>
      </c>
      <c r="D3486" s="4" t="s">
        <v>18036</v>
      </c>
      <c r="E3486" s="4" t="s">
        <v>18037</v>
      </c>
      <c r="F3486" s="4" t="s">
        <v>18038</v>
      </c>
      <c r="G3486" s="4" t="s">
        <v>18039</v>
      </c>
      <c r="H3486" s="4" t="s">
        <v>18040</v>
      </c>
      <c r="K3486" s="4" t="s">
        <v>18041</v>
      </c>
    </row>
    <row r="3487" spans="1:11" ht="86.4" x14ac:dyDescent="0.3">
      <c r="A3487" s="1">
        <v>26876</v>
      </c>
      <c r="C3487" s="4" t="s">
        <v>18042</v>
      </c>
      <c r="D3487" s="4" t="s">
        <v>18043</v>
      </c>
      <c r="E3487" s="4" t="s">
        <v>18044</v>
      </c>
      <c r="F3487" s="4" t="s">
        <v>18045</v>
      </c>
      <c r="G3487" s="4" t="s">
        <v>18046</v>
      </c>
      <c r="H3487" s="4" t="s">
        <v>18047</v>
      </c>
      <c r="I3487" s="4" t="s">
        <v>18048</v>
      </c>
      <c r="K3487" s="4" t="s">
        <v>18049</v>
      </c>
    </row>
    <row r="3488" spans="1:11" ht="86.4" x14ac:dyDescent="0.3">
      <c r="A3488" s="1">
        <v>26881</v>
      </c>
      <c r="C3488" s="4" t="s">
        <v>18050</v>
      </c>
      <c r="D3488" s="4" t="s">
        <v>18051</v>
      </c>
      <c r="G3488" s="4" t="s">
        <v>18052</v>
      </c>
      <c r="H3488" s="4" t="s">
        <v>18053</v>
      </c>
      <c r="K3488" s="4" t="s">
        <v>18054</v>
      </c>
    </row>
    <row r="3489" spans="1:11" ht="28.8" x14ac:dyDescent="0.3">
      <c r="A3489" s="1">
        <v>26886</v>
      </c>
      <c r="C3489" s="4" t="s">
        <v>18055</v>
      </c>
      <c r="H3489" s="4" t="s">
        <v>18056</v>
      </c>
      <c r="I3489" s="4" t="s">
        <v>18057</v>
      </c>
    </row>
    <row r="3490" spans="1:11" ht="86.4" x14ac:dyDescent="0.3">
      <c r="A3490" s="1">
        <v>26891</v>
      </c>
      <c r="C3490" s="4" t="s">
        <v>18058</v>
      </c>
      <c r="G3490" s="4" t="s">
        <v>18059</v>
      </c>
      <c r="H3490" s="4" t="s">
        <v>18060</v>
      </c>
      <c r="K3490" s="4" t="s">
        <v>18061</v>
      </c>
    </row>
    <row r="3491" spans="1:11" ht="57.6" x14ac:dyDescent="0.3">
      <c r="A3491" s="1">
        <v>26896</v>
      </c>
      <c r="C3491" s="4" t="s">
        <v>18062</v>
      </c>
      <c r="D3491" s="4" t="s">
        <v>18063</v>
      </c>
      <c r="E3491" s="4" t="s">
        <v>18064</v>
      </c>
      <c r="F3491" s="4" t="s">
        <v>18065</v>
      </c>
      <c r="G3491" s="4" t="s">
        <v>18066</v>
      </c>
      <c r="H3491" s="4" t="s">
        <v>18067</v>
      </c>
      <c r="I3491" s="4" t="s">
        <v>18068</v>
      </c>
      <c r="K3491" s="4" t="s">
        <v>18069</v>
      </c>
    </row>
    <row r="3492" spans="1:11" ht="86.4" x14ac:dyDescent="0.3">
      <c r="A3492" s="1">
        <v>26901</v>
      </c>
      <c r="C3492" s="4" t="s">
        <v>18070</v>
      </c>
      <c r="D3492" s="4" t="s">
        <v>18071</v>
      </c>
      <c r="E3492" s="4" t="s">
        <v>18072</v>
      </c>
      <c r="F3492" s="4" t="s">
        <v>18073</v>
      </c>
      <c r="G3492" s="4" t="s">
        <v>18074</v>
      </c>
      <c r="H3492" s="4" t="s">
        <v>18075</v>
      </c>
      <c r="I3492" s="4" t="s">
        <v>18076</v>
      </c>
      <c r="J3492" s="4" t="s">
        <v>18077</v>
      </c>
      <c r="K3492" s="4" t="s">
        <v>18078</v>
      </c>
    </row>
    <row r="3493" spans="1:11" ht="72" x14ac:dyDescent="0.3">
      <c r="A3493" s="1">
        <v>26911</v>
      </c>
      <c r="C3493" s="4" t="s">
        <v>18079</v>
      </c>
      <c r="D3493" s="4" t="s">
        <v>18080</v>
      </c>
      <c r="E3493" s="4" t="s">
        <v>18081</v>
      </c>
      <c r="F3493" s="4" t="s">
        <v>18082</v>
      </c>
      <c r="G3493" s="4" t="s">
        <v>18083</v>
      </c>
      <c r="I3493" s="4" t="s">
        <v>18084</v>
      </c>
      <c r="K3493" s="4" t="s">
        <v>764</v>
      </c>
    </row>
    <row r="3494" spans="1:11" ht="86.4" x14ac:dyDescent="0.3">
      <c r="A3494" s="1">
        <v>26921</v>
      </c>
      <c r="C3494" s="4" t="s">
        <v>18085</v>
      </c>
      <c r="D3494" s="4" t="s">
        <v>18086</v>
      </c>
      <c r="E3494" s="4" t="s">
        <v>18087</v>
      </c>
      <c r="F3494" s="4" t="s">
        <v>18088</v>
      </c>
      <c r="G3494" s="4" t="s">
        <v>18089</v>
      </c>
      <c r="H3494" s="4" t="s">
        <v>18090</v>
      </c>
      <c r="I3494" s="4" t="s">
        <v>18091</v>
      </c>
      <c r="K3494" s="4" t="s">
        <v>18092</v>
      </c>
    </row>
    <row r="3495" spans="1:11" ht="72" x14ac:dyDescent="0.3">
      <c r="A3495" s="1">
        <v>26931</v>
      </c>
      <c r="C3495" s="4" t="s">
        <v>18093</v>
      </c>
      <c r="D3495" s="4" t="s">
        <v>18094</v>
      </c>
      <c r="E3495" s="4" t="s">
        <v>18095</v>
      </c>
      <c r="F3495" s="4" t="s">
        <v>18096</v>
      </c>
      <c r="G3495" s="4" t="s">
        <v>18097</v>
      </c>
      <c r="H3495" s="4" t="s">
        <v>18098</v>
      </c>
      <c r="I3495" s="4" t="s">
        <v>18099</v>
      </c>
      <c r="K3495" s="4" t="s">
        <v>18100</v>
      </c>
    </row>
    <row r="3496" spans="1:11" ht="86.4" x14ac:dyDescent="0.3">
      <c r="A3496" s="1">
        <v>26936</v>
      </c>
      <c r="C3496" s="4" t="s">
        <v>18101</v>
      </c>
      <c r="D3496" s="4" t="s">
        <v>18102</v>
      </c>
      <c r="E3496" s="4" t="s">
        <v>18103</v>
      </c>
      <c r="F3496" s="4" t="s">
        <v>18104</v>
      </c>
      <c r="G3496" s="4" t="s">
        <v>18105</v>
      </c>
      <c r="H3496" s="4" t="s">
        <v>18106</v>
      </c>
      <c r="I3496" s="4" t="s">
        <v>18107</v>
      </c>
      <c r="K3496" s="4" t="s">
        <v>18108</v>
      </c>
    </row>
    <row r="3497" spans="1:11" ht="43.2" x14ac:dyDescent="0.3">
      <c r="A3497" s="1">
        <v>26946</v>
      </c>
      <c r="D3497" s="4" t="s">
        <v>18109</v>
      </c>
      <c r="E3497" s="4" t="s">
        <v>18110</v>
      </c>
      <c r="F3497" s="4" t="s">
        <v>18111</v>
      </c>
      <c r="G3497" s="4" t="s">
        <v>18112</v>
      </c>
      <c r="H3497" s="4" t="s">
        <v>18113</v>
      </c>
      <c r="K3497" s="4" t="s">
        <v>18114</v>
      </c>
    </row>
    <row r="3498" spans="1:11" ht="100.8" x14ac:dyDescent="0.3">
      <c r="A3498" s="1">
        <v>26956</v>
      </c>
      <c r="C3498" s="4" t="s">
        <v>18115</v>
      </c>
      <c r="D3498" s="4" t="s">
        <v>18116</v>
      </c>
      <c r="E3498" s="4" t="s">
        <v>18117</v>
      </c>
      <c r="F3498" s="4" t="s">
        <v>18118</v>
      </c>
      <c r="G3498" s="4" t="s">
        <v>18119</v>
      </c>
      <c r="H3498" s="4" t="s">
        <v>18120</v>
      </c>
      <c r="I3498" s="4" t="s">
        <v>18121</v>
      </c>
      <c r="K3498" s="4" t="s">
        <v>18122</v>
      </c>
    </row>
    <row r="3499" spans="1:11" ht="28.8" x14ac:dyDescent="0.3">
      <c r="A3499" s="1">
        <v>26971</v>
      </c>
      <c r="C3499" s="4" t="s">
        <v>18123</v>
      </c>
      <c r="D3499" s="4" t="s">
        <v>18124</v>
      </c>
      <c r="E3499" s="4" t="s">
        <v>18125</v>
      </c>
      <c r="F3499" s="4" t="s">
        <v>18126</v>
      </c>
      <c r="G3499" s="4" t="s">
        <v>18127</v>
      </c>
      <c r="H3499" s="4" t="s">
        <v>18128</v>
      </c>
      <c r="I3499" s="4" t="s">
        <v>18129</v>
      </c>
    </row>
    <row r="3500" spans="1:11" ht="72" x14ac:dyDescent="0.3">
      <c r="A3500" s="1">
        <v>26981</v>
      </c>
      <c r="C3500" s="4" t="s">
        <v>18130</v>
      </c>
      <c r="D3500" s="4" t="s">
        <v>18131</v>
      </c>
      <c r="E3500" s="4" t="s">
        <v>18132</v>
      </c>
      <c r="F3500" s="4" t="s">
        <v>18133</v>
      </c>
      <c r="G3500" s="4" t="s">
        <v>18134</v>
      </c>
      <c r="H3500" s="4" t="s">
        <v>18135</v>
      </c>
      <c r="I3500" s="4" t="s">
        <v>18136</v>
      </c>
    </row>
    <row r="3501" spans="1:11" ht="43.2" x14ac:dyDescent="0.3">
      <c r="A3501" s="1">
        <v>26986</v>
      </c>
      <c r="C3501" s="4" t="s">
        <v>18137</v>
      </c>
      <c r="H3501" s="4" t="s">
        <v>18138</v>
      </c>
    </row>
    <row r="3502" spans="1:11" ht="28.8" x14ac:dyDescent="0.3">
      <c r="A3502" s="1">
        <v>26991</v>
      </c>
      <c r="D3502" s="4" t="s">
        <v>18139</v>
      </c>
    </row>
    <row r="3503" spans="1:11" ht="28.8" x14ac:dyDescent="0.3">
      <c r="A3503" s="1">
        <v>27006</v>
      </c>
      <c r="C3503" s="4" t="s">
        <v>18140</v>
      </c>
      <c r="D3503" s="4" t="s">
        <v>18141</v>
      </c>
      <c r="F3503" s="4" t="s">
        <v>18142</v>
      </c>
      <c r="G3503" s="4" t="s">
        <v>18142</v>
      </c>
      <c r="H3503" s="4" t="s">
        <v>18140</v>
      </c>
      <c r="I3503" s="4" t="s">
        <v>18142</v>
      </c>
    </row>
    <row r="3504" spans="1:11" ht="28.8" x14ac:dyDescent="0.3">
      <c r="A3504" s="1">
        <v>27011</v>
      </c>
      <c r="C3504" s="4" t="s">
        <v>18143</v>
      </c>
      <c r="D3504" s="4" t="s">
        <v>18144</v>
      </c>
      <c r="E3504" s="4" t="s">
        <v>18145</v>
      </c>
    </row>
    <row r="3505" spans="1:11" ht="86.4" x14ac:dyDescent="0.3">
      <c r="A3505" s="1">
        <v>27021</v>
      </c>
      <c r="C3505" s="4" t="s">
        <v>18146</v>
      </c>
      <c r="D3505" s="4" t="s">
        <v>18147</v>
      </c>
      <c r="E3505" s="4" t="s">
        <v>18148</v>
      </c>
      <c r="F3505" s="4" t="s">
        <v>18149</v>
      </c>
      <c r="G3505" s="4" t="s">
        <v>18150</v>
      </c>
      <c r="H3505" s="4" t="s">
        <v>18150</v>
      </c>
      <c r="I3505" s="4" t="s">
        <v>18151</v>
      </c>
      <c r="K3505" s="4" t="s">
        <v>18152</v>
      </c>
    </row>
    <row r="3506" spans="1:11" ht="86.4" x14ac:dyDescent="0.3">
      <c r="A3506" s="1">
        <v>27026</v>
      </c>
      <c r="C3506" s="4" t="s">
        <v>18153</v>
      </c>
      <c r="D3506" s="4" t="s">
        <v>18154</v>
      </c>
      <c r="E3506" s="4" t="s">
        <v>18155</v>
      </c>
      <c r="F3506" s="4" t="s">
        <v>18156</v>
      </c>
      <c r="G3506" s="4" t="s">
        <v>18157</v>
      </c>
      <c r="H3506" s="4" t="s">
        <v>18158</v>
      </c>
      <c r="I3506" s="4" t="s">
        <v>18159</v>
      </c>
    </row>
    <row r="3507" spans="1:11" ht="72" x14ac:dyDescent="0.3">
      <c r="A3507" s="1">
        <v>27031</v>
      </c>
      <c r="C3507" s="4" t="s">
        <v>18160</v>
      </c>
      <c r="D3507" s="4" t="s">
        <v>18161</v>
      </c>
      <c r="E3507" s="4" t="s">
        <v>18162</v>
      </c>
      <c r="F3507" s="4" t="s">
        <v>18163</v>
      </c>
      <c r="G3507" s="4" t="s">
        <v>18164</v>
      </c>
      <c r="H3507" s="4" t="s">
        <v>18165</v>
      </c>
      <c r="I3507" s="4" t="s">
        <v>18166</v>
      </c>
      <c r="J3507" s="4" t="s">
        <v>18167</v>
      </c>
      <c r="K3507" s="4" t="s">
        <v>18168</v>
      </c>
    </row>
    <row r="3508" spans="1:11" x14ac:dyDescent="0.3">
      <c r="A3508" s="1">
        <v>27036</v>
      </c>
    </row>
    <row r="3509" spans="1:11" ht="57.6" x14ac:dyDescent="0.3">
      <c r="A3509" s="1">
        <v>27041</v>
      </c>
      <c r="C3509" s="4" t="s">
        <v>18169</v>
      </c>
      <c r="D3509" s="4" t="s">
        <v>18170</v>
      </c>
      <c r="E3509" s="4" t="s">
        <v>18171</v>
      </c>
      <c r="F3509" s="4" t="s">
        <v>18172</v>
      </c>
      <c r="G3509" s="4" t="s">
        <v>18173</v>
      </c>
      <c r="H3509" s="4" t="s">
        <v>18174</v>
      </c>
      <c r="I3509" s="4" t="s">
        <v>18175</v>
      </c>
      <c r="K3509" s="4" t="s">
        <v>18176</v>
      </c>
    </row>
    <row r="3510" spans="1:11" x14ac:dyDescent="0.3">
      <c r="A3510" s="1">
        <v>27046</v>
      </c>
      <c r="H3510" s="4" t="s">
        <v>18177</v>
      </c>
    </row>
    <row r="3511" spans="1:11" ht="86.4" x14ac:dyDescent="0.3">
      <c r="A3511" s="1">
        <v>27051</v>
      </c>
      <c r="C3511" s="4" t="s">
        <v>18178</v>
      </c>
      <c r="D3511" s="4" t="s">
        <v>18179</v>
      </c>
      <c r="E3511" s="4" t="s">
        <v>18180</v>
      </c>
      <c r="F3511" s="4" t="s">
        <v>18181</v>
      </c>
      <c r="G3511" s="4" t="s">
        <v>18182</v>
      </c>
      <c r="H3511" s="4" t="s">
        <v>18183</v>
      </c>
      <c r="I3511" s="4" t="s">
        <v>18184</v>
      </c>
      <c r="K3511" s="4" t="s">
        <v>18185</v>
      </c>
    </row>
    <row r="3512" spans="1:11" ht="43.2" x14ac:dyDescent="0.3">
      <c r="A3512" s="1">
        <v>27061</v>
      </c>
      <c r="D3512" s="4" t="s">
        <v>18186</v>
      </c>
      <c r="F3512" s="4" t="s">
        <v>18187</v>
      </c>
      <c r="H3512" s="4" t="s">
        <v>18188</v>
      </c>
      <c r="J3512" s="4" t="s">
        <v>18189</v>
      </c>
    </row>
    <row r="3513" spans="1:11" ht="129.6" x14ac:dyDescent="0.3">
      <c r="A3513" s="1">
        <v>27066</v>
      </c>
      <c r="C3513" s="4" t="s">
        <v>18190</v>
      </c>
      <c r="D3513" s="4" t="s">
        <v>18191</v>
      </c>
      <c r="G3513" s="4" t="s">
        <v>18192</v>
      </c>
      <c r="H3513" s="4" t="s">
        <v>18193</v>
      </c>
      <c r="I3513" s="4" t="s">
        <v>18194</v>
      </c>
      <c r="J3513" s="4" t="s">
        <v>18195</v>
      </c>
    </row>
    <row r="3514" spans="1:11" ht="86.4" x14ac:dyDescent="0.3">
      <c r="A3514" s="1">
        <v>27071</v>
      </c>
      <c r="C3514" s="4" t="s">
        <v>18196</v>
      </c>
      <c r="D3514" s="4" t="s">
        <v>18197</v>
      </c>
      <c r="E3514" s="4" t="s">
        <v>18198</v>
      </c>
      <c r="F3514" s="4" t="s">
        <v>18199</v>
      </c>
      <c r="G3514" s="4" t="s">
        <v>18200</v>
      </c>
      <c r="H3514" s="4" t="s">
        <v>18201</v>
      </c>
      <c r="I3514" s="4" t="s">
        <v>18202</v>
      </c>
      <c r="K3514" s="4" t="s">
        <v>18203</v>
      </c>
    </row>
    <row r="3515" spans="1:11" ht="28.8" x14ac:dyDescent="0.3">
      <c r="A3515" s="1">
        <v>27081</v>
      </c>
      <c r="C3515" s="4" t="s">
        <v>18204</v>
      </c>
    </row>
    <row r="3516" spans="1:11" x14ac:dyDescent="0.3">
      <c r="A3516" s="1">
        <v>27086</v>
      </c>
    </row>
    <row r="3517" spans="1:11" x14ac:dyDescent="0.3">
      <c r="A3517" s="1">
        <v>27091</v>
      </c>
      <c r="C3517" s="4" t="s">
        <v>18205</v>
      </c>
    </row>
    <row r="3518" spans="1:11" ht="43.2" x14ac:dyDescent="0.3">
      <c r="A3518" s="1">
        <v>27101</v>
      </c>
      <c r="C3518" s="4" t="s">
        <v>18206</v>
      </c>
      <c r="D3518" s="4" t="s">
        <v>18207</v>
      </c>
    </row>
    <row r="3519" spans="1:11" ht="72" x14ac:dyDescent="0.3">
      <c r="A3519" s="1">
        <v>27106</v>
      </c>
      <c r="C3519" s="4" t="s">
        <v>18208</v>
      </c>
      <c r="D3519" s="4" t="s">
        <v>18209</v>
      </c>
      <c r="E3519" s="4" t="s">
        <v>18210</v>
      </c>
      <c r="F3519" s="4" t="s">
        <v>18211</v>
      </c>
      <c r="G3519" s="4" t="s">
        <v>18212</v>
      </c>
      <c r="H3519" s="4" t="s">
        <v>18213</v>
      </c>
      <c r="I3519" s="4" t="s">
        <v>18214</v>
      </c>
      <c r="K3519" s="4" t="s">
        <v>18215</v>
      </c>
    </row>
    <row r="3520" spans="1:11" ht="86.4" x14ac:dyDescent="0.3">
      <c r="A3520" s="1">
        <v>27111</v>
      </c>
      <c r="C3520" s="4" t="s">
        <v>18216</v>
      </c>
      <c r="E3520" s="4" t="s">
        <v>18217</v>
      </c>
      <c r="F3520" s="4" t="s">
        <v>16405</v>
      </c>
      <c r="G3520" s="4" t="s">
        <v>18218</v>
      </c>
      <c r="H3520" s="4" t="s">
        <v>18219</v>
      </c>
      <c r="I3520" s="4" t="s">
        <v>18220</v>
      </c>
    </row>
    <row r="3521" spans="1:11" ht="72" x14ac:dyDescent="0.3">
      <c r="A3521" s="1">
        <v>27121</v>
      </c>
      <c r="C3521" s="4" t="s">
        <v>18221</v>
      </c>
      <c r="D3521" s="4" t="s">
        <v>18222</v>
      </c>
      <c r="E3521" s="4" t="s">
        <v>18223</v>
      </c>
      <c r="F3521" s="4" t="s">
        <v>18224</v>
      </c>
      <c r="G3521" s="4" t="s">
        <v>18225</v>
      </c>
      <c r="H3521" s="4" t="s">
        <v>18226</v>
      </c>
      <c r="K3521" s="4" t="s">
        <v>18227</v>
      </c>
    </row>
    <row r="3522" spans="1:11" ht="72" x14ac:dyDescent="0.3">
      <c r="A3522" s="1">
        <v>27126</v>
      </c>
      <c r="C3522" s="4" t="s">
        <v>18228</v>
      </c>
    </row>
    <row r="3523" spans="1:11" ht="86.4" x14ac:dyDescent="0.3">
      <c r="A3523" s="1">
        <v>27131</v>
      </c>
      <c r="B3523" s="1" t="s">
        <v>18229</v>
      </c>
      <c r="C3523" s="4" t="s">
        <v>18230</v>
      </c>
      <c r="D3523" s="4" t="s">
        <v>18231</v>
      </c>
      <c r="E3523" s="4" t="s">
        <v>18232</v>
      </c>
      <c r="F3523" s="4" t="s">
        <v>18233</v>
      </c>
      <c r="G3523" s="4" t="s">
        <v>18234</v>
      </c>
      <c r="H3523" s="4" t="s">
        <v>18235</v>
      </c>
      <c r="I3523" s="4" t="s">
        <v>18236</v>
      </c>
      <c r="K3523" s="4" t="s">
        <v>18237</v>
      </c>
    </row>
    <row r="3524" spans="1:11" ht="86.4" x14ac:dyDescent="0.3">
      <c r="A3524" s="1">
        <v>27136</v>
      </c>
      <c r="C3524" s="4" t="s">
        <v>18238</v>
      </c>
      <c r="E3524" s="4" t="s">
        <v>18239</v>
      </c>
      <c r="H3524" s="4" t="s">
        <v>18240</v>
      </c>
      <c r="I3524" s="4" t="s">
        <v>18241</v>
      </c>
      <c r="K3524" s="4" t="s">
        <v>18242</v>
      </c>
    </row>
    <row r="3525" spans="1:11" ht="72" x14ac:dyDescent="0.3">
      <c r="A3525" s="1">
        <v>27151</v>
      </c>
      <c r="C3525" s="4" t="s">
        <v>18243</v>
      </c>
      <c r="D3525" s="4" t="s">
        <v>18244</v>
      </c>
      <c r="E3525" s="4" t="s">
        <v>18245</v>
      </c>
      <c r="F3525" s="4" t="s">
        <v>18246</v>
      </c>
      <c r="G3525" s="4" t="s">
        <v>18247</v>
      </c>
      <c r="H3525" s="4" t="s">
        <v>18248</v>
      </c>
      <c r="K3525" s="4" t="s">
        <v>18249</v>
      </c>
    </row>
    <row r="3526" spans="1:11" ht="28.8" x14ac:dyDescent="0.3">
      <c r="A3526" s="1">
        <v>27166</v>
      </c>
      <c r="C3526" s="4" t="s">
        <v>18250</v>
      </c>
      <c r="G3526" s="4" t="s">
        <v>18251</v>
      </c>
    </row>
    <row r="3527" spans="1:11" ht="28.8" x14ac:dyDescent="0.3">
      <c r="A3527" s="1">
        <v>27176</v>
      </c>
      <c r="D3527" s="4" t="s">
        <v>18252</v>
      </c>
      <c r="E3527" s="4" t="s">
        <v>18253</v>
      </c>
      <c r="F3527" s="4" t="s">
        <v>18254</v>
      </c>
      <c r="G3527" s="4" t="s">
        <v>18255</v>
      </c>
      <c r="H3527" s="4" t="s">
        <v>18256</v>
      </c>
      <c r="K3527" s="4" t="s">
        <v>18257</v>
      </c>
    </row>
    <row r="3528" spans="1:11" ht="86.4" x14ac:dyDescent="0.3">
      <c r="A3528" s="1">
        <v>27186</v>
      </c>
      <c r="C3528" s="4" t="s">
        <v>18258</v>
      </c>
      <c r="D3528" s="4" t="s">
        <v>18259</v>
      </c>
      <c r="E3528" s="4" t="s">
        <v>18260</v>
      </c>
      <c r="F3528" s="4" t="s">
        <v>18261</v>
      </c>
      <c r="G3528" s="4" t="s">
        <v>18262</v>
      </c>
      <c r="H3528" s="4" t="s">
        <v>18263</v>
      </c>
      <c r="I3528" s="4" t="s">
        <v>18264</v>
      </c>
      <c r="K3528" s="4" t="s">
        <v>18265</v>
      </c>
    </row>
    <row r="3529" spans="1:11" x14ac:dyDescent="0.3">
      <c r="A3529" s="1">
        <v>27191</v>
      </c>
    </row>
    <row r="3530" spans="1:11" ht="57.6" x14ac:dyDescent="0.3">
      <c r="A3530" s="1">
        <v>27206</v>
      </c>
      <c r="C3530" s="4" t="s">
        <v>18266</v>
      </c>
      <c r="D3530" s="4" t="s">
        <v>18267</v>
      </c>
      <c r="E3530" s="4" t="s">
        <v>18268</v>
      </c>
      <c r="F3530" s="4" t="s">
        <v>18269</v>
      </c>
      <c r="G3530" s="4" t="s">
        <v>18270</v>
      </c>
      <c r="H3530" s="4" t="s">
        <v>18271</v>
      </c>
      <c r="I3530" s="4" t="s">
        <v>18272</v>
      </c>
      <c r="K3530" s="4" t="s">
        <v>18273</v>
      </c>
    </row>
    <row r="3531" spans="1:11" x14ac:dyDescent="0.3">
      <c r="A3531" s="1">
        <v>27211</v>
      </c>
      <c r="C3531" s="4" t="s">
        <v>18274</v>
      </c>
      <c r="D3531" s="4" t="s">
        <v>18275</v>
      </c>
      <c r="F3531" s="4" t="s">
        <v>18276</v>
      </c>
    </row>
    <row r="3532" spans="1:11" ht="86.4" x14ac:dyDescent="0.3">
      <c r="A3532" s="1">
        <v>27216</v>
      </c>
      <c r="C3532" s="4" t="s">
        <v>18277</v>
      </c>
      <c r="D3532" s="4" t="s">
        <v>18278</v>
      </c>
      <c r="E3532" s="4" t="s">
        <v>18279</v>
      </c>
      <c r="F3532" s="4" t="s">
        <v>18280</v>
      </c>
      <c r="G3532" s="4" t="s">
        <v>18281</v>
      </c>
      <c r="I3532" s="4" t="s">
        <v>18282</v>
      </c>
      <c r="K3532" s="4" t="s">
        <v>18283</v>
      </c>
    </row>
    <row r="3533" spans="1:11" ht="57.6" x14ac:dyDescent="0.3">
      <c r="A3533" s="1">
        <v>27231</v>
      </c>
      <c r="C3533" s="4" t="s">
        <v>18284</v>
      </c>
      <c r="D3533" s="4" t="s">
        <v>18285</v>
      </c>
      <c r="E3533" s="4" t="s">
        <v>18286</v>
      </c>
      <c r="F3533" s="4" t="s">
        <v>18287</v>
      </c>
      <c r="G3533" s="4" t="s">
        <v>18288</v>
      </c>
      <c r="H3533" s="4" t="s">
        <v>18289</v>
      </c>
      <c r="I3533" s="4" t="s">
        <v>18290</v>
      </c>
      <c r="K3533" s="4" t="s">
        <v>18291</v>
      </c>
    </row>
    <row r="3534" spans="1:11" ht="57.6" x14ac:dyDescent="0.3">
      <c r="A3534" s="1">
        <v>27241</v>
      </c>
      <c r="C3534" s="4" t="s">
        <v>18292</v>
      </c>
      <c r="D3534" s="4" t="s">
        <v>18293</v>
      </c>
      <c r="E3534" s="4" t="s">
        <v>18294</v>
      </c>
      <c r="F3534" s="4" t="s">
        <v>18295</v>
      </c>
      <c r="G3534" s="4" t="s">
        <v>18296</v>
      </c>
    </row>
    <row r="3535" spans="1:11" ht="86.4" x14ac:dyDescent="0.3">
      <c r="A3535" s="1">
        <v>27251</v>
      </c>
      <c r="B3535" s="1" t="s">
        <v>169</v>
      </c>
      <c r="C3535" s="4" t="s">
        <v>18297</v>
      </c>
      <c r="D3535" s="4" t="s">
        <v>18298</v>
      </c>
      <c r="E3535" s="4" t="s">
        <v>18299</v>
      </c>
      <c r="F3535" s="4" t="s">
        <v>18300</v>
      </c>
      <c r="G3535" s="4" t="s">
        <v>18301</v>
      </c>
      <c r="H3535" s="4" t="s">
        <v>18302</v>
      </c>
      <c r="I3535" s="4" t="s">
        <v>18303</v>
      </c>
      <c r="J3535" s="4" t="s">
        <v>8254</v>
      </c>
      <c r="K3535" s="4" t="s">
        <v>18304</v>
      </c>
    </row>
    <row r="3536" spans="1:11" ht="72" x14ac:dyDescent="0.3">
      <c r="A3536" s="1">
        <v>27256</v>
      </c>
      <c r="C3536" s="4" t="s">
        <v>18305</v>
      </c>
      <c r="D3536" s="4" t="s">
        <v>18306</v>
      </c>
      <c r="F3536" s="4" t="s">
        <v>18307</v>
      </c>
      <c r="G3536" s="4" t="s">
        <v>18308</v>
      </c>
      <c r="H3536" s="4" t="s">
        <v>18309</v>
      </c>
    </row>
    <row r="3537" spans="1:11" ht="86.4" x14ac:dyDescent="0.3">
      <c r="A3537" s="1">
        <v>27266</v>
      </c>
      <c r="B3537" s="1" t="s">
        <v>5799</v>
      </c>
      <c r="C3537" s="4" t="s">
        <v>18310</v>
      </c>
      <c r="G3537" s="4" t="s">
        <v>18311</v>
      </c>
      <c r="I3537" s="4" t="s">
        <v>18312</v>
      </c>
    </row>
    <row r="3538" spans="1:11" ht="72" x14ac:dyDescent="0.3">
      <c r="A3538" s="1">
        <v>27276</v>
      </c>
      <c r="C3538" s="4" t="s">
        <v>18313</v>
      </c>
      <c r="D3538" s="4" t="s">
        <v>18314</v>
      </c>
      <c r="E3538" s="4" t="s">
        <v>18315</v>
      </c>
      <c r="F3538" s="4" t="s">
        <v>16060</v>
      </c>
      <c r="G3538" s="4" t="s">
        <v>18316</v>
      </c>
      <c r="H3538" s="4" t="s">
        <v>18317</v>
      </c>
      <c r="J3538" s="4" t="s">
        <v>18318</v>
      </c>
      <c r="K3538" s="4" t="s">
        <v>18319</v>
      </c>
    </row>
    <row r="3539" spans="1:11" ht="72" x14ac:dyDescent="0.3">
      <c r="A3539" s="1">
        <v>27286</v>
      </c>
      <c r="C3539" s="4" t="s">
        <v>18320</v>
      </c>
      <c r="D3539" s="4" t="s">
        <v>18321</v>
      </c>
      <c r="G3539" s="4" t="s">
        <v>18322</v>
      </c>
      <c r="H3539" s="4" t="s">
        <v>18323</v>
      </c>
      <c r="K3539" s="4" t="s">
        <v>18324</v>
      </c>
    </row>
    <row r="3540" spans="1:11" ht="86.4" x14ac:dyDescent="0.3">
      <c r="A3540" s="1">
        <v>27291</v>
      </c>
      <c r="C3540" s="4" t="s">
        <v>18325</v>
      </c>
      <c r="D3540" s="4" t="s">
        <v>18326</v>
      </c>
      <c r="E3540" s="4" t="s">
        <v>18327</v>
      </c>
      <c r="F3540" s="4" t="s">
        <v>18328</v>
      </c>
      <c r="G3540" s="4" t="s">
        <v>18329</v>
      </c>
      <c r="H3540" s="4" t="s">
        <v>18330</v>
      </c>
      <c r="I3540" s="4" t="s">
        <v>18331</v>
      </c>
      <c r="K3540" s="4" t="s">
        <v>18332</v>
      </c>
    </row>
    <row r="3541" spans="1:11" ht="72" x14ac:dyDescent="0.3">
      <c r="A3541" s="1">
        <v>27296</v>
      </c>
      <c r="C3541" s="4" t="s">
        <v>18333</v>
      </c>
      <c r="D3541" s="4" t="s">
        <v>18334</v>
      </c>
      <c r="E3541" s="4" t="s">
        <v>18335</v>
      </c>
      <c r="F3541" s="4" t="s">
        <v>18336</v>
      </c>
      <c r="G3541" s="4" t="s">
        <v>18337</v>
      </c>
      <c r="H3541" s="4" t="s">
        <v>18338</v>
      </c>
      <c r="I3541" s="4" t="s">
        <v>18339</v>
      </c>
      <c r="K3541" s="4" t="s">
        <v>18340</v>
      </c>
    </row>
    <row r="3542" spans="1:11" ht="57.6" x14ac:dyDescent="0.3">
      <c r="A3542" s="1">
        <v>27301</v>
      </c>
      <c r="E3542" s="4" t="s">
        <v>18341</v>
      </c>
      <c r="F3542" s="4" t="s">
        <v>18342</v>
      </c>
      <c r="G3542" s="4" t="s">
        <v>18343</v>
      </c>
      <c r="H3542" s="4" t="s">
        <v>18344</v>
      </c>
      <c r="J3542" s="4" t="s">
        <v>18345</v>
      </c>
      <c r="K3542" s="4" t="s">
        <v>18346</v>
      </c>
    </row>
    <row r="3543" spans="1:11" ht="86.4" x14ac:dyDescent="0.3">
      <c r="A3543" s="1">
        <v>27321</v>
      </c>
      <c r="C3543" s="4" t="s">
        <v>18347</v>
      </c>
      <c r="D3543" s="4" t="s">
        <v>18348</v>
      </c>
      <c r="E3543" s="4" t="s">
        <v>18349</v>
      </c>
      <c r="F3543" s="4" t="s">
        <v>18350</v>
      </c>
      <c r="G3543" s="4" t="s">
        <v>18351</v>
      </c>
      <c r="H3543" s="4" t="s">
        <v>18352</v>
      </c>
      <c r="I3543" s="4" t="s">
        <v>18353</v>
      </c>
      <c r="J3543" s="4" t="s">
        <v>18354</v>
      </c>
      <c r="K3543" s="4" t="s">
        <v>18355</v>
      </c>
    </row>
    <row r="3544" spans="1:11" ht="72" x14ac:dyDescent="0.3">
      <c r="A3544" s="1">
        <v>27326</v>
      </c>
      <c r="C3544" s="4" t="s">
        <v>18356</v>
      </c>
      <c r="D3544" s="4" t="s">
        <v>18357</v>
      </c>
      <c r="E3544" s="4" t="s">
        <v>18358</v>
      </c>
      <c r="G3544" s="4" t="s">
        <v>18359</v>
      </c>
      <c r="H3544" s="4" t="s">
        <v>18360</v>
      </c>
      <c r="J3544" s="4" t="s">
        <v>18361</v>
      </c>
      <c r="K3544" s="4" t="s">
        <v>18362</v>
      </c>
    </row>
    <row r="3545" spans="1:11" x14ac:dyDescent="0.3">
      <c r="A3545" s="1">
        <v>27331</v>
      </c>
    </row>
    <row r="3546" spans="1:11" ht="28.8" x14ac:dyDescent="0.3">
      <c r="A3546" s="1">
        <v>27341</v>
      </c>
      <c r="I3546" s="4" t="s">
        <v>18363</v>
      </c>
    </row>
    <row r="3547" spans="1:11" ht="86.4" x14ac:dyDescent="0.3">
      <c r="A3547" s="1">
        <v>27351</v>
      </c>
      <c r="C3547" s="4" t="s">
        <v>18364</v>
      </c>
      <c r="D3547" s="4" t="s">
        <v>18365</v>
      </c>
      <c r="E3547" s="4" t="s">
        <v>18366</v>
      </c>
      <c r="F3547" s="4" t="s">
        <v>18367</v>
      </c>
      <c r="G3547" s="4" t="s">
        <v>18368</v>
      </c>
      <c r="I3547" s="4" t="s">
        <v>18369</v>
      </c>
    </row>
    <row r="3548" spans="1:11" ht="86.4" x14ac:dyDescent="0.3">
      <c r="A3548" s="1">
        <v>27356</v>
      </c>
      <c r="C3548" s="4" t="s">
        <v>18370</v>
      </c>
      <c r="D3548" s="4" t="s">
        <v>18371</v>
      </c>
      <c r="E3548" s="4" t="s">
        <v>18372</v>
      </c>
      <c r="F3548" s="4" t="s">
        <v>18373</v>
      </c>
      <c r="G3548" s="4" t="s">
        <v>18374</v>
      </c>
      <c r="H3548" s="4" t="s">
        <v>18375</v>
      </c>
      <c r="I3548" s="4" t="s">
        <v>18376</v>
      </c>
      <c r="K3548" s="4" t="s">
        <v>18377</v>
      </c>
    </row>
    <row r="3549" spans="1:11" ht="72" x14ac:dyDescent="0.3">
      <c r="A3549" s="1">
        <v>27366</v>
      </c>
      <c r="C3549" s="4" t="s">
        <v>18378</v>
      </c>
      <c r="D3549" s="4" t="s">
        <v>18379</v>
      </c>
      <c r="E3549" s="4" t="s">
        <v>18380</v>
      </c>
      <c r="F3549" s="4" t="s">
        <v>18381</v>
      </c>
      <c r="G3549" s="4" t="s">
        <v>18382</v>
      </c>
      <c r="H3549" s="4" t="s">
        <v>18383</v>
      </c>
      <c r="I3549" s="4" t="s">
        <v>18384</v>
      </c>
    </row>
    <row r="3550" spans="1:11" ht="43.2" x14ac:dyDescent="0.3">
      <c r="A3550" s="1">
        <v>27381</v>
      </c>
      <c r="C3550" s="4" t="s">
        <v>18385</v>
      </c>
      <c r="D3550" s="4" t="s">
        <v>18386</v>
      </c>
      <c r="F3550" s="4" t="s">
        <v>18387</v>
      </c>
      <c r="G3550" s="4" t="s">
        <v>18388</v>
      </c>
      <c r="H3550" s="4" t="s">
        <v>18389</v>
      </c>
      <c r="I3550" s="4" t="s">
        <v>18390</v>
      </c>
      <c r="K3550" s="4" t="s">
        <v>18391</v>
      </c>
    </row>
    <row r="3551" spans="1:11" ht="57.6" x14ac:dyDescent="0.3">
      <c r="A3551" s="1">
        <v>27386</v>
      </c>
      <c r="C3551" s="4" t="s">
        <v>18392</v>
      </c>
      <c r="D3551" s="4" t="s">
        <v>18393</v>
      </c>
      <c r="G3551" s="4" t="s">
        <v>18394</v>
      </c>
      <c r="H3551" s="4" t="s">
        <v>18395</v>
      </c>
      <c r="I3551" s="4" t="s">
        <v>18396</v>
      </c>
      <c r="K3551" s="4" t="s">
        <v>18397</v>
      </c>
    </row>
    <row r="3552" spans="1:11" ht="144" x14ac:dyDescent="0.3">
      <c r="A3552" s="1">
        <v>27391</v>
      </c>
      <c r="C3552" s="4" t="s">
        <v>18398</v>
      </c>
      <c r="E3552" s="4" t="s">
        <v>18399</v>
      </c>
      <c r="F3552" s="4" t="s">
        <v>18400</v>
      </c>
      <c r="G3552" s="4" t="s">
        <v>18401</v>
      </c>
      <c r="H3552" s="4" t="s">
        <v>18402</v>
      </c>
      <c r="I3552" s="4" t="s">
        <v>18403</v>
      </c>
      <c r="K3552" s="4" t="s">
        <v>18404</v>
      </c>
    </row>
    <row r="3553" spans="1:11" ht="72" x14ac:dyDescent="0.3">
      <c r="A3553" s="1">
        <v>27396</v>
      </c>
      <c r="C3553" s="4" t="s">
        <v>18405</v>
      </c>
      <c r="D3553" s="4" t="s">
        <v>18406</v>
      </c>
      <c r="E3553" s="4" t="s">
        <v>18407</v>
      </c>
      <c r="F3553" s="4" t="s">
        <v>18408</v>
      </c>
      <c r="G3553" s="4" t="s">
        <v>18409</v>
      </c>
      <c r="H3553" s="4" t="s">
        <v>18410</v>
      </c>
      <c r="I3553" s="4" t="s">
        <v>18411</v>
      </c>
      <c r="J3553" s="4" t="s">
        <v>18412</v>
      </c>
      <c r="K3553" s="4" t="s">
        <v>18413</v>
      </c>
    </row>
    <row r="3554" spans="1:11" ht="86.4" x14ac:dyDescent="0.3">
      <c r="A3554" s="1">
        <v>27406</v>
      </c>
      <c r="C3554" s="4" t="s">
        <v>18414</v>
      </c>
      <c r="D3554" s="4" t="s">
        <v>18415</v>
      </c>
      <c r="G3554" s="4" t="s">
        <v>18416</v>
      </c>
      <c r="H3554" s="4" t="s">
        <v>18417</v>
      </c>
      <c r="I3554" s="4" t="s">
        <v>18418</v>
      </c>
      <c r="J3554" s="4" t="s">
        <v>18419</v>
      </c>
      <c r="K3554" s="4" t="s">
        <v>18420</v>
      </c>
    </row>
    <row r="3555" spans="1:11" ht="86.4" x14ac:dyDescent="0.3">
      <c r="A3555" s="1">
        <v>27411</v>
      </c>
      <c r="C3555" s="4" t="s">
        <v>18421</v>
      </c>
      <c r="D3555" s="4" t="s">
        <v>18422</v>
      </c>
      <c r="E3555" s="4" t="s">
        <v>18423</v>
      </c>
      <c r="F3555" s="4" t="s">
        <v>18424</v>
      </c>
      <c r="G3555" s="4" t="s">
        <v>18425</v>
      </c>
      <c r="H3555" s="4" t="s">
        <v>18425</v>
      </c>
      <c r="I3555" s="4" t="s">
        <v>18426</v>
      </c>
      <c r="K3555" s="4" t="s">
        <v>18427</v>
      </c>
    </row>
    <row r="3556" spans="1:11" ht="86.4" x14ac:dyDescent="0.3">
      <c r="A3556" s="1">
        <v>27416</v>
      </c>
      <c r="C3556" s="4" t="s">
        <v>18428</v>
      </c>
      <c r="D3556" s="4" t="s">
        <v>18429</v>
      </c>
      <c r="E3556" s="4" t="s">
        <v>18430</v>
      </c>
      <c r="F3556" s="4" t="s">
        <v>18431</v>
      </c>
      <c r="G3556" s="4" t="s">
        <v>18432</v>
      </c>
      <c r="H3556" s="4" t="s">
        <v>18433</v>
      </c>
      <c r="I3556" s="4" t="s">
        <v>18434</v>
      </c>
      <c r="K3556" s="4" t="s">
        <v>18435</v>
      </c>
    </row>
    <row r="3557" spans="1:11" ht="100.8" x14ac:dyDescent="0.3">
      <c r="A3557" s="1">
        <v>27421</v>
      </c>
      <c r="C3557" s="4" t="s">
        <v>18436</v>
      </c>
      <c r="D3557" s="4" t="s">
        <v>18437</v>
      </c>
      <c r="E3557" s="4" t="s">
        <v>18438</v>
      </c>
      <c r="F3557" s="4" t="s">
        <v>18438</v>
      </c>
      <c r="G3557" s="4" t="s">
        <v>18439</v>
      </c>
      <c r="H3557" s="4" t="s">
        <v>18440</v>
      </c>
      <c r="I3557" s="4" t="s">
        <v>18441</v>
      </c>
      <c r="K3557" s="4" t="s">
        <v>18442</v>
      </c>
    </row>
    <row r="3558" spans="1:11" ht="86.4" x14ac:dyDescent="0.3">
      <c r="A3558" s="1">
        <v>27426</v>
      </c>
      <c r="C3558" s="4" t="s">
        <v>18443</v>
      </c>
      <c r="D3558" s="4" t="s">
        <v>5411</v>
      </c>
      <c r="E3558" s="4" t="s">
        <v>18444</v>
      </c>
      <c r="G3558" s="4" t="s">
        <v>18445</v>
      </c>
      <c r="H3558" s="4" t="s">
        <v>18446</v>
      </c>
      <c r="J3558" s="4" t="s">
        <v>18447</v>
      </c>
    </row>
    <row r="3559" spans="1:11" x14ac:dyDescent="0.3">
      <c r="A3559" s="1">
        <v>27431</v>
      </c>
    </row>
    <row r="3560" spans="1:11" x14ac:dyDescent="0.3">
      <c r="A3560" s="1">
        <v>27446</v>
      </c>
    </row>
    <row r="3561" spans="1:11" ht="72" x14ac:dyDescent="0.3">
      <c r="A3561" s="1">
        <v>27456</v>
      </c>
      <c r="C3561" s="4" t="s">
        <v>18448</v>
      </c>
      <c r="D3561" s="4" t="s">
        <v>18449</v>
      </c>
      <c r="E3561" s="4" t="s">
        <v>18450</v>
      </c>
      <c r="G3561" s="4" t="s">
        <v>18451</v>
      </c>
      <c r="H3561" s="4" t="s">
        <v>18452</v>
      </c>
      <c r="I3561" s="4" t="s">
        <v>18453</v>
      </c>
      <c r="K3561" s="4" t="s">
        <v>5765</v>
      </c>
    </row>
    <row r="3562" spans="1:11" ht="72" x14ac:dyDescent="0.3">
      <c r="A3562" s="1">
        <v>27466</v>
      </c>
      <c r="C3562" s="4" t="s">
        <v>18454</v>
      </c>
      <c r="D3562" s="4" t="s">
        <v>18455</v>
      </c>
      <c r="G3562" s="4" t="s">
        <v>18456</v>
      </c>
      <c r="H3562" s="4" t="s">
        <v>18457</v>
      </c>
      <c r="I3562" s="4" t="s">
        <v>18458</v>
      </c>
      <c r="K3562" s="4" t="s">
        <v>18459</v>
      </c>
    </row>
    <row r="3563" spans="1:11" ht="86.4" x14ac:dyDescent="0.3">
      <c r="A3563" s="1">
        <v>27471</v>
      </c>
      <c r="C3563" s="4" t="s">
        <v>18460</v>
      </c>
      <c r="D3563" s="4" t="s">
        <v>18461</v>
      </c>
      <c r="E3563" s="4" t="s">
        <v>18462</v>
      </c>
      <c r="F3563" s="4" t="s">
        <v>18463</v>
      </c>
      <c r="H3563" s="4" t="s">
        <v>18464</v>
      </c>
      <c r="K3563" s="4" t="s">
        <v>18465</v>
      </c>
    </row>
    <row r="3564" spans="1:11" x14ac:dyDescent="0.3">
      <c r="A3564" s="1">
        <v>27476</v>
      </c>
    </row>
    <row r="3565" spans="1:11" x14ac:dyDescent="0.3">
      <c r="A3565" s="1">
        <v>27486</v>
      </c>
      <c r="C3565" s="4" t="s">
        <v>18466</v>
      </c>
    </row>
    <row r="3566" spans="1:11" ht="57.6" x14ac:dyDescent="0.3">
      <c r="A3566" s="1">
        <v>27496</v>
      </c>
      <c r="C3566" s="4" t="s">
        <v>18467</v>
      </c>
      <c r="D3566" s="4" t="s">
        <v>18468</v>
      </c>
      <c r="E3566" s="4" t="s">
        <v>18469</v>
      </c>
      <c r="F3566" s="4" t="s">
        <v>18470</v>
      </c>
      <c r="G3566" s="4" t="s">
        <v>18471</v>
      </c>
      <c r="H3566" s="4" t="s">
        <v>18471</v>
      </c>
    </row>
    <row r="3567" spans="1:11" ht="86.4" x14ac:dyDescent="0.3">
      <c r="A3567" s="1">
        <v>27501</v>
      </c>
      <c r="D3567" s="4" t="s">
        <v>18472</v>
      </c>
      <c r="H3567" s="4" t="s">
        <v>18473</v>
      </c>
      <c r="I3567" s="4" t="s">
        <v>18474</v>
      </c>
      <c r="K3567" s="4" t="s">
        <v>18475</v>
      </c>
    </row>
    <row r="3568" spans="1:11" ht="86.4" x14ac:dyDescent="0.3">
      <c r="A3568" s="1">
        <v>27506</v>
      </c>
      <c r="C3568" s="4" t="s">
        <v>18476</v>
      </c>
      <c r="D3568" s="4" t="s">
        <v>18477</v>
      </c>
      <c r="E3568" s="4" t="s">
        <v>18478</v>
      </c>
      <c r="F3568" s="4" t="s">
        <v>18479</v>
      </c>
      <c r="G3568" s="4" t="s">
        <v>18480</v>
      </c>
      <c r="H3568" s="4" t="s">
        <v>18481</v>
      </c>
      <c r="K3568" s="4" t="s">
        <v>18482</v>
      </c>
    </row>
    <row r="3569" spans="1:11" ht="57.6" x14ac:dyDescent="0.3">
      <c r="A3569" s="1">
        <v>27511</v>
      </c>
      <c r="C3569" s="4" t="s">
        <v>18483</v>
      </c>
      <c r="D3569" s="4" t="s">
        <v>18484</v>
      </c>
      <c r="E3569" s="4" t="s">
        <v>18485</v>
      </c>
      <c r="F3569" s="4" t="s">
        <v>18486</v>
      </c>
      <c r="K3569" s="4" t="s">
        <v>18487</v>
      </c>
    </row>
    <row r="3570" spans="1:11" ht="28.8" x14ac:dyDescent="0.3">
      <c r="A3570" s="1">
        <v>27516</v>
      </c>
      <c r="B3570" s="1" t="s">
        <v>18488</v>
      </c>
      <c r="E3570" s="4" t="s">
        <v>18489</v>
      </c>
      <c r="G3570" s="4" t="s">
        <v>18490</v>
      </c>
      <c r="H3570" s="4" t="s">
        <v>18491</v>
      </c>
    </row>
    <row r="3571" spans="1:11" ht="86.4" x14ac:dyDescent="0.3">
      <c r="A3571" s="1">
        <v>27526</v>
      </c>
      <c r="C3571" s="4" t="s">
        <v>18492</v>
      </c>
      <c r="D3571" s="4" t="s">
        <v>18493</v>
      </c>
      <c r="E3571" s="4" t="s">
        <v>18494</v>
      </c>
      <c r="F3571" s="4" t="s">
        <v>18495</v>
      </c>
      <c r="G3571" s="4" t="s">
        <v>18496</v>
      </c>
      <c r="H3571" s="4" t="s">
        <v>18497</v>
      </c>
      <c r="I3571" s="4" t="s">
        <v>18498</v>
      </c>
      <c r="K3571" s="4" t="s">
        <v>18499</v>
      </c>
    </row>
    <row r="3572" spans="1:11" x14ac:dyDescent="0.3">
      <c r="A3572" s="1">
        <v>27531</v>
      </c>
    </row>
    <row r="3573" spans="1:11" ht="86.4" x14ac:dyDescent="0.3">
      <c r="A3573" s="1">
        <v>27536</v>
      </c>
      <c r="C3573" s="4" t="s">
        <v>18500</v>
      </c>
      <c r="H3573" s="4" t="s">
        <v>18501</v>
      </c>
      <c r="K3573" s="4" t="s">
        <v>18502</v>
      </c>
    </row>
    <row r="3574" spans="1:11" x14ac:dyDescent="0.3">
      <c r="A3574" s="1">
        <v>27541</v>
      </c>
    </row>
    <row r="3575" spans="1:11" x14ac:dyDescent="0.3">
      <c r="A3575" s="1">
        <v>27546</v>
      </c>
    </row>
    <row r="3576" spans="1:11" x14ac:dyDescent="0.3">
      <c r="A3576" s="1">
        <v>27556</v>
      </c>
    </row>
    <row r="3577" spans="1:11" ht="86.4" x14ac:dyDescent="0.3">
      <c r="A3577" s="1">
        <v>27561</v>
      </c>
      <c r="C3577" s="4" t="s">
        <v>18503</v>
      </c>
      <c r="D3577" s="4" t="s">
        <v>18504</v>
      </c>
      <c r="E3577" s="4" t="s">
        <v>18505</v>
      </c>
      <c r="G3577" s="4" t="s">
        <v>18506</v>
      </c>
      <c r="H3577" s="4" t="s">
        <v>18507</v>
      </c>
      <c r="I3577" s="4" t="s">
        <v>18508</v>
      </c>
      <c r="J3577" s="4" t="s">
        <v>18509</v>
      </c>
      <c r="K3577" s="4" t="s">
        <v>18510</v>
      </c>
    </row>
    <row r="3578" spans="1:11" x14ac:dyDescent="0.3">
      <c r="A3578" s="1">
        <v>27566</v>
      </c>
    </row>
    <row r="3579" spans="1:11" ht="86.4" x14ac:dyDescent="0.3">
      <c r="A3579" s="1">
        <v>27571</v>
      </c>
      <c r="C3579" s="4" t="s">
        <v>18511</v>
      </c>
      <c r="D3579" s="4" t="s">
        <v>18512</v>
      </c>
      <c r="E3579" s="4" t="s">
        <v>18513</v>
      </c>
      <c r="F3579" s="4" t="s">
        <v>18514</v>
      </c>
      <c r="G3579" s="4" t="s">
        <v>18515</v>
      </c>
      <c r="H3579" s="4" t="s">
        <v>18516</v>
      </c>
      <c r="I3579" s="4" t="s">
        <v>18517</v>
      </c>
      <c r="K3579" s="4" t="s">
        <v>18518</v>
      </c>
    </row>
    <row r="3580" spans="1:11" ht="86.4" x14ac:dyDescent="0.3">
      <c r="A3580" s="1">
        <v>27576</v>
      </c>
      <c r="D3580" s="4" t="s">
        <v>18519</v>
      </c>
      <c r="G3580" s="4" t="s">
        <v>18520</v>
      </c>
      <c r="H3580" s="4" t="s">
        <v>18521</v>
      </c>
      <c r="I3580" s="4" t="s">
        <v>18522</v>
      </c>
    </row>
    <row r="3581" spans="1:11" ht="86.4" x14ac:dyDescent="0.3">
      <c r="A3581" s="1">
        <v>27581</v>
      </c>
      <c r="F3581" s="4" t="s">
        <v>18523</v>
      </c>
      <c r="G3581" s="4" t="s">
        <v>18524</v>
      </c>
      <c r="H3581" s="4" t="s">
        <v>18525</v>
      </c>
    </row>
    <row r="3582" spans="1:11" ht="86.4" x14ac:dyDescent="0.3">
      <c r="A3582" s="1">
        <v>27586</v>
      </c>
      <c r="C3582" s="4" t="s">
        <v>18526</v>
      </c>
      <c r="D3582" s="4" t="s">
        <v>18527</v>
      </c>
      <c r="E3582" s="4" t="s">
        <v>18528</v>
      </c>
      <c r="F3582" s="4" t="s">
        <v>18529</v>
      </c>
      <c r="G3582" s="4" t="s">
        <v>18530</v>
      </c>
      <c r="H3582" s="4" t="s">
        <v>18531</v>
      </c>
      <c r="I3582" s="4" t="s">
        <v>18532</v>
      </c>
      <c r="J3582" s="4" t="s">
        <v>18533</v>
      </c>
      <c r="K3582" s="4" t="s">
        <v>18534</v>
      </c>
    </row>
    <row r="3583" spans="1:11" ht="72" x14ac:dyDescent="0.3">
      <c r="A3583" s="1">
        <v>27596</v>
      </c>
      <c r="B3583" s="1" t="s">
        <v>18535</v>
      </c>
      <c r="C3583" s="4" t="s">
        <v>18536</v>
      </c>
      <c r="D3583" s="4" t="s">
        <v>18537</v>
      </c>
      <c r="E3583" s="4" t="s">
        <v>18538</v>
      </c>
      <c r="F3583" s="4" t="s">
        <v>18539</v>
      </c>
      <c r="G3583" s="4" t="s">
        <v>18540</v>
      </c>
      <c r="H3583" s="4" t="s">
        <v>18541</v>
      </c>
      <c r="I3583" s="4" t="s">
        <v>18542</v>
      </c>
      <c r="K3583" s="4" t="s">
        <v>18543</v>
      </c>
    </row>
    <row r="3584" spans="1:11" ht="100.8" x14ac:dyDescent="0.3">
      <c r="A3584" s="1">
        <v>27601</v>
      </c>
      <c r="C3584" s="4" t="s">
        <v>18544</v>
      </c>
      <c r="D3584" s="4" t="s">
        <v>18545</v>
      </c>
      <c r="E3584" s="4" t="s">
        <v>18546</v>
      </c>
      <c r="F3584" s="4" t="s">
        <v>18547</v>
      </c>
      <c r="G3584" s="4" t="s">
        <v>18548</v>
      </c>
      <c r="H3584" s="4" t="s">
        <v>18549</v>
      </c>
      <c r="I3584" s="4" t="s">
        <v>18550</v>
      </c>
      <c r="J3584" s="4" t="s">
        <v>18551</v>
      </c>
      <c r="K3584" s="4" t="s">
        <v>18552</v>
      </c>
    </row>
    <row r="3585" spans="1:11" ht="72" x14ac:dyDescent="0.3">
      <c r="A3585" s="1">
        <v>27611</v>
      </c>
      <c r="C3585" s="4" t="s">
        <v>18553</v>
      </c>
      <c r="D3585" s="4" t="s">
        <v>18554</v>
      </c>
      <c r="G3585" s="4" t="s">
        <v>18555</v>
      </c>
      <c r="H3585" s="4" t="s">
        <v>18556</v>
      </c>
      <c r="J3585" s="4" t="s">
        <v>18557</v>
      </c>
      <c r="K3585" s="4" t="s">
        <v>18558</v>
      </c>
    </row>
    <row r="3586" spans="1:11" ht="72" x14ac:dyDescent="0.3">
      <c r="A3586" s="1">
        <v>27621</v>
      </c>
      <c r="C3586" s="4" t="s">
        <v>18559</v>
      </c>
      <c r="D3586" s="4" t="s">
        <v>18560</v>
      </c>
      <c r="E3586" s="4" t="s">
        <v>18561</v>
      </c>
      <c r="F3586" s="4" t="s">
        <v>18562</v>
      </c>
      <c r="G3586" s="4" t="s">
        <v>18563</v>
      </c>
      <c r="H3586" s="4" t="s">
        <v>18564</v>
      </c>
      <c r="I3586" s="4" t="s">
        <v>18565</v>
      </c>
      <c r="J3586" s="4" t="s">
        <v>18566</v>
      </c>
      <c r="K3586" s="4" t="s">
        <v>18567</v>
      </c>
    </row>
    <row r="3587" spans="1:11" ht="72" x14ac:dyDescent="0.3">
      <c r="A3587" s="1">
        <v>27626</v>
      </c>
      <c r="C3587" s="4" t="s">
        <v>18568</v>
      </c>
      <c r="D3587" s="4" t="s">
        <v>18569</v>
      </c>
      <c r="E3587" s="4" t="s">
        <v>18570</v>
      </c>
      <c r="F3587" s="4" t="s">
        <v>18571</v>
      </c>
      <c r="G3587" s="4" t="s">
        <v>18572</v>
      </c>
      <c r="H3587" s="4" t="s">
        <v>18573</v>
      </c>
      <c r="K3587" s="4" t="s">
        <v>18574</v>
      </c>
    </row>
    <row r="3588" spans="1:11" ht="86.4" x14ac:dyDescent="0.3">
      <c r="A3588" s="1">
        <v>27636</v>
      </c>
      <c r="C3588" s="4" t="s">
        <v>18575</v>
      </c>
      <c r="D3588" s="4" t="s">
        <v>18576</v>
      </c>
      <c r="E3588" s="4" t="s">
        <v>18577</v>
      </c>
      <c r="F3588" s="4" t="s">
        <v>18578</v>
      </c>
      <c r="G3588" s="4" t="s">
        <v>18579</v>
      </c>
      <c r="H3588" s="4" t="s">
        <v>18580</v>
      </c>
      <c r="K3588" s="4" t="s">
        <v>18581</v>
      </c>
    </row>
    <row r="3589" spans="1:11" ht="86.4" x14ac:dyDescent="0.3">
      <c r="A3589" s="1">
        <v>27656</v>
      </c>
      <c r="C3589" s="4" t="s">
        <v>18582</v>
      </c>
      <c r="D3589" s="4" t="s">
        <v>18583</v>
      </c>
      <c r="E3589" s="4" t="s">
        <v>18584</v>
      </c>
      <c r="F3589" s="4" t="s">
        <v>18585</v>
      </c>
      <c r="G3589" s="4" t="s">
        <v>18586</v>
      </c>
      <c r="H3589" s="4" t="s">
        <v>18587</v>
      </c>
      <c r="I3589" s="4" t="s">
        <v>18588</v>
      </c>
      <c r="K3589" s="4" t="s">
        <v>18589</v>
      </c>
    </row>
    <row r="3590" spans="1:11" ht="86.4" x14ac:dyDescent="0.3">
      <c r="A3590" s="1">
        <v>27666</v>
      </c>
      <c r="C3590" s="4" t="s">
        <v>18590</v>
      </c>
      <c r="D3590" s="4" t="s">
        <v>18591</v>
      </c>
      <c r="E3590" s="4" t="s">
        <v>18592</v>
      </c>
      <c r="F3590" s="4" t="s">
        <v>18593</v>
      </c>
      <c r="G3590" s="4" t="s">
        <v>18594</v>
      </c>
      <c r="H3590" s="4" t="s">
        <v>18595</v>
      </c>
      <c r="I3590" s="4" t="s">
        <v>18596</v>
      </c>
      <c r="J3590" s="4" t="s">
        <v>18597</v>
      </c>
      <c r="K3590" s="4" t="s">
        <v>18598</v>
      </c>
    </row>
    <row r="3591" spans="1:11" x14ac:dyDescent="0.3">
      <c r="A3591" s="1">
        <v>27671</v>
      </c>
    </row>
    <row r="3592" spans="1:11" ht="86.4" x14ac:dyDescent="0.3">
      <c r="A3592" s="1">
        <v>27676</v>
      </c>
      <c r="D3592" s="4" t="s">
        <v>18599</v>
      </c>
      <c r="F3592" s="4" t="s">
        <v>18600</v>
      </c>
    </row>
    <row r="3593" spans="1:11" ht="72" x14ac:dyDescent="0.3">
      <c r="A3593" s="1">
        <v>27686</v>
      </c>
      <c r="C3593" s="4" t="s">
        <v>18601</v>
      </c>
      <c r="D3593" s="4" t="s">
        <v>18602</v>
      </c>
      <c r="E3593" s="4" t="s">
        <v>18603</v>
      </c>
      <c r="F3593" s="4" t="s">
        <v>18604</v>
      </c>
      <c r="G3593" s="4" t="s">
        <v>18605</v>
      </c>
      <c r="H3593" s="4" t="s">
        <v>18606</v>
      </c>
      <c r="I3593" s="4" t="s">
        <v>18607</v>
      </c>
      <c r="K3593" s="4" t="s">
        <v>18608</v>
      </c>
    </row>
    <row r="3594" spans="1:11" ht="72" x14ac:dyDescent="0.3">
      <c r="A3594" s="1">
        <v>27696</v>
      </c>
      <c r="C3594" s="4" t="s">
        <v>18609</v>
      </c>
      <c r="D3594" s="4" t="s">
        <v>18610</v>
      </c>
      <c r="E3594" s="4" t="s">
        <v>18611</v>
      </c>
      <c r="F3594" s="4" t="s">
        <v>18612</v>
      </c>
      <c r="G3594" s="4" t="s">
        <v>18613</v>
      </c>
      <c r="H3594" s="4" t="s">
        <v>18614</v>
      </c>
      <c r="I3594" s="4" t="s">
        <v>18615</v>
      </c>
    </row>
    <row r="3595" spans="1:11" ht="28.8" x14ac:dyDescent="0.3">
      <c r="A3595" s="1">
        <v>27701</v>
      </c>
      <c r="D3595" s="4" t="s">
        <v>18616</v>
      </c>
      <c r="G3595" s="4" t="s">
        <v>18617</v>
      </c>
    </row>
    <row r="3596" spans="1:11" ht="129.6" x14ac:dyDescent="0.3">
      <c r="A3596" s="1">
        <v>27706</v>
      </c>
      <c r="C3596" s="4" t="s">
        <v>18618</v>
      </c>
      <c r="D3596" s="4" t="s">
        <v>18619</v>
      </c>
      <c r="F3596" s="4" t="s">
        <v>18620</v>
      </c>
      <c r="G3596" s="4" t="s">
        <v>18621</v>
      </c>
      <c r="H3596" s="4" t="s">
        <v>18622</v>
      </c>
      <c r="I3596" s="4" t="s">
        <v>18623</v>
      </c>
      <c r="J3596" s="4" t="s">
        <v>18624</v>
      </c>
    </row>
    <row r="3597" spans="1:11" ht="72" x14ac:dyDescent="0.3">
      <c r="A3597" s="1">
        <v>27711</v>
      </c>
      <c r="C3597" s="4" t="s">
        <v>18625</v>
      </c>
      <c r="D3597" s="4" t="s">
        <v>18626</v>
      </c>
      <c r="E3597" s="4" t="s">
        <v>18627</v>
      </c>
      <c r="F3597" s="4" t="s">
        <v>18628</v>
      </c>
      <c r="G3597" s="4" t="s">
        <v>18629</v>
      </c>
      <c r="H3597" s="4" t="s">
        <v>18630</v>
      </c>
      <c r="I3597" s="4" t="s">
        <v>18631</v>
      </c>
      <c r="K3597" s="4" t="s">
        <v>18632</v>
      </c>
    </row>
    <row r="3598" spans="1:11" ht="28.8" x14ac:dyDescent="0.3">
      <c r="A3598" s="1">
        <v>27726</v>
      </c>
      <c r="D3598" s="4" t="s">
        <v>18633</v>
      </c>
    </row>
    <row r="3599" spans="1:11" ht="57.6" x14ac:dyDescent="0.3">
      <c r="A3599" s="1">
        <v>27731</v>
      </c>
      <c r="C3599" s="4" t="s">
        <v>18634</v>
      </c>
      <c r="D3599" s="4" t="s">
        <v>18635</v>
      </c>
      <c r="E3599" s="4" t="s">
        <v>18636</v>
      </c>
      <c r="F3599" s="4" t="s">
        <v>18637</v>
      </c>
      <c r="G3599" s="4" t="s">
        <v>18638</v>
      </c>
      <c r="H3599" s="4" t="s">
        <v>18639</v>
      </c>
      <c r="I3599" s="4" t="s">
        <v>18640</v>
      </c>
      <c r="J3599" s="4" t="s">
        <v>18641</v>
      </c>
      <c r="K3599" s="4" t="s">
        <v>18642</v>
      </c>
    </row>
    <row r="3600" spans="1:11" ht="72" x14ac:dyDescent="0.3">
      <c r="A3600" s="1">
        <v>27736</v>
      </c>
      <c r="D3600" s="4" t="s">
        <v>18643</v>
      </c>
      <c r="E3600" s="4" t="s">
        <v>18644</v>
      </c>
      <c r="F3600" s="4" t="s">
        <v>18645</v>
      </c>
      <c r="G3600" s="4" t="s">
        <v>18646</v>
      </c>
      <c r="H3600" s="4" t="s">
        <v>18647</v>
      </c>
      <c r="K3600" s="4" t="s">
        <v>18648</v>
      </c>
    </row>
    <row r="3601" spans="1:11" ht="86.4" x14ac:dyDescent="0.3">
      <c r="A3601" s="1">
        <v>27741</v>
      </c>
      <c r="C3601" s="4" t="s">
        <v>18649</v>
      </c>
      <c r="D3601" s="4" t="s">
        <v>18650</v>
      </c>
      <c r="E3601" s="4" t="s">
        <v>18651</v>
      </c>
      <c r="F3601" s="4" t="s">
        <v>18652</v>
      </c>
      <c r="H3601" s="4" t="s">
        <v>18653</v>
      </c>
      <c r="I3601" s="4" t="s">
        <v>18654</v>
      </c>
      <c r="J3601" s="4" t="s">
        <v>18655</v>
      </c>
      <c r="K3601" s="4" t="s">
        <v>18656</v>
      </c>
    </row>
    <row r="3602" spans="1:11" ht="72" x14ac:dyDescent="0.3">
      <c r="A3602" s="1">
        <v>27756</v>
      </c>
      <c r="C3602" s="4" t="s">
        <v>18657</v>
      </c>
      <c r="D3602" s="4" t="s">
        <v>18658</v>
      </c>
      <c r="E3602" s="4" t="s">
        <v>18659</v>
      </c>
      <c r="F3602" s="4" t="s">
        <v>18660</v>
      </c>
      <c r="G3602" s="4" t="s">
        <v>18661</v>
      </c>
      <c r="H3602" s="4" t="s">
        <v>18662</v>
      </c>
      <c r="K3602" s="4" t="s">
        <v>18663</v>
      </c>
    </row>
    <row r="3603" spans="1:11" ht="86.4" x14ac:dyDescent="0.3">
      <c r="A3603" s="1">
        <v>27766</v>
      </c>
      <c r="C3603" s="4" t="s">
        <v>18664</v>
      </c>
      <c r="D3603" s="4" t="s">
        <v>18665</v>
      </c>
      <c r="E3603" s="4" t="s">
        <v>18666</v>
      </c>
      <c r="F3603" s="4" t="s">
        <v>18667</v>
      </c>
      <c r="G3603" s="4" t="s">
        <v>18668</v>
      </c>
      <c r="H3603" s="4" t="s">
        <v>18669</v>
      </c>
      <c r="I3603" s="4" t="s">
        <v>18670</v>
      </c>
      <c r="K3603" s="4" t="s">
        <v>18671</v>
      </c>
    </row>
    <row r="3604" spans="1:11" ht="72" x14ac:dyDescent="0.3">
      <c r="A3604" s="1">
        <v>27781</v>
      </c>
      <c r="C3604" s="4" t="s">
        <v>18672</v>
      </c>
      <c r="D3604" s="4" t="s">
        <v>18673</v>
      </c>
      <c r="E3604" s="4" t="s">
        <v>18674</v>
      </c>
      <c r="F3604" s="4" t="s">
        <v>18675</v>
      </c>
      <c r="G3604" s="4" t="s">
        <v>18676</v>
      </c>
      <c r="H3604" s="4" t="s">
        <v>18677</v>
      </c>
      <c r="I3604" s="4" t="s">
        <v>18678</v>
      </c>
      <c r="K3604" s="4" t="s">
        <v>18679</v>
      </c>
    </row>
    <row r="3605" spans="1:11" ht="57.6" x14ac:dyDescent="0.3">
      <c r="A3605" s="1">
        <v>27806</v>
      </c>
      <c r="D3605" s="4" t="s">
        <v>18680</v>
      </c>
      <c r="H3605" s="4" t="s">
        <v>18681</v>
      </c>
      <c r="K3605" s="4" t="s">
        <v>18682</v>
      </c>
    </row>
    <row r="3606" spans="1:11" ht="72" x14ac:dyDescent="0.3">
      <c r="A3606" s="1">
        <v>27811</v>
      </c>
      <c r="C3606" s="4" t="s">
        <v>18683</v>
      </c>
      <c r="F3606" s="4" t="s">
        <v>18684</v>
      </c>
      <c r="G3606" s="4" t="s">
        <v>18685</v>
      </c>
      <c r="H3606" s="4" t="s">
        <v>18685</v>
      </c>
      <c r="I3606" s="4" t="s">
        <v>18686</v>
      </c>
      <c r="K3606" s="4" t="s">
        <v>18687</v>
      </c>
    </row>
    <row r="3607" spans="1:11" ht="86.4" x14ac:dyDescent="0.3">
      <c r="A3607" s="1">
        <v>27831</v>
      </c>
      <c r="C3607" s="4" t="s">
        <v>18688</v>
      </c>
      <c r="D3607" s="4" t="s">
        <v>18689</v>
      </c>
      <c r="E3607" s="4" t="s">
        <v>18690</v>
      </c>
      <c r="F3607" s="4" t="s">
        <v>18691</v>
      </c>
      <c r="G3607" s="4" t="s">
        <v>18692</v>
      </c>
      <c r="H3607" s="4" t="s">
        <v>18693</v>
      </c>
      <c r="J3607" s="4" t="s">
        <v>18694</v>
      </c>
      <c r="K3607" s="4" t="s">
        <v>18695</v>
      </c>
    </row>
    <row r="3608" spans="1:11" ht="72" x14ac:dyDescent="0.3">
      <c r="A3608" s="1">
        <v>27836</v>
      </c>
      <c r="C3608" s="4" t="s">
        <v>18696</v>
      </c>
      <c r="D3608" s="4" t="s">
        <v>18697</v>
      </c>
      <c r="E3608" s="4" t="s">
        <v>18698</v>
      </c>
      <c r="F3608" s="4" t="s">
        <v>18699</v>
      </c>
      <c r="G3608" s="4" t="s">
        <v>18700</v>
      </c>
      <c r="H3608" s="4" t="s">
        <v>18701</v>
      </c>
      <c r="I3608" s="4" t="s">
        <v>18702</v>
      </c>
      <c r="K3608" s="4" t="s">
        <v>18703</v>
      </c>
    </row>
    <row r="3609" spans="1:11" ht="57.6" x14ac:dyDescent="0.3">
      <c r="A3609" s="1">
        <v>27841</v>
      </c>
      <c r="C3609" s="4" t="s">
        <v>18704</v>
      </c>
      <c r="D3609" s="4" t="s">
        <v>18705</v>
      </c>
      <c r="E3609" s="4" t="s">
        <v>18706</v>
      </c>
      <c r="F3609" s="4" t="s">
        <v>18707</v>
      </c>
      <c r="I3609" s="4" t="s">
        <v>18708</v>
      </c>
      <c r="K3609" s="4" t="s">
        <v>18709</v>
      </c>
    </row>
    <row r="3610" spans="1:11" ht="72" x14ac:dyDescent="0.3">
      <c r="A3610" s="1">
        <v>27846</v>
      </c>
      <c r="C3610" s="4" t="s">
        <v>18710</v>
      </c>
      <c r="D3610" s="4" t="s">
        <v>18711</v>
      </c>
      <c r="E3610" s="4" t="s">
        <v>18712</v>
      </c>
      <c r="F3610" s="4" t="s">
        <v>18713</v>
      </c>
      <c r="G3610" s="4" t="s">
        <v>18714</v>
      </c>
      <c r="H3610" s="4" t="s">
        <v>18715</v>
      </c>
      <c r="I3610" s="4" t="s">
        <v>18716</v>
      </c>
      <c r="K3610" s="4" t="s">
        <v>18717</v>
      </c>
    </row>
    <row r="3611" spans="1:11" x14ac:dyDescent="0.3">
      <c r="A3611" s="1">
        <v>27851</v>
      </c>
    </row>
    <row r="3612" spans="1:11" ht="43.2" x14ac:dyDescent="0.3">
      <c r="A3612" s="1">
        <v>27856</v>
      </c>
      <c r="C3612" s="4" t="s">
        <v>18718</v>
      </c>
      <c r="D3612" s="4" t="s">
        <v>18719</v>
      </c>
      <c r="E3612" s="4" t="s">
        <v>18720</v>
      </c>
      <c r="F3612" s="4" t="s">
        <v>18721</v>
      </c>
      <c r="H3612" s="4" t="s">
        <v>18722</v>
      </c>
      <c r="I3612" s="4" t="s">
        <v>18723</v>
      </c>
    </row>
    <row r="3613" spans="1:11" ht="86.4" x14ac:dyDescent="0.3">
      <c r="A3613" s="1">
        <v>27861</v>
      </c>
      <c r="C3613" s="4" t="s">
        <v>18724</v>
      </c>
      <c r="D3613" s="4" t="s">
        <v>18725</v>
      </c>
      <c r="E3613" s="4" t="s">
        <v>18726</v>
      </c>
      <c r="F3613" s="4" t="s">
        <v>18727</v>
      </c>
      <c r="G3613" s="4" t="s">
        <v>18728</v>
      </c>
      <c r="H3613" s="4" t="s">
        <v>18729</v>
      </c>
      <c r="I3613" s="4" t="s">
        <v>18730</v>
      </c>
      <c r="K3613" s="4" t="s">
        <v>18731</v>
      </c>
    </row>
    <row r="3614" spans="1:11" ht="72" x14ac:dyDescent="0.3">
      <c r="A3614" s="1">
        <v>27866</v>
      </c>
      <c r="C3614" s="4" t="s">
        <v>18732</v>
      </c>
      <c r="K3614" s="4" t="s">
        <v>18733</v>
      </c>
    </row>
    <row r="3615" spans="1:11" ht="43.2" x14ac:dyDescent="0.3">
      <c r="A3615" s="1">
        <v>27871</v>
      </c>
      <c r="C3615" s="4" t="s">
        <v>18734</v>
      </c>
      <c r="D3615" s="4" t="s">
        <v>18735</v>
      </c>
      <c r="F3615" s="4" t="s">
        <v>18736</v>
      </c>
      <c r="G3615" s="4" t="s">
        <v>18737</v>
      </c>
      <c r="H3615" s="4" t="s">
        <v>18738</v>
      </c>
    </row>
    <row r="3616" spans="1:11" ht="72" x14ac:dyDescent="0.3">
      <c r="A3616" s="1">
        <v>27876</v>
      </c>
      <c r="D3616" s="4" t="s">
        <v>18739</v>
      </c>
      <c r="E3616" s="4" t="s">
        <v>18740</v>
      </c>
      <c r="F3616" s="4" t="s">
        <v>18741</v>
      </c>
      <c r="I3616" s="4" t="s">
        <v>18742</v>
      </c>
    </row>
    <row r="3617" spans="1:11" ht="86.4" x14ac:dyDescent="0.3">
      <c r="A3617" s="1">
        <v>27886</v>
      </c>
      <c r="C3617" s="4" t="s">
        <v>18743</v>
      </c>
      <c r="D3617" s="4" t="s">
        <v>18744</v>
      </c>
      <c r="E3617" s="4" t="s">
        <v>18745</v>
      </c>
      <c r="F3617" s="4" t="s">
        <v>18746</v>
      </c>
      <c r="H3617" s="4" t="s">
        <v>18747</v>
      </c>
      <c r="K3617" s="4" t="s">
        <v>18748</v>
      </c>
    </row>
    <row r="3618" spans="1:11" ht="72" x14ac:dyDescent="0.3">
      <c r="A3618" s="1">
        <v>27896</v>
      </c>
      <c r="C3618" s="4" t="s">
        <v>18749</v>
      </c>
      <c r="D3618" s="4" t="s">
        <v>18750</v>
      </c>
      <c r="E3618" s="4" t="s">
        <v>18751</v>
      </c>
      <c r="F3618" s="4" t="s">
        <v>18752</v>
      </c>
      <c r="G3618" s="4" t="s">
        <v>18753</v>
      </c>
      <c r="I3618" s="4" t="s">
        <v>18754</v>
      </c>
      <c r="K3618" s="4" t="s">
        <v>18755</v>
      </c>
    </row>
    <row r="3619" spans="1:11" ht="28.8" x14ac:dyDescent="0.3">
      <c r="A3619" s="1">
        <v>27921</v>
      </c>
      <c r="D3619" s="4" t="s">
        <v>18756</v>
      </c>
      <c r="G3619" s="4" t="s">
        <v>18757</v>
      </c>
      <c r="H3619" s="4" t="s">
        <v>18758</v>
      </c>
      <c r="K3619" s="4" t="s">
        <v>18759</v>
      </c>
    </row>
    <row r="3620" spans="1:11" ht="57.6" x14ac:dyDescent="0.3">
      <c r="A3620" s="1">
        <v>27931</v>
      </c>
      <c r="C3620" s="4" t="s">
        <v>18760</v>
      </c>
      <c r="D3620" s="4" t="s">
        <v>18761</v>
      </c>
      <c r="E3620" s="4" t="s">
        <v>18762</v>
      </c>
      <c r="F3620" s="4" t="s">
        <v>18763</v>
      </c>
      <c r="G3620" s="4" t="s">
        <v>18764</v>
      </c>
      <c r="H3620" s="4" t="s">
        <v>18765</v>
      </c>
    </row>
    <row r="3621" spans="1:11" ht="28.8" x14ac:dyDescent="0.3">
      <c r="A3621" s="1">
        <v>27941</v>
      </c>
      <c r="C3621" s="4" t="s">
        <v>18766</v>
      </c>
      <c r="D3621" s="4" t="s">
        <v>18767</v>
      </c>
      <c r="E3621" s="4" t="s">
        <v>18768</v>
      </c>
      <c r="G3621" s="4" t="s">
        <v>18769</v>
      </c>
    </row>
    <row r="3622" spans="1:11" ht="86.4" x14ac:dyDescent="0.3">
      <c r="A3622" s="1">
        <v>27946</v>
      </c>
      <c r="C3622" s="4" t="s">
        <v>18770</v>
      </c>
      <c r="D3622" s="4" t="s">
        <v>18771</v>
      </c>
      <c r="E3622" s="4" t="s">
        <v>18772</v>
      </c>
      <c r="F3622" s="4" t="s">
        <v>18773</v>
      </c>
      <c r="G3622" s="4" t="s">
        <v>18774</v>
      </c>
      <c r="H3622" s="4" t="s">
        <v>18775</v>
      </c>
      <c r="I3622" s="4" t="s">
        <v>18776</v>
      </c>
    </row>
    <row r="3623" spans="1:11" ht="43.2" x14ac:dyDescent="0.3">
      <c r="A3623" s="1">
        <v>27956</v>
      </c>
      <c r="C3623" s="4" t="s">
        <v>18777</v>
      </c>
      <c r="G3623" s="4" t="s">
        <v>18778</v>
      </c>
      <c r="I3623" s="4" t="s">
        <v>18779</v>
      </c>
    </row>
    <row r="3624" spans="1:11" ht="86.4" x14ac:dyDescent="0.3">
      <c r="A3624" s="1">
        <v>27966</v>
      </c>
      <c r="C3624" s="4" t="s">
        <v>18780</v>
      </c>
      <c r="D3624" s="4" t="s">
        <v>18781</v>
      </c>
      <c r="E3624" s="4" t="s">
        <v>18782</v>
      </c>
      <c r="F3624" s="4" t="s">
        <v>18783</v>
      </c>
      <c r="G3624" s="4" t="s">
        <v>18784</v>
      </c>
      <c r="H3624" s="4" t="s">
        <v>18785</v>
      </c>
      <c r="I3624" s="4" t="s">
        <v>18786</v>
      </c>
      <c r="K3624" s="4" t="s">
        <v>18787</v>
      </c>
    </row>
    <row r="3625" spans="1:11" ht="57.6" x14ac:dyDescent="0.3">
      <c r="A3625" s="1">
        <v>27971</v>
      </c>
      <c r="D3625" s="4" t="s">
        <v>18788</v>
      </c>
      <c r="E3625" s="4" t="s">
        <v>18789</v>
      </c>
    </row>
    <row r="3626" spans="1:11" ht="57.6" x14ac:dyDescent="0.3">
      <c r="A3626" s="1">
        <v>27986</v>
      </c>
      <c r="C3626" s="4" t="s">
        <v>18790</v>
      </c>
      <c r="D3626" s="4" t="s">
        <v>18791</v>
      </c>
      <c r="E3626" s="4" t="s">
        <v>18792</v>
      </c>
      <c r="F3626" s="4" t="s">
        <v>18793</v>
      </c>
      <c r="G3626" s="4" t="s">
        <v>18794</v>
      </c>
      <c r="H3626" s="4" t="s">
        <v>18795</v>
      </c>
      <c r="I3626" s="4" t="s">
        <v>18796</v>
      </c>
    </row>
    <row r="3627" spans="1:11" ht="57.6" x14ac:dyDescent="0.3">
      <c r="A3627" s="1">
        <v>27991</v>
      </c>
      <c r="C3627" s="4" t="s">
        <v>18797</v>
      </c>
      <c r="E3627" s="4" t="s">
        <v>18798</v>
      </c>
      <c r="H3627" s="4" t="s">
        <v>18799</v>
      </c>
    </row>
    <row r="3628" spans="1:11" ht="86.4" x14ac:dyDescent="0.3">
      <c r="A3628" s="1">
        <v>27996</v>
      </c>
      <c r="C3628" s="4" t="s">
        <v>18800</v>
      </c>
      <c r="D3628" s="4" t="s">
        <v>18801</v>
      </c>
      <c r="E3628" s="4" t="s">
        <v>18802</v>
      </c>
      <c r="F3628" s="4" t="s">
        <v>18803</v>
      </c>
      <c r="G3628" s="4" t="s">
        <v>18804</v>
      </c>
      <c r="H3628" s="4" t="s">
        <v>18805</v>
      </c>
      <c r="I3628" s="4" t="s">
        <v>18806</v>
      </c>
      <c r="K3628" s="4" t="s">
        <v>18807</v>
      </c>
    </row>
    <row r="3629" spans="1:11" ht="57.6" x14ac:dyDescent="0.3">
      <c r="A3629" s="1">
        <v>28001</v>
      </c>
      <c r="C3629" s="4" t="s">
        <v>18808</v>
      </c>
      <c r="D3629" s="4" t="s">
        <v>18809</v>
      </c>
      <c r="E3629" s="4" t="s">
        <v>18810</v>
      </c>
      <c r="G3629" s="4" t="s">
        <v>18811</v>
      </c>
      <c r="H3629" s="4" t="s">
        <v>18812</v>
      </c>
      <c r="K3629" s="4" t="s">
        <v>18813</v>
      </c>
    </row>
    <row r="3630" spans="1:11" ht="57.6" x14ac:dyDescent="0.3">
      <c r="A3630" s="1">
        <v>28006</v>
      </c>
      <c r="C3630" s="4" t="s">
        <v>18814</v>
      </c>
      <c r="D3630" s="4" t="s">
        <v>18815</v>
      </c>
      <c r="E3630" s="4" t="s">
        <v>18816</v>
      </c>
      <c r="F3630" s="4" t="s">
        <v>18817</v>
      </c>
      <c r="G3630" s="4" t="s">
        <v>18818</v>
      </c>
      <c r="H3630" s="4" t="s">
        <v>18819</v>
      </c>
      <c r="I3630" s="4" t="s">
        <v>18820</v>
      </c>
      <c r="K3630" s="4" t="s">
        <v>18821</v>
      </c>
    </row>
    <row r="3631" spans="1:11" ht="72" x14ac:dyDescent="0.3">
      <c r="A3631" s="1">
        <v>28011</v>
      </c>
      <c r="C3631" s="4" t="s">
        <v>18822</v>
      </c>
      <c r="D3631" s="4" t="s">
        <v>18823</v>
      </c>
      <c r="F3631" s="4" t="s">
        <v>18824</v>
      </c>
      <c r="H3631" s="4" t="s">
        <v>18825</v>
      </c>
      <c r="K3631" s="4" t="s">
        <v>18826</v>
      </c>
    </row>
    <row r="3632" spans="1:11" ht="86.4" x14ac:dyDescent="0.3">
      <c r="A3632" s="1">
        <v>28016</v>
      </c>
      <c r="C3632" s="4" t="s">
        <v>18827</v>
      </c>
      <c r="D3632" s="4" t="s">
        <v>18828</v>
      </c>
      <c r="F3632" s="4" t="s">
        <v>18829</v>
      </c>
      <c r="G3632" s="4" t="s">
        <v>18830</v>
      </c>
      <c r="H3632" s="4" t="s">
        <v>18831</v>
      </c>
      <c r="I3632" s="4" t="s">
        <v>18832</v>
      </c>
      <c r="K3632" s="4" t="s">
        <v>18833</v>
      </c>
    </row>
    <row r="3633" spans="1:11" ht="100.8" x14ac:dyDescent="0.3">
      <c r="A3633" s="1">
        <v>28026</v>
      </c>
      <c r="C3633" s="4" t="s">
        <v>18834</v>
      </c>
      <c r="D3633" s="4" t="s">
        <v>18835</v>
      </c>
      <c r="G3633" s="4" t="s">
        <v>18836</v>
      </c>
      <c r="H3633" s="4" t="s">
        <v>18837</v>
      </c>
      <c r="K3633" s="4" t="e">
        <v>#NAME?</v>
      </c>
    </row>
    <row r="3634" spans="1:11" ht="72" x14ac:dyDescent="0.3">
      <c r="A3634" s="1">
        <v>28036</v>
      </c>
      <c r="C3634" s="4" t="s">
        <v>18838</v>
      </c>
      <c r="D3634" s="4" t="s">
        <v>18839</v>
      </c>
      <c r="E3634" s="4" t="s">
        <v>18840</v>
      </c>
      <c r="F3634" s="4" t="s">
        <v>18841</v>
      </c>
      <c r="G3634" s="4" t="s">
        <v>18842</v>
      </c>
      <c r="H3634" s="4" t="s">
        <v>18843</v>
      </c>
      <c r="I3634" s="4" t="s">
        <v>18844</v>
      </c>
      <c r="K3634" s="4" t="s">
        <v>18845</v>
      </c>
    </row>
    <row r="3635" spans="1:11" ht="28.8" x14ac:dyDescent="0.3">
      <c r="A3635" s="1">
        <v>28046</v>
      </c>
      <c r="D3635" s="4" t="s">
        <v>18846</v>
      </c>
      <c r="F3635" s="4" t="s">
        <v>18847</v>
      </c>
      <c r="G3635" s="4" t="s">
        <v>18848</v>
      </c>
      <c r="H3635" s="4" t="s">
        <v>18849</v>
      </c>
    </row>
    <row r="3636" spans="1:11" ht="28.8" x14ac:dyDescent="0.3">
      <c r="A3636" s="1">
        <v>28051</v>
      </c>
      <c r="C3636" s="4" t="s">
        <v>18850</v>
      </c>
      <c r="D3636" s="4" t="s">
        <v>18851</v>
      </c>
      <c r="E3636" s="4" t="s">
        <v>18852</v>
      </c>
      <c r="G3636" s="4" t="s">
        <v>18853</v>
      </c>
      <c r="H3636" s="4" t="s">
        <v>18854</v>
      </c>
      <c r="I3636" s="4" t="s">
        <v>18855</v>
      </c>
      <c r="K3636" s="4" t="s">
        <v>18856</v>
      </c>
    </row>
    <row r="3637" spans="1:11" x14ac:dyDescent="0.3">
      <c r="A3637" s="1">
        <v>28061</v>
      </c>
    </row>
    <row r="3638" spans="1:11" x14ac:dyDescent="0.3">
      <c r="A3638" s="1">
        <v>28066</v>
      </c>
    </row>
    <row r="3639" spans="1:11" ht="28.8" x14ac:dyDescent="0.3">
      <c r="A3639" s="1">
        <v>28081</v>
      </c>
      <c r="D3639" s="4" t="s">
        <v>18857</v>
      </c>
      <c r="E3639" s="4" t="s">
        <v>18858</v>
      </c>
      <c r="G3639" s="4" t="s">
        <v>18859</v>
      </c>
      <c r="H3639" s="4" t="s">
        <v>18860</v>
      </c>
      <c r="I3639" s="4" t="s">
        <v>18861</v>
      </c>
    </row>
    <row r="3640" spans="1:11" ht="86.4" x14ac:dyDescent="0.3">
      <c r="A3640" s="1">
        <v>28111</v>
      </c>
      <c r="C3640" s="4" t="s">
        <v>18862</v>
      </c>
      <c r="D3640" s="4" t="s">
        <v>18863</v>
      </c>
      <c r="E3640" s="4" t="s">
        <v>18864</v>
      </c>
      <c r="F3640" s="4" t="s">
        <v>18865</v>
      </c>
      <c r="G3640" s="4" t="s">
        <v>18866</v>
      </c>
      <c r="H3640" s="4" t="s">
        <v>18867</v>
      </c>
      <c r="I3640" s="4" t="s">
        <v>18868</v>
      </c>
      <c r="K3640" s="4" t="s">
        <v>18869</v>
      </c>
    </row>
    <row r="3641" spans="1:11" ht="86.4" x14ac:dyDescent="0.3">
      <c r="A3641" s="1">
        <v>28116</v>
      </c>
      <c r="C3641" s="4" t="s">
        <v>18870</v>
      </c>
      <c r="D3641" s="4" t="s">
        <v>18871</v>
      </c>
      <c r="E3641" s="4" t="s">
        <v>18872</v>
      </c>
      <c r="F3641" s="4" t="s">
        <v>18873</v>
      </c>
      <c r="G3641" s="4" t="s">
        <v>18874</v>
      </c>
      <c r="H3641" s="4" t="s">
        <v>18875</v>
      </c>
      <c r="K3641" s="4" t="s">
        <v>18876</v>
      </c>
    </row>
    <row r="3642" spans="1:11" ht="86.4" x14ac:dyDescent="0.3">
      <c r="A3642" s="1">
        <v>28131</v>
      </c>
      <c r="D3642" s="4" t="s">
        <v>18877</v>
      </c>
      <c r="F3642" s="4" t="s">
        <v>18878</v>
      </c>
      <c r="G3642" s="4" t="s">
        <v>18879</v>
      </c>
      <c r="I3642" s="4" t="s">
        <v>18880</v>
      </c>
      <c r="J3642" s="4" t="s">
        <v>18881</v>
      </c>
    </row>
    <row r="3643" spans="1:11" ht="43.2" x14ac:dyDescent="0.3">
      <c r="A3643" s="1">
        <v>28141</v>
      </c>
      <c r="C3643" s="4" t="s">
        <v>18882</v>
      </c>
      <c r="J3643" s="4" t="s">
        <v>18883</v>
      </c>
    </row>
    <row r="3644" spans="1:11" ht="86.4" x14ac:dyDescent="0.3">
      <c r="A3644" s="1">
        <v>28151</v>
      </c>
      <c r="C3644" s="4" t="s">
        <v>18884</v>
      </c>
      <c r="D3644" s="4" t="s">
        <v>18885</v>
      </c>
      <c r="E3644" s="4" t="s">
        <v>18886</v>
      </c>
      <c r="F3644" s="4" t="s">
        <v>18887</v>
      </c>
      <c r="G3644" s="4" t="s">
        <v>18888</v>
      </c>
      <c r="H3644" s="4" t="s">
        <v>18889</v>
      </c>
      <c r="I3644" s="4" t="s">
        <v>18890</v>
      </c>
      <c r="K3644" s="4" t="s">
        <v>18891</v>
      </c>
    </row>
    <row r="3645" spans="1:11" ht="86.4" x14ac:dyDescent="0.3">
      <c r="A3645" s="1">
        <v>28156</v>
      </c>
      <c r="C3645" s="4" t="s">
        <v>18892</v>
      </c>
      <c r="D3645" s="4" t="s">
        <v>18893</v>
      </c>
      <c r="E3645" s="4" t="s">
        <v>18894</v>
      </c>
      <c r="F3645" s="4" t="s">
        <v>18895</v>
      </c>
      <c r="G3645" s="4" t="s">
        <v>18896</v>
      </c>
      <c r="H3645" s="4" t="s">
        <v>18897</v>
      </c>
      <c r="I3645" s="4" t="s">
        <v>18898</v>
      </c>
      <c r="J3645" s="4" t="s">
        <v>18899</v>
      </c>
      <c r="K3645" s="4" t="s">
        <v>18900</v>
      </c>
    </row>
    <row r="3646" spans="1:11" ht="100.8" x14ac:dyDescent="0.3">
      <c r="A3646" s="1">
        <v>28161</v>
      </c>
      <c r="C3646" s="4" t="s">
        <v>18901</v>
      </c>
      <c r="D3646" s="4" t="s">
        <v>18902</v>
      </c>
      <c r="G3646" s="4" t="s">
        <v>18903</v>
      </c>
      <c r="H3646" s="4" t="s">
        <v>18904</v>
      </c>
      <c r="I3646" s="4" t="s">
        <v>18905</v>
      </c>
      <c r="J3646" s="4" t="s">
        <v>18906</v>
      </c>
      <c r="K3646" s="4" t="s">
        <v>18907</v>
      </c>
    </row>
    <row r="3647" spans="1:11" ht="72" x14ac:dyDescent="0.3">
      <c r="A3647" s="1">
        <v>28166</v>
      </c>
      <c r="D3647" s="4" t="s">
        <v>18908</v>
      </c>
      <c r="G3647" s="4" t="s">
        <v>23160</v>
      </c>
      <c r="H3647" s="4" t="s">
        <v>23161</v>
      </c>
      <c r="J3647" s="4" t="s">
        <v>18909</v>
      </c>
      <c r="K3647" s="4" t="s">
        <v>18910</v>
      </c>
    </row>
    <row r="3648" spans="1:11" ht="72" x14ac:dyDescent="0.3">
      <c r="A3648" s="1">
        <v>28171</v>
      </c>
      <c r="C3648" s="4" t="s">
        <v>18911</v>
      </c>
      <c r="D3648" s="4" t="s">
        <v>18912</v>
      </c>
      <c r="G3648" s="4" t="s">
        <v>18913</v>
      </c>
      <c r="K3648" s="4" t="s">
        <v>18914</v>
      </c>
    </row>
    <row r="3649" spans="1:11" ht="72" x14ac:dyDescent="0.3">
      <c r="A3649" s="1">
        <v>28176</v>
      </c>
      <c r="D3649" s="4" t="s">
        <v>18915</v>
      </c>
      <c r="E3649" s="4" t="s">
        <v>18916</v>
      </c>
      <c r="F3649" s="4" t="s">
        <v>18917</v>
      </c>
      <c r="G3649" s="4" t="s">
        <v>18918</v>
      </c>
      <c r="H3649" s="4" t="s">
        <v>18919</v>
      </c>
    </row>
    <row r="3650" spans="1:11" x14ac:dyDescent="0.3">
      <c r="A3650" s="1">
        <v>28181</v>
      </c>
      <c r="F3650" s="4" t="s">
        <v>10925</v>
      </c>
    </row>
    <row r="3651" spans="1:11" ht="86.4" x14ac:dyDescent="0.3">
      <c r="A3651" s="1">
        <v>28186</v>
      </c>
      <c r="D3651" s="4" t="s">
        <v>18920</v>
      </c>
      <c r="F3651" s="4" t="s">
        <v>18921</v>
      </c>
      <c r="H3651" s="4" t="s">
        <v>18922</v>
      </c>
    </row>
    <row r="3652" spans="1:11" ht="86.4" x14ac:dyDescent="0.3">
      <c r="A3652" s="1">
        <v>28191</v>
      </c>
      <c r="D3652" s="4" t="s">
        <v>18923</v>
      </c>
      <c r="E3652" s="4" t="s">
        <v>18924</v>
      </c>
      <c r="G3652" s="4" t="s">
        <v>18925</v>
      </c>
      <c r="H3652" s="4" t="s">
        <v>18926</v>
      </c>
    </row>
    <row r="3653" spans="1:11" ht="100.8" x14ac:dyDescent="0.3">
      <c r="A3653" s="1">
        <v>28201</v>
      </c>
      <c r="C3653" s="4" t="s">
        <v>18927</v>
      </c>
      <c r="D3653" s="4" t="s">
        <v>18928</v>
      </c>
      <c r="E3653" s="4" t="s">
        <v>18929</v>
      </c>
      <c r="F3653" s="4" t="s">
        <v>18930</v>
      </c>
      <c r="G3653" s="4" t="s">
        <v>18931</v>
      </c>
      <c r="H3653" s="4" t="s">
        <v>18932</v>
      </c>
      <c r="I3653" s="4" t="s">
        <v>18933</v>
      </c>
      <c r="K3653" s="4" t="s">
        <v>18934</v>
      </c>
    </row>
    <row r="3654" spans="1:11" ht="72" x14ac:dyDescent="0.3">
      <c r="A3654" s="1">
        <v>28206</v>
      </c>
      <c r="G3654" s="4" t="s">
        <v>18935</v>
      </c>
      <c r="H3654" s="4" t="s">
        <v>18936</v>
      </c>
      <c r="I3654" s="4" t="s">
        <v>18937</v>
      </c>
      <c r="K3654" s="4" t="s">
        <v>18938</v>
      </c>
    </row>
    <row r="3655" spans="1:11" ht="43.2" x14ac:dyDescent="0.3">
      <c r="A3655" s="1">
        <v>28211</v>
      </c>
      <c r="C3655" s="4" t="s">
        <v>18939</v>
      </c>
      <c r="D3655" s="4" t="s">
        <v>18940</v>
      </c>
      <c r="F3655" s="4" t="s">
        <v>18941</v>
      </c>
      <c r="G3655" s="4" t="s">
        <v>18942</v>
      </c>
      <c r="H3655" s="4" t="s">
        <v>18943</v>
      </c>
    </row>
    <row r="3656" spans="1:11" ht="72" x14ac:dyDescent="0.3">
      <c r="A3656" s="1">
        <v>28221</v>
      </c>
      <c r="C3656" s="4" t="s">
        <v>18944</v>
      </c>
      <c r="D3656" s="4" t="s">
        <v>18945</v>
      </c>
      <c r="E3656" s="4" t="s">
        <v>18946</v>
      </c>
      <c r="F3656" s="4" t="s">
        <v>18947</v>
      </c>
      <c r="G3656" s="4" t="s">
        <v>18948</v>
      </c>
      <c r="H3656" s="4" t="s">
        <v>18949</v>
      </c>
      <c r="I3656" s="4" t="s">
        <v>18950</v>
      </c>
      <c r="J3656" s="4" t="s">
        <v>18951</v>
      </c>
      <c r="K3656" s="4" t="s">
        <v>18952</v>
      </c>
    </row>
    <row r="3657" spans="1:11" ht="57.6" x14ac:dyDescent="0.3">
      <c r="A3657" s="1">
        <v>28226</v>
      </c>
      <c r="D3657" s="4" t="s">
        <v>18953</v>
      </c>
      <c r="F3657" s="4" t="s">
        <v>18954</v>
      </c>
      <c r="G3657" s="4" t="s">
        <v>18955</v>
      </c>
      <c r="H3657" s="4" t="s">
        <v>18956</v>
      </c>
    </row>
    <row r="3658" spans="1:11" ht="57.6" x14ac:dyDescent="0.3">
      <c r="A3658" s="1">
        <v>28231</v>
      </c>
      <c r="C3658" s="4" t="s">
        <v>18957</v>
      </c>
      <c r="D3658" s="4" t="s">
        <v>18958</v>
      </c>
      <c r="G3658" s="4" t="s">
        <v>18959</v>
      </c>
      <c r="H3658" s="4" t="s">
        <v>18960</v>
      </c>
      <c r="I3658" s="4" t="s">
        <v>18961</v>
      </c>
    </row>
    <row r="3659" spans="1:11" ht="57.6" x14ac:dyDescent="0.3">
      <c r="A3659" s="1">
        <v>28236</v>
      </c>
      <c r="C3659" s="4" t="s">
        <v>18962</v>
      </c>
      <c r="D3659" s="4" t="s">
        <v>18963</v>
      </c>
      <c r="F3659" s="4" t="s">
        <v>18964</v>
      </c>
      <c r="G3659" s="4" t="s">
        <v>18965</v>
      </c>
      <c r="H3659" s="4" t="s">
        <v>18966</v>
      </c>
      <c r="I3659" s="4" t="s">
        <v>18967</v>
      </c>
      <c r="K3659" s="4" t="s">
        <v>18968</v>
      </c>
    </row>
    <row r="3660" spans="1:11" ht="86.4" x14ac:dyDescent="0.3">
      <c r="A3660" s="1">
        <v>28246</v>
      </c>
      <c r="C3660" s="4" t="s">
        <v>18969</v>
      </c>
      <c r="D3660" s="4" t="s">
        <v>18970</v>
      </c>
      <c r="E3660" s="4" t="s">
        <v>18971</v>
      </c>
      <c r="F3660" s="4" t="s">
        <v>18972</v>
      </c>
      <c r="G3660" s="4" t="s">
        <v>18973</v>
      </c>
      <c r="H3660" s="4" t="s">
        <v>18974</v>
      </c>
      <c r="I3660" s="4" t="s">
        <v>18975</v>
      </c>
      <c r="J3660" s="4" t="s">
        <v>18976</v>
      </c>
      <c r="K3660" s="4" t="s">
        <v>18977</v>
      </c>
    </row>
    <row r="3661" spans="1:11" ht="43.2" x14ac:dyDescent="0.3">
      <c r="A3661" s="1">
        <v>28251</v>
      </c>
      <c r="I3661" s="4" t="s">
        <v>18978</v>
      </c>
    </row>
    <row r="3662" spans="1:11" ht="72" x14ac:dyDescent="0.3">
      <c r="A3662" s="1">
        <v>28256</v>
      </c>
      <c r="C3662" s="4" t="s">
        <v>18979</v>
      </c>
      <c r="D3662" s="4" t="s">
        <v>18980</v>
      </c>
      <c r="G3662" s="4" t="s">
        <v>18981</v>
      </c>
      <c r="H3662" s="4" t="s">
        <v>18982</v>
      </c>
      <c r="I3662" s="4" t="s">
        <v>18983</v>
      </c>
      <c r="K3662" s="4" t="s">
        <v>18984</v>
      </c>
    </row>
    <row r="3663" spans="1:11" ht="72" x14ac:dyDescent="0.3">
      <c r="A3663" s="1">
        <v>28266</v>
      </c>
      <c r="C3663" s="4" t="s">
        <v>18985</v>
      </c>
      <c r="D3663" s="4" t="s">
        <v>18986</v>
      </c>
      <c r="E3663" s="4" t="s">
        <v>18987</v>
      </c>
      <c r="G3663" s="4" t="s">
        <v>18988</v>
      </c>
      <c r="K3663" s="4" t="s">
        <v>18989</v>
      </c>
    </row>
    <row r="3664" spans="1:11" ht="57.6" x14ac:dyDescent="0.3">
      <c r="A3664" s="1">
        <v>28271</v>
      </c>
      <c r="C3664" s="4" t="s">
        <v>18990</v>
      </c>
      <c r="D3664" s="4" t="s">
        <v>18991</v>
      </c>
      <c r="E3664" s="4" t="s">
        <v>17988</v>
      </c>
      <c r="G3664" s="4" t="s">
        <v>18992</v>
      </c>
      <c r="H3664" s="4" t="s">
        <v>18993</v>
      </c>
      <c r="I3664" s="4" t="s">
        <v>18994</v>
      </c>
      <c r="K3664" s="4" t="s">
        <v>18995</v>
      </c>
    </row>
    <row r="3665" spans="1:11" ht="86.4" x14ac:dyDescent="0.3">
      <c r="A3665" s="1">
        <v>28281</v>
      </c>
      <c r="C3665" s="4" t="s">
        <v>18996</v>
      </c>
      <c r="D3665" s="4" t="s">
        <v>18997</v>
      </c>
      <c r="E3665" s="4" t="s">
        <v>18998</v>
      </c>
      <c r="F3665" s="4" t="s">
        <v>18999</v>
      </c>
      <c r="G3665" s="4" t="s">
        <v>19000</v>
      </c>
      <c r="H3665" s="4" t="s">
        <v>19001</v>
      </c>
      <c r="I3665" s="4" t="s">
        <v>19002</v>
      </c>
      <c r="K3665" s="4" t="s">
        <v>19003</v>
      </c>
    </row>
    <row r="3666" spans="1:11" ht="28.8" x14ac:dyDescent="0.3">
      <c r="A3666" s="1">
        <v>28291</v>
      </c>
      <c r="D3666" s="4" t="s">
        <v>19004</v>
      </c>
      <c r="E3666" s="4" t="s">
        <v>19005</v>
      </c>
      <c r="F3666" s="4" t="s">
        <v>19006</v>
      </c>
    </row>
    <row r="3667" spans="1:11" ht="72" x14ac:dyDescent="0.3">
      <c r="A3667" s="1">
        <v>28296</v>
      </c>
      <c r="C3667" s="4" t="s">
        <v>19007</v>
      </c>
      <c r="D3667" s="4" t="s">
        <v>19008</v>
      </c>
      <c r="E3667" s="4" t="s">
        <v>19009</v>
      </c>
      <c r="F3667" s="4" t="s">
        <v>19010</v>
      </c>
      <c r="G3667" s="4" t="s">
        <v>19011</v>
      </c>
      <c r="H3667" s="4" t="s">
        <v>19012</v>
      </c>
      <c r="I3667" s="4" t="s">
        <v>12574</v>
      </c>
      <c r="K3667" s="4" t="s">
        <v>19013</v>
      </c>
    </row>
    <row r="3668" spans="1:11" ht="72" x14ac:dyDescent="0.3">
      <c r="A3668" s="1">
        <v>28301</v>
      </c>
      <c r="C3668" s="4" t="s">
        <v>19014</v>
      </c>
      <c r="D3668" s="4" t="s">
        <v>19015</v>
      </c>
      <c r="E3668" s="4" t="s">
        <v>19016</v>
      </c>
      <c r="G3668" s="4" t="s">
        <v>19017</v>
      </c>
      <c r="H3668" s="4" t="s">
        <v>19018</v>
      </c>
      <c r="K3668" s="4" t="s">
        <v>19019</v>
      </c>
    </row>
    <row r="3669" spans="1:11" ht="72" x14ac:dyDescent="0.3">
      <c r="A3669" s="1">
        <v>28311</v>
      </c>
      <c r="C3669" s="4" t="s">
        <v>19020</v>
      </c>
      <c r="D3669" s="4" t="s">
        <v>19021</v>
      </c>
      <c r="E3669" s="4" t="s">
        <v>19022</v>
      </c>
      <c r="F3669" s="4" t="s">
        <v>19023</v>
      </c>
      <c r="G3669" s="4" t="s">
        <v>19024</v>
      </c>
      <c r="H3669" s="4" t="s">
        <v>19024</v>
      </c>
      <c r="I3669" s="4" t="s">
        <v>19025</v>
      </c>
      <c r="J3669" s="4" t="s">
        <v>8254</v>
      </c>
      <c r="K3669" s="4" t="s">
        <v>19026</v>
      </c>
    </row>
    <row r="3670" spans="1:11" ht="86.4" x14ac:dyDescent="0.3">
      <c r="A3670" s="1">
        <v>28326</v>
      </c>
      <c r="C3670" s="4" t="s">
        <v>19027</v>
      </c>
      <c r="D3670" s="4" t="s">
        <v>19028</v>
      </c>
      <c r="G3670" s="4" t="s">
        <v>19029</v>
      </c>
      <c r="H3670" s="4" t="s">
        <v>19030</v>
      </c>
    </row>
    <row r="3671" spans="1:11" ht="72" x14ac:dyDescent="0.3">
      <c r="A3671" s="1">
        <v>28336</v>
      </c>
      <c r="C3671" s="4" t="s">
        <v>19031</v>
      </c>
      <c r="D3671" s="4" t="s">
        <v>19032</v>
      </c>
      <c r="E3671" s="4" t="s">
        <v>19033</v>
      </c>
      <c r="F3671" s="4" t="s">
        <v>19034</v>
      </c>
      <c r="G3671" s="4" t="s">
        <v>19035</v>
      </c>
      <c r="H3671" s="4" t="s">
        <v>19036</v>
      </c>
      <c r="I3671" s="4" t="s">
        <v>19037</v>
      </c>
      <c r="K3671" s="4" t="s">
        <v>19038</v>
      </c>
    </row>
    <row r="3672" spans="1:11" ht="86.4" x14ac:dyDescent="0.3">
      <c r="A3672" s="1">
        <v>28341</v>
      </c>
      <c r="C3672" s="4" t="s">
        <v>19039</v>
      </c>
      <c r="D3672" s="4" t="s">
        <v>19040</v>
      </c>
      <c r="G3672" s="4" t="s">
        <v>19041</v>
      </c>
      <c r="H3672" s="4" t="s">
        <v>19042</v>
      </c>
      <c r="I3672" s="4" t="s">
        <v>19043</v>
      </c>
      <c r="J3672" s="4" t="s">
        <v>19044</v>
      </c>
      <c r="K3672" s="4" t="s">
        <v>19045</v>
      </c>
    </row>
    <row r="3673" spans="1:11" ht="86.4" x14ac:dyDescent="0.3">
      <c r="A3673" s="1">
        <v>28346</v>
      </c>
      <c r="C3673" s="4" t="s">
        <v>19046</v>
      </c>
      <c r="D3673" s="4" t="s">
        <v>19047</v>
      </c>
      <c r="G3673" s="4" t="s">
        <v>19048</v>
      </c>
      <c r="H3673" s="4" t="s">
        <v>19049</v>
      </c>
      <c r="I3673" s="4" t="s">
        <v>19050</v>
      </c>
      <c r="K3673" s="4" t="s">
        <v>19051</v>
      </c>
    </row>
    <row r="3674" spans="1:11" ht="86.4" x14ac:dyDescent="0.3">
      <c r="A3674" s="1">
        <v>28351</v>
      </c>
      <c r="C3674" s="4" t="s">
        <v>19052</v>
      </c>
      <c r="D3674" s="4" t="s">
        <v>19053</v>
      </c>
      <c r="E3674" s="4" t="s">
        <v>19054</v>
      </c>
      <c r="F3674" s="4" t="s">
        <v>19055</v>
      </c>
      <c r="G3674" s="4" t="s">
        <v>19056</v>
      </c>
      <c r="I3674" s="4" t="s">
        <v>19057</v>
      </c>
      <c r="J3674" s="4" t="s">
        <v>19058</v>
      </c>
      <c r="K3674" s="4" t="s">
        <v>19059</v>
      </c>
    </row>
    <row r="3675" spans="1:11" ht="72" x14ac:dyDescent="0.3">
      <c r="A3675" s="1">
        <v>28361</v>
      </c>
      <c r="C3675" s="4" t="s">
        <v>19060</v>
      </c>
      <c r="D3675" s="4" t="s">
        <v>19061</v>
      </c>
      <c r="E3675" s="4" t="s">
        <v>19062</v>
      </c>
      <c r="G3675" s="4" t="s">
        <v>19063</v>
      </c>
      <c r="H3675" s="4" t="s">
        <v>19064</v>
      </c>
    </row>
    <row r="3676" spans="1:11" ht="86.4" x14ac:dyDescent="0.3">
      <c r="A3676" s="1">
        <v>28366</v>
      </c>
      <c r="C3676" s="4" t="s">
        <v>19065</v>
      </c>
      <c r="D3676" s="4" t="s">
        <v>19066</v>
      </c>
      <c r="E3676" s="4" t="s">
        <v>19067</v>
      </c>
      <c r="F3676" s="4" t="s">
        <v>19068</v>
      </c>
      <c r="G3676" s="4" t="s">
        <v>19069</v>
      </c>
      <c r="H3676" s="4" t="s">
        <v>19070</v>
      </c>
      <c r="I3676" s="4" t="s">
        <v>19071</v>
      </c>
      <c r="J3676" s="4" t="s">
        <v>19072</v>
      </c>
      <c r="K3676" s="4" t="s">
        <v>19073</v>
      </c>
    </row>
    <row r="3677" spans="1:11" ht="86.4" x14ac:dyDescent="0.3">
      <c r="A3677" s="1">
        <v>28371</v>
      </c>
      <c r="C3677" s="4" t="s">
        <v>19074</v>
      </c>
      <c r="D3677" s="4" t="s">
        <v>19075</v>
      </c>
      <c r="E3677" s="4" t="s">
        <v>19076</v>
      </c>
      <c r="F3677" s="4" t="s">
        <v>19077</v>
      </c>
      <c r="G3677" s="4" t="s">
        <v>19078</v>
      </c>
      <c r="H3677" s="4" t="s">
        <v>19079</v>
      </c>
      <c r="I3677" s="4" t="s">
        <v>19080</v>
      </c>
      <c r="K3677" s="4" t="s">
        <v>19081</v>
      </c>
    </row>
    <row r="3678" spans="1:11" ht="72" x14ac:dyDescent="0.3">
      <c r="A3678" s="1">
        <v>28376</v>
      </c>
      <c r="C3678" s="4" t="s">
        <v>19082</v>
      </c>
      <c r="G3678" s="4" t="s">
        <v>19083</v>
      </c>
    </row>
    <row r="3679" spans="1:11" ht="28.8" x14ac:dyDescent="0.3">
      <c r="A3679" s="1">
        <v>28386</v>
      </c>
      <c r="C3679" s="4" t="s">
        <v>19084</v>
      </c>
      <c r="D3679" s="4" t="s">
        <v>19085</v>
      </c>
      <c r="E3679" s="4" t="s">
        <v>19086</v>
      </c>
      <c r="F3679" s="4" t="s">
        <v>19087</v>
      </c>
      <c r="G3679" s="4" t="s">
        <v>19088</v>
      </c>
      <c r="H3679" s="4" t="s">
        <v>19089</v>
      </c>
      <c r="I3679" s="4" t="s">
        <v>19090</v>
      </c>
      <c r="K3679" s="4" t="s">
        <v>19091</v>
      </c>
    </row>
    <row r="3680" spans="1:11" ht="28.8" x14ac:dyDescent="0.3">
      <c r="A3680" s="1">
        <v>28391</v>
      </c>
      <c r="D3680" s="4" t="s">
        <v>19092</v>
      </c>
      <c r="G3680" s="4" t="s">
        <v>19093</v>
      </c>
    </row>
    <row r="3681" spans="1:11" ht="72" x14ac:dyDescent="0.3">
      <c r="A3681" s="1">
        <v>28396</v>
      </c>
      <c r="D3681" s="4" t="s">
        <v>19094</v>
      </c>
      <c r="E3681" s="4" t="s">
        <v>19095</v>
      </c>
      <c r="F3681" s="4" t="s">
        <v>19096</v>
      </c>
      <c r="G3681" s="4" t="s">
        <v>19097</v>
      </c>
    </row>
    <row r="3682" spans="1:11" ht="72" x14ac:dyDescent="0.3">
      <c r="A3682" s="1">
        <v>28406</v>
      </c>
      <c r="D3682" s="4" t="s">
        <v>19098</v>
      </c>
      <c r="E3682" s="4" t="s">
        <v>23193</v>
      </c>
    </row>
    <row r="3683" spans="1:11" ht="43.2" x14ac:dyDescent="0.3">
      <c r="A3683" s="1">
        <v>28411</v>
      </c>
      <c r="C3683" s="4" t="s">
        <v>19099</v>
      </c>
      <c r="D3683" s="4" t="s">
        <v>19100</v>
      </c>
      <c r="G3683" s="4" t="s">
        <v>19101</v>
      </c>
      <c r="I3683" s="4" t="s">
        <v>19102</v>
      </c>
      <c r="K3683" s="4" t="s">
        <v>19103</v>
      </c>
    </row>
    <row r="3684" spans="1:11" ht="86.4" x14ac:dyDescent="0.3">
      <c r="A3684" s="1">
        <v>28416</v>
      </c>
      <c r="C3684" s="4" t="s">
        <v>19104</v>
      </c>
      <c r="D3684" s="4" t="s">
        <v>19105</v>
      </c>
      <c r="F3684" s="4" t="s">
        <v>19106</v>
      </c>
      <c r="I3684" s="4" t="s">
        <v>19107</v>
      </c>
    </row>
    <row r="3685" spans="1:11" ht="86.4" x14ac:dyDescent="0.3">
      <c r="A3685" s="1">
        <v>28421</v>
      </c>
      <c r="C3685" s="4" t="s">
        <v>19108</v>
      </c>
      <c r="D3685" s="4" t="s">
        <v>19109</v>
      </c>
      <c r="E3685" s="4" t="s">
        <v>19110</v>
      </c>
      <c r="F3685" s="4" t="s">
        <v>19110</v>
      </c>
      <c r="G3685" s="4" t="s">
        <v>19111</v>
      </c>
      <c r="H3685" s="4" t="s">
        <v>19112</v>
      </c>
      <c r="I3685" s="4" t="s">
        <v>19113</v>
      </c>
      <c r="K3685" s="4" t="s">
        <v>19114</v>
      </c>
    </row>
    <row r="3686" spans="1:11" ht="72" x14ac:dyDescent="0.3">
      <c r="A3686" s="1">
        <v>28431</v>
      </c>
      <c r="C3686" s="4" t="s">
        <v>19115</v>
      </c>
      <c r="D3686" s="4" t="s">
        <v>19116</v>
      </c>
      <c r="G3686" s="4" t="s">
        <v>19117</v>
      </c>
      <c r="H3686" s="4" t="s">
        <v>19118</v>
      </c>
      <c r="K3686" s="4" t="s">
        <v>19119</v>
      </c>
    </row>
    <row r="3687" spans="1:11" ht="72" x14ac:dyDescent="0.3">
      <c r="A3687" s="1">
        <v>28436</v>
      </c>
      <c r="C3687" s="4" t="s">
        <v>19120</v>
      </c>
      <c r="D3687" s="4" t="s">
        <v>19121</v>
      </c>
      <c r="E3687" s="4" t="s">
        <v>19122</v>
      </c>
      <c r="F3687" s="4" t="s">
        <v>19123</v>
      </c>
      <c r="G3687" s="4" t="s">
        <v>19124</v>
      </c>
      <c r="H3687" s="4" t="s">
        <v>19124</v>
      </c>
      <c r="I3687" s="4" t="s">
        <v>19125</v>
      </c>
      <c r="J3687" s="4" t="s">
        <v>19126</v>
      </c>
      <c r="K3687" s="4" t="s">
        <v>19127</v>
      </c>
    </row>
    <row r="3688" spans="1:11" ht="72" x14ac:dyDescent="0.3">
      <c r="A3688" s="1">
        <v>28446</v>
      </c>
      <c r="C3688" s="4" t="s">
        <v>19128</v>
      </c>
      <c r="K3688" s="4" t="s">
        <v>19129</v>
      </c>
    </row>
    <row r="3689" spans="1:11" ht="72" x14ac:dyDescent="0.3">
      <c r="A3689" s="1">
        <v>28451</v>
      </c>
      <c r="C3689" s="4" t="s">
        <v>19130</v>
      </c>
      <c r="D3689" s="4" t="s">
        <v>19131</v>
      </c>
      <c r="E3689" s="4" t="s">
        <v>19132</v>
      </c>
      <c r="F3689" s="4" t="s">
        <v>19133</v>
      </c>
      <c r="G3689" s="4" t="s">
        <v>19134</v>
      </c>
      <c r="H3689" s="4" t="s">
        <v>19135</v>
      </c>
      <c r="I3689" s="4" t="s">
        <v>19136</v>
      </c>
      <c r="J3689" s="4" t="s">
        <v>19137</v>
      </c>
      <c r="K3689" s="4" t="s">
        <v>19138</v>
      </c>
    </row>
    <row r="3690" spans="1:11" ht="86.4" x14ac:dyDescent="0.3">
      <c r="A3690" s="1">
        <v>28456</v>
      </c>
      <c r="C3690" s="4" t="s">
        <v>19139</v>
      </c>
      <c r="D3690" s="4" t="s">
        <v>19140</v>
      </c>
      <c r="E3690" s="4" t="s">
        <v>19141</v>
      </c>
      <c r="F3690" s="4" t="s">
        <v>19142</v>
      </c>
      <c r="J3690" s="4" t="s">
        <v>19143</v>
      </c>
      <c r="K3690" s="4" t="s">
        <v>19144</v>
      </c>
    </row>
    <row r="3691" spans="1:11" ht="72" x14ac:dyDescent="0.3">
      <c r="A3691" s="1">
        <v>28461</v>
      </c>
      <c r="C3691" s="4" t="s">
        <v>19145</v>
      </c>
      <c r="D3691" s="4" t="s">
        <v>19146</v>
      </c>
      <c r="E3691" s="4" t="s">
        <v>19147</v>
      </c>
      <c r="F3691" s="4" t="s">
        <v>19148</v>
      </c>
      <c r="G3691" s="4" t="s">
        <v>19149</v>
      </c>
      <c r="H3691" s="4" t="s">
        <v>19150</v>
      </c>
      <c r="I3691" s="4" t="s">
        <v>19151</v>
      </c>
      <c r="K3691" s="4" t="s">
        <v>19152</v>
      </c>
    </row>
    <row r="3692" spans="1:11" ht="86.4" x14ac:dyDescent="0.3">
      <c r="A3692" s="1">
        <v>28466</v>
      </c>
      <c r="C3692" s="4" t="s">
        <v>19153</v>
      </c>
      <c r="D3692" s="4" t="s">
        <v>19154</v>
      </c>
      <c r="E3692" s="4" t="s">
        <v>19155</v>
      </c>
      <c r="F3692" s="4" t="s">
        <v>19156</v>
      </c>
      <c r="G3692" s="4" t="s">
        <v>19157</v>
      </c>
      <c r="H3692" s="4" t="s">
        <v>19158</v>
      </c>
      <c r="I3692" s="4" t="s">
        <v>19159</v>
      </c>
      <c r="J3692" s="4" t="s">
        <v>19160</v>
      </c>
      <c r="K3692" s="4" t="s">
        <v>19161</v>
      </c>
    </row>
    <row r="3693" spans="1:11" ht="86.4" x14ac:dyDescent="0.3">
      <c r="A3693" s="1">
        <v>28476</v>
      </c>
      <c r="C3693" s="4" t="s">
        <v>19162</v>
      </c>
      <c r="D3693" s="4" t="s">
        <v>19163</v>
      </c>
      <c r="E3693" s="4" t="s">
        <v>19164</v>
      </c>
      <c r="F3693" s="4" t="s">
        <v>19165</v>
      </c>
      <c r="G3693" s="4" t="s">
        <v>19166</v>
      </c>
      <c r="H3693" s="4" t="s">
        <v>19167</v>
      </c>
      <c r="I3693" s="4" t="s">
        <v>19168</v>
      </c>
      <c r="K3693" s="4" t="s">
        <v>19169</v>
      </c>
    </row>
    <row r="3694" spans="1:11" ht="57.6" x14ac:dyDescent="0.3">
      <c r="A3694" s="1">
        <v>28481</v>
      </c>
      <c r="C3694" s="4" t="s">
        <v>19170</v>
      </c>
      <c r="D3694" s="4" t="s">
        <v>19171</v>
      </c>
      <c r="E3694" s="4" t="s">
        <v>19172</v>
      </c>
      <c r="F3694" s="4" t="s">
        <v>19173</v>
      </c>
      <c r="H3694" s="4" t="s">
        <v>19174</v>
      </c>
      <c r="I3694" s="4" t="s">
        <v>19175</v>
      </c>
      <c r="K3694" s="4" t="s">
        <v>19176</v>
      </c>
    </row>
    <row r="3695" spans="1:11" ht="86.4" x14ac:dyDescent="0.3">
      <c r="A3695" s="1">
        <v>28486</v>
      </c>
      <c r="C3695" s="4" t="s">
        <v>19177</v>
      </c>
      <c r="D3695" s="4" t="s">
        <v>19178</v>
      </c>
      <c r="E3695" s="4" t="s">
        <v>19179</v>
      </c>
      <c r="F3695" s="4" t="s">
        <v>19180</v>
      </c>
      <c r="G3695" s="4" t="s">
        <v>19181</v>
      </c>
      <c r="H3695" s="4" t="s">
        <v>19182</v>
      </c>
      <c r="K3695" s="4" t="s">
        <v>19183</v>
      </c>
    </row>
    <row r="3696" spans="1:11" ht="72" x14ac:dyDescent="0.3">
      <c r="A3696" s="1">
        <v>28491</v>
      </c>
      <c r="C3696" s="4" t="s">
        <v>19184</v>
      </c>
      <c r="D3696" s="4" t="s">
        <v>19185</v>
      </c>
      <c r="E3696" s="4" t="s">
        <v>19186</v>
      </c>
      <c r="F3696" s="4" t="s">
        <v>19187</v>
      </c>
      <c r="G3696" s="4" t="s">
        <v>19188</v>
      </c>
      <c r="H3696" s="4" t="s">
        <v>19189</v>
      </c>
      <c r="I3696" s="4" t="s">
        <v>19190</v>
      </c>
      <c r="K3696" s="4" t="s">
        <v>19191</v>
      </c>
    </row>
    <row r="3697" spans="1:11" ht="100.8" x14ac:dyDescent="0.3">
      <c r="A3697" s="1">
        <v>28496</v>
      </c>
      <c r="C3697" s="4" t="s">
        <v>19192</v>
      </c>
      <c r="D3697" s="4" t="s">
        <v>19193</v>
      </c>
      <c r="E3697" s="4" t="s">
        <v>19194</v>
      </c>
      <c r="F3697" s="4" t="s">
        <v>7655</v>
      </c>
      <c r="G3697" s="4" t="s">
        <v>19195</v>
      </c>
      <c r="H3697" s="4" t="s">
        <v>19196</v>
      </c>
      <c r="I3697" s="4" t="s">
        <v>19197</v>
      </c>
      <c r="K3697" s="4" t="s">
        <v>19198</v>
      </c>
    </row>
    <row r="3698" spans="1:11" ht="28.8" x14ac:dyDescent="0.3">
      <c r="A3698" s="1">
        <v>28501</v>
      </c>
      <c r="C3698" s="4" t="s">
        <v>19199</v>
      </c>
      <c r="D3698" s="4" t="s">
        <v>19200</v>
      </c>
      <c r="E3698" s="4" t="s">
        <v>19201</v>
      </c>
      <c r="F3698" s="4" t="s">
        <v>19202</v>
      </c>
      <c r="G3698" s="4" t="s">
        <v>19203</v>
      </c>
      <c r="H3698" s="4" t="s">
        <v>19204</v>
      </c>
      <c r="I3698" s="4" t="s">
        <v>19205</v>
      </c>
      <c r="K3698" s="4" t="s">
        <v>19206</v>
      </c>
    </row>
    <row r="3699" spans="1:11" ht="57.6" x14ac:dyDescent="0.3">
      <c r="A3699" s="1">
        <v>28506</v>
      </c>
      <c r="E3699" s="4" t="s">
        <v>19207</v>
      </c>
      <c r="J3699" s="4" t="s">
        <v>19208</v>
      </c>
      <c r="K3699" s="4" t="s">
        <v>19209</v>
      </c>
    </row>
    <row r="3700" spans="1:11" ht="72" x14ac:dyDescent="0.3">
      <c r="A3700" s="1">
        <v>28511</v>
      </c>
      <c r="C3700" s="4" t="s">
        <v>19210</v>
      </c>
      <c r="D3700" s="4" t="s">
        <v>19211</v>
      </c>
      <c r="K3700" s="4" t="s">
        <v>19212</v>
      </c>
    </row>
    <row r="3701" spans="1:11" ht="57.6" x14ac:dyDescent="0.3">
      <c r="A3701" s="1">
        <v>28516</v>
      </c>
      <c r="C3701" s="4" t="s">
        <v>19213</v>
      </c>
      <c r="D3701" s="4" t="s">
        <v>19214</v>
      </c>
      <c r="F3701" s="4" t="s">
        <v>19215</v>
      </c>
      <c r="H3701" s="4" t="s">
        <v>19216</v>
      </c>
      <c r="J3701" s="4" t="s">
        <v>19217</v>
      </c>
    </row>
    <row r="3702" spans="1:11" ht="86.4" x14ac:dyDescent="0.3">
      <c r="A3702" s="1">
        <v>28526</v>
      </c>
      <c r="D3702" s="4" t="s">
        <v>19218</v>
      </c>
      <c r="E3702" s="4" t="s">
        <v>19219</v>
      </c>
      <c r="F3702" s="4" t="s">
        <v>19220</v>
      </c>
      <c r="G3702" s="4" t="s">
        <v>19221</v>
      </c>
      <c r="H3702" s="4" t="s">
        <v>19222</v>
      </c>
    </row>
    <row r="3703" spans="1:11" ht="57.6" x14ac:dyDescent="0.3">
      <c r="A3703" s="1">
        <v>28536</v>
      </c>
      <c r="C3703" s="4" t="s">
        <v>19223</v>
      </c>
      <c r="D3703" s="4" t="s">
        <v>19224</v>
      </c>
      <c r="F3703" s="4" t="s">
        <v>19225</v>
      </c>
      <c r="G3703" s="4" t="s">
        <v>19226</v>
      </c>
      <c r="H3703" s="4" t="s">
        <v>19227</v>
      </c>
      <c r="I3703" s="4" t="s">
        <v>19228</v>
      </c>
      <c r="J3703" s="4" t="s">
        <v>19229</v>
      </c>
      <c r="K3703" s="4" t="s">
        <v>19230</v>
      </c>
    </row>
    <row r="3704" spans="1:11" x14ac:dyDescent="0.3">
      <c r="A3704" s="1">
        <v>28541</v>
      </c>
    </row>
    <row r="3705" spans="1:11" x14ac:dyDescent="0.3">
      <c r="A3705" s="1">
        <v>28551</v>
      </c>
      <c r="F3705" s="4" t="s">
        <v>19231</v>
      </c>
      <c r="H3705" s="4" t="s">
        <v>19232</v>
      </c>
    </row>
    <row r="3706" spans="1:11" ht="72" x14ac:dyDescent="0.3">
      <c r="A3706" s="1">
        <v>28556</v>
      </c>
      <c r="C3706" s="4" t="s">
        <v>19233</v>
      </c>
      <c r="D3706" s="4" t="s">
        <v>19234</v>
      </c>
      <c r="G3706" s="4" t="s">
        <v>19235</v>
      </c>
      <c r="H3706" s="4" t="s">
        <v>19236</v>
      </c>
    </row>
    <row r="3707" spans="1:11" ht="86.4" x14ac:dyDescent="0.3">
      <c r="A3707" s="1">
        <v>28561</v>
      </c>
      <c r="C3707" s="4" t="s">
        <v>19237</v>
      </c>
      <c r="D3707" s="4" t="s">
        <v>19238</v>
      </c>
      <c r="G3707" s="4" t="s">
        <v>19239</v>
      </c>
      <c r="H3707" s="4" t="s">
        <v>19240</v>
      </c>
      <c r="I3707" s="4" t="s">
        <v>19241</v>
      </c>
      <c r="K3707" s="4" t="s">
        <v>19242</v>
      </c>
    </row>
    <row r="3708" spans="1:11" ht="100.8" x14ac:dyDescent="0.3">
      <c r="A3708" s="1">
        <v>28566</v>
      </c>
      <c r="C3708" s="4" t="s">
        <v>19243</v>
      </c>
      <c r="D3708" s="4" t="s">
        <v>19244</v>
      </c>
      <c r="E3708" s="4" t="s">
        <v>19245</v>
      </c>
      <c r="F3708" s="4" t="s">
        <v>23162</v>
      </c>
      <c r="G3708" s="4" t="s">
        <v>19246</v>
      </c>
      <c r="H3708" s="4" t="s">
        <v>19247</v>
      </c>
      <c r="I3708" s="4" t="s">
        <v>19248</v>
      </c>
      <c r="J3708" s="4" t="s">
        <v>19249</v>
      </c>
      <c r="K3708" s="4" t="s">
        <v>23163</v>
      </c>
    </row>
    <row r="3709" spans="1:11" ht="86.4" x14ac:dyDescent="0.3">
      <c r="A3709" s="1">
        <v>28571</v>
      </c>
      <c r="C3709" s="4" t="s">
        <v>19250</v>
      </c>
      <c r="D3709" s="4" t="s">
        <v>19251</v>
      </c>
      <c r="F3709" s="4" t="s">
        <v>19252</v>
      </c>
      <c r="G3709" s="4" t="s">
        <v>19253</v>
      </c>
      <c r="H3709" s="4" t="s">
        <v>19254</v>
      </c>
      <c r="I3709" s="4" t="s">
        <v>19255</v>
      </c>
      <c r="J3709" s="4" t="s">
        <v>19256</v>
      </c>
      <c r="K3709" s="4" t="s">
        <v>19257</v>
      </c>
    </row>
    <row r="3710" spans="1:11" ht="86.4" x14ac:dyDescent="0.3">
      <c r="A3710" s="1">
        <v>28581</v>
      </c>
      <c r="C3710" s="4" t="s">
        <v>19258</v>
      </c>
      <c r="D3710" s="4" t="s">
        <v>19259</v>
      </c>
      <c r="E3710" s="4" t="s">
        <v>19260</v>
      </c>
      <c r="F3710" s="4" t="s">
        <v>19261</v>
      </c>
      <c r="G3710" s="4" t="s">
        <v>19262</v>
      </c>
      <c r="H3710" s="4" t="s">
        <v>19263</v>
      </c>
      <c r="I3710" s="4" t="s">
        <v>19264</v>
      </c>
      <c r="J3710" s="4" t="s">
        <v>19265</v>
      </c>
      <c r="K3710" s="4" t="s">
        <v>19266</v>
      </c>
    </row>
    <row r="3711" spans="1:11" ht="57.6" x14ac:dyDescent="0.3">
      <c r="A3711" s="1">
        <v>28586</v>
      </c>
      <c r="C3711" s="4" t="s">
        <v>19267</v>
      </c>
      <c r="D3711" s="4" t="s">
        <v>19268</v>
      </c>
      <c r="E3711" s="4" t="s">
        <v>19269</v>
      </c>
      <c r="G3711" s="4" t="s">
        <v>19270</v>
      </c>
      <c r="H3711" s="4" t="s">
        <v>19271</v>
      </c>
      <c r="I3711" s="4" t="s">
        <v>19272</v>
      </c>
      <c r="K3711" s="4" t="s">
        <v>19273</v>
      </c>
    </row>
    <row r="3712" spans="1:11" ht="72" x14ac:dyDescent="0.3">
      <c r="A3712" s="1">
        <v>28591</v>
      </c>
      <c r="D3712" s="4" t="s">
        <v>19274</v>
      </c>
      <c r="G3712" s="4" t="s">
        <v>19275</v>
      </c>
      <c r="J3712" s="4" t="s">
        <v>19276</v>
      </c>
    </row>
    <row r="3713" spans="1:11" ht="28.8" x14ac:dyDescent="0.3">
      <c r="A3713" s="1">
        <v>28601</v>
      </c>
      <c r="C3713" s="4" t="s">
        <v>19277</v>
      </c>
      <c r="D3713" s="4" t="s">
        <v>19278</v>
      </c>
      <c r="E3713" s="4" t="s">
        <v>19279</v>
      </c>
      <c r="F3713" s="4" t="s">
        <v>19280</v>
      </c>
      <c r="G3713" s="4" t="s">
        <v>19281</v>
      </c>
      <c r="H3713" s="4" t="s">
        <v>19282</v>
      </c>
      <c r="K3713" s="4" t="s">
        <v>19283</v>
      </c>
    </row>
    <row r="3714" spans="1:11" ht="86.4" x14ac:dyDescent="0.3">
      <c r="A3714" s="1">
        <v>28606</v>
      </c>
      <c r="D3714" s="4" t="s">
        <v>19284</v>
      </c>
      <c r="F3714" s="4" t="s">
        <v>19285</v>
      </c>
      <c r="G3714" s="4" t="s">
        <v>19286</v>
      </c>
      <c r="H3714" s="4" t="s">
        <v>19287</v>
      </c>
      <c r="J3714" s="4" t="s">
        <v>19288</v>
      </c>
      <c r="K3714" s="4" t="s">
        <v>19289</v>
      </c>
    </row>
    <row r="3715" spans="1:11" ht="86.4" x14ac:dyDescent="0.3">
      <c r="A3715" s="1">
        <v>28611</v>
      </c>
      <c r="C3715" s="4" t="s">
        <v>19290</v>
      </c>
      <c r="D3715" s="4" t="s">
        <v>19291</v>
      </c>
      <c r="E3715" s="4" t="s">
        <v>19292</v>
      </c>
      <c r="F3715" s="4" t="s">
        <v>19292</v>
      </c>
      <c r="G3715" s="4" t="s">
        <v>19293</v>
      </c>
      <c r="H3715" s="4" t="s">
        <v>19294</v>
      </c>
      <c r="I3715" s="4" t="s">
        <v>19295</v>
      </c>
      <c r="K3715" s="4" t="s">
        <v>19296</v>
      </c>
    </row>
    <row r="3716" spans="1:11" ht="86.4" x14ac:dyDescent="0.3">
      <c r="A3716" s="1">
        <v>28616</v>
      </c>
      <c r="C3716" s="4" t="s">
        <v>19297</v>
      </c>
      <c r="D3716" s="4" t="s">
        <v>19298</v>
      </c>
      <c r="E3716" s="4" t="s">
        <v>19299</v>
      </c>
      <c r="H3716" s="4" t="s">
        <v>19300</v>
      </c>
      <c r="J3716" s="4" t="s">
        <v>19301</v>
      </c>
      <c r="K3716" s="4" t="s">
        <v>19302</v>
      </c>
    </row>
    <row r="3717" spans="1:11" ht="86.4" x14ac:dyDescent="0.3">
      <c r="A3717" s="1">
        <v>28621</v>
      </c>
      <c r="C3717" s="4" t="s">
        <v>19303</v>
      </c>
      <c r="D3717" s="4" t="s">
        <v>19304</v>
      </c>
    </row>
    <row r="3718" spans="1:11" ht="72" x14ac:dyDescent="0.3">
      <c r="A3718" s="1">
        <v>28626</v>
      </c>
      <c r="C3718" s="4" t="s">
        <v>19305</v>
      </c>
      <c r="D3718" s="4" t="s">
        <v>19306</v>
      </c>
      <c r="E3718" s="4" t="s">
        <v>19307</v>
      </c>
      <c r="F3718" s="4" t="s">
        <v>19308</v>
      </c>
      <c r="G3718" s="4" t="s">
        <v>19309</v>
      </c>
      <c r="H3718" s="4" t="s">
        <v>19310</v>
      </c>
      <c r="I3718" s="4" t="s">
        <v>19311</v>
      </c>
      <c r="J3718" s="4" t="s">
        <v>19312</v>
      </c>
      <c r="K3718" s="4" t="s">
        <v>19313</v>
      </c>
    </row>
    <row r="3719" spans="1:11" ht="72" x14ac:dyDescent="0.3">
      <c r="A3719" s="1">
        <v>28631</v>
      </c>
      <c r="C3719" s="4" t="s">
        <v>19314</v>
      </c>
      <c r="D3719" s="4" t="s">
        <v>19315</v>
      </c>
    </row>
    <row r="3720" spans="1:11" ht="72" x14ac:dyDescent="0.3">
      <c r="A3720" s="1">
        <v>28656</v>
      </c>
      <c r="C3720" s="4" t="s">
        <v>19316</v>
      </c>
      <c r="D3720" s="4" t="s">
        <v>19317</v>
      </c>
      <c r="E3720" s="4" t="s">
        <v>19318</v>
      </c>
      <c r="F3720" s="4" t="s">
        <v>19319</v>
      </c>
      <c r="G3720" s="4" t="s">
        <v>19320</v>
      </c>
      <c r="H3720" s="4" t="s">
        <v>19321</v>
      </c>
      <c r="I3720" s="4" t="s">
        <v>19322</v>
      </c>
    </row>
    <row r="3721" spans="1:11" ht="86.4" x14ac:dyDescent="0.3">
      <c r="A3721" s="1">
        <v>28661</v>
      </c>
      <c r="C3721" s="4" t="s">
        <v>19323</v>
      </c>
      <c r="H3721" s="4" t="s">
        <v>19324</v>
      </c>
      <c r="I3721" s="4" t="s">
        <v>19325</v>
      </c>
    </row>
    <row r="3722" spans="1:11" ht="86.4" x14ac:dyDescent="0.3">
      <c r="A3722" s="1">
        <v>28671</v>
      </c>
      <c r="D3722" s="4" t="s">
        <v>19326</v>
      </c>
      <c r="E3722" s="4" t="s">
        <v>19327</v>
      </c>
      <c r="F3722" s="4" t="s">
        <v>19328</v>
      </c>
      <c r="G3722" s="4" t="s">
        <v>19329</v>
      </c>
      <c r="H3722" s="4" t="s">
        <v>19330</v>
      </c>
      <c r="I3722" s="4" t="s">
        <v>19331</v>
      </c>
      <c r="K3722" s="4" t="s">
        <v>19332</v>
      </c>
    </row>
    <row r="3723" spans="1:11" ht="57.6" x14ac:dyDescent="0.3">
      <c r="A3723" s="1">
        <v>28676</v>
      </c>
      <c r="C3723" s="4" t="s">
        <v>19333</v>
      </c>
      <c r="D3723" s="4" t="s">
        <v>19334</v>
      </c>
      <c r="G3723" s="4" t="s">
        <v>19335</v>
      </c>
      <c r="H3723" s="4" t="s">
        <v>19336</v>
      </c>
      <c r="K3723" s="4" t="s">
        <v>19337</v>
      </c>
    </row>
    <row r="3724" spans="1:11" ht="86.4" x14ac:dyDescent="0.3">
      <c r="A3724" s="1">
        <v>28681</v>
      </c>
      <c r="C3724" s="4" t="s">
        <v>19338</v>
      </c>
      <c r="D3724" s="4" t="s">
        <v>19339</v>
      </c>
      <c r="E3724" s="4" t="s">
        <v>19340</v>
      </c>
      <c r="F3724" s="4" t="s">
        <v>19341</v>
      </c>
      <c r="G3724" s="4" t="s">
        <v>19342</v>
      </c>
      <c r="K3724" s="4" t="s">
        <v>19343</v>
      </c>
    </row>
    <row r="3725" spans="1:11" x14ac:dyDescent="0.3">
      <c r="A3725" s="1">
        <v>28686</v>
      </c>
      <c r="K3725" s="4" t="s">
        <v>19344</v>
      </c>
    </row>
    <row r="3726" spans="1:11" ht="57.6" x14ac:dyDescent="0.3">
      <c r="A3726" s="1">
        <v>28696</v>
      </c>
      <c r="C3726" s="4" t="s">
        <v>19345</v>
      </c>
      <c r="D3726" s="4" t="s">
        <v>19346</v>
      </c>
      <c r="G3726" s="4" t="s">
        <v>19347</v>
      </c>
      <c r="H3726" s="4" t="s">
        <v>19348</v>
      </c>
      <c r="I3726" s="4" t="s">
        <v>19349</v>
      </c>
      <c r="K3726" s="4" t="s">
        <v>19350</v>
      </c>
    </row>
    <row r="3727" spans="1:11" ht="100.8" x14ac:dyDescent="0.3">
      <c r="A3727" s="1">
        <v>28706</v>
      </c>
      <c r="C3727" s="4" t="s">
        <v>19351</v>
      </c>
      <c r="D3727" s="4" t="s">
        <v>19352</v>
      </c>
      <c r="E3727" s="4" t="s">
        <v>19353</v>
      </c>
      <c r="F3727" s="4" t="s">
        <v>19354</v>
      </c>
      <c r="G3727" s="4" t="s">
        <v>19355</v>
      </c>
      <c r="H3727" s="4" t="s">
        <v>19356</v>
      </c>
      <c r="I3727" s="4" t="s">
        <v>19357</v>
      </c>
      <c r="J3727" s="4" t="s">
        <v>19358</v>
      </c>
      <c r="K3727" s="4" t="s">
        <v>19359</v>
      </c>
    </row>
    <row r="3728" spans="1:11" ht="86.4" x14ac:dyDescent="0.3">
      <c r="A3728" s="1">
        <v>28711</v>
      </c>
      <c r="C3728" s="4" t="s">
        <v>19360</v>
      </c>
      <c r="D3728" s="4" t="s">
        <v>19361</v>
      </c>
      <c r="E3728" s="4" t="s">
        <v>19362</v>
      </c>
      <c r="F3728" s="4" t="s">
        <v>19363</v>
      </c>
      <c r="G3728" s="4" t="s">
        <v>19364</v>
      </c>
      <c r="H3728" s="4" t="s">
        <v>19365</v>
      </c>
      <c r="K3728" s="4" t="s">
        <v>19366</v>
      </c>
    </row>
    <row r="3729" spans="1:11" ht="86.4" x14ac:dyDescent="0.3">
      <c r="A3729" s="1">
        <v>28721</v>
      </c>
      <c r="C3729" s="4" t="s">
        <v>19367</v>
      </c>
      <c r="D3729" s="4" t="s">
        <v>19368</v>
      </c>
      <c r="G3729" s="4" t="s">
        <v>19369</v>
      </c>
      <c r="H3729" s="4" t="s">
        <v>19370</v>
      </c>
      <c r="I3729" s="4" t="s">
        <v>19371</v>
      </c>
      <c r="K3729" s="4" t="s">
        <v>19372</v>
      </c>
    </row>
    <row r="3730" spans="1:11" x14ac:dyDescent="0.3">
      <c r="A3730" s="1">
        <v>28731</v>
      </c>
    </row>
    <row r="3731" spans="1:11" ht="72" x14ac:dyDescent="0.3">
      <c r="A3731" s="1">
        <v>28741</v>
      </c>
      <c r="C3731" s="4" t="s">
        <v>19373</v>
      </c>
      <c r="D3731" s="4" t="s">
        <v>19374</v>
      </c>
      <c r="E3731" s="4" t="s">
        <v>19375</v>
      </c>
      <c r="F3731" s="4" t="s">
        <v>19376</v>
      </c>
      <c r="G3731" s="4" t="s">
        <v>19377</v>
      </c>
      <c r="H3731" s="4" t="s">
        <v>19378</v>
      </c>
      <c r="I3731" s="4" t="s">
        <v>19379</v>
      </c>
      <c r="K3731" s="4" t="s">
        <v>19380</v>
      </c>
    </row>
    <row r="3732" spans="1:11" ht="43.2" x14ac:dyDescent="0.3">
      <c r="A3732" s="1">
        <v>28746</v>
      </c>
      <c r="C3732" s="4" t="s">
        <v>19381</v>
      </c>
      <c r="D3732" s="4" t="s">
        <v>19382</v>
      </c>
      <c r="G3732" s="4" t="s">
        <v>19383</v>
      </c>
      <c r="H3732" s="4" t="s">
        <v>19384</v>
      </c>
      <c r="J3732" s="4" t="s">
        <v>19385</v>
      </c>
      <c r="K3732" s="4" t="s">
        <v>19386</v>
      </c>
    </row>
    <row r="3733" spans="1:11" ht="72" x14ac:dyDescent="0.3">
      <c r="A3733" s="1">
        <v>28756</v>
      </c>
      <c r="C3733" s="4" t="s">
        <v>19387</v>
      </c>
      <c r="D3733" s="4" t="s">
        <v>19388</v>
      </c>
      <c r="E3733" s="4" t="s">
        <v>19389</v>
      </c>
      <c r="F3733" s="4" t="s">
        <v>19390</v>
      </c>
      <c r="G3733" s="4" t="s">
        <v>19391</v>
      </c>
      <c r="H3733" s="4" t="s">
        <v>19392</v>
      </c>
      <c r="I3733" s="4" t="s">
        <v>19393</v>
      </c>
    </row>
    <row r="3734" spans="1:11" ht="86.4" x14ac:dyDescent="0.3">
      <c r="A3734" s="1">
        <v>28761</v>
      </c>
      <c r="C3734" s="4" t="s">
        <v>19394</v>
      </c>
      <c r="D3734" s="4" t="s">
        <v>19395</v>
      </c>
      <c r="E3734" s="4" t="s">
        <v>19396</v>
      </c>
      <c r="F3734" s="4" t="s">
        <v>19397</v>
      </c>
      <c r="G3734" s="4" t="s">
        <v>19398</v>
      </c>
      <c r="H3734" s="4" t="s">
        <v>19399</v>
      </c>
      <c r="I3734" s="4" t="s">
        <v>19400</v>
      </c>
      <c r="J3734" s="4" t="s">
        <v>19401</v>
      </c>
      <c r="K3734" s="4" t="s">
        <v>19402</v>
      </c>
    </row>
    <row r="3735" spans="1:11" x14ac:dyDescent="0.3">
      <c r="A3735" s="1">
        <v>28766</v>
      </c>
    </row>
    <row r="3736" spans="1:11" ht="43.2" x14ac:dyDescent="0.3">
      <c r="A3736" s="1">
        <v>28771</v>
      </c>
      <c r="E3736" s="4" t="s">
        <v>19403</v>
      </c>
    </row>
    <row r="3737" spans="1:11" ht="115.2" x14ac:dyDescent="0.3">
      <c r="A3737" s="1">
        <v>28781</v>
      </c>
      <c r="C3737" s="4" t="s">
        <v>19404</v>
      </c>
      <c r="D3737" s="4" t="s">
        <v>19405</v>
      </c>
      <c r="F3737" s="4" t="s">
        <v>19406</v>
      </c>
      <c r="G3737" s="4" t="s">
        <v>19407</v>
      </c>
      <c r="H3737" s="4" t="s">
        <v>19408</v>
      </c>
      <c r="I3737" s="4" t="s">
        <v>19409</v>
      </c>
      <c r="J3737" s="4" t="s">
        <v>19410</v>
      </c>
      <c r="K3737" s="4" t="s">
        <v>19411</v>
      </c>
    </row>
    <row r="3738" spans="1:11" ht="86.4" x14ac:dyDescent="0.3">
      <c r="A3738" s="1">
        <v>28786</v>
      </c>
      <c r="C3738" s="4" t="s">
        <v>19412</v>
      </c>
      <c r="D3738" s="4" t="s">
        <v>19413</v>
      </c>
      <c r="G3738" s="4" t="s">
        <v>19414</v>
      </c>
      <c r="K3738" s="4" t="s">
        <v>19415</v>
      </c>
    </row>
    <row r="3739" spans="1:11" ht="43.2" x14ac:dyDescent="0.3">
      <c r="A3739" s="1">
        <v>28796</v>
      </c>
      <c r="C3739" s="4" t="s">
        <v>19416</v>
      </c>
      <c r="D3739" s="4" t="s">
        <v>19417</v>
      </c>
      <c r="E3739" s="4" t="s">
        <v>19418</v>
      </c>
      <c r="F3739" s="4" t="s">
        <v>19419</v>
      </c>
      <c r="G3739" s="4" t="s">
        <v>19420</v>
      </c>
      <c r="H3739" s="4" t="s">
        <v>19421</v>
      </c>
      <c r="I3739" s="4" t="s">
        <v>19422</v>
      </c>
      <c r="K3739" s="4" t="s">
        <v>19423</v>
      </c>
    </row>
    <row r="3740" spans="1:11" ht="72" x14ac:dyDescent="0.3">
      <c r="A3740" s="1">
        <v>28806</v>
      </c>
      <c r="C3740" s="4" t="s">
        <v>19424</v>
      </c>
      <c r="D3740" s="4" t="s">
        <v>19425</v>
      </c>
      <c r="E3740" s="4" t="s">
        <v>19426</v>
      </c>
      <c r="F3740" s="4" t="s">
        <v>19427</v>
      </c>
      <c r="G3740" s="4" t="s">
        <v>19428</v>
      </c>
      <c r="H3740" s="4" t="s">
        <v>19429</v>
      </c>
      <c r="J3740" s="4" t="s">
        <v>19430</v>
      </c>
      <c r="K3740" s="4" t="s">
        <v>19431</v>
      </c>
    </row>
    <row r="3741" spans="1:11" ht="28.8" x14ac:dyDescent="0.3">
      <c r="A3741" s="1">
        <v>28811</v>
      </c>
      <c r="C3741" s="4" t="s">
        <v>19432</v>
      </c>
      <c r="D3741" s="4" t="s">
        <v>19433</v>
      </c>
      <c r="E3741" s="4" t="s">
        <v>19434</v>
      </c>
      <c r="G3741" s="4" t="s">
        <v>19435</v>
      </c>
      <c r="H3741" s="4" t="s">
        <v>19436</v>
      </c>
      <c r="I3741" s="4" t="s">
        <v>19437</v>
      </c>
    </row>
    <row r="3742" spans="1:11" ht="72" x14ac:dyDescent="0.3">
      <c r="A3742" s="1">
        <v>28816</v>
      </c>
      <c r="C3742" s="4" t="s">
        <v>19438</v>
      </c>
      <c r="D3742" s="4" t="s">
        <v>19439</v>
      </c>
      <c r="E3742" s="4" t="s">
        <v>19440</v>
      </c>
      <c r="F3742" s="4" t="s">
        <v>19441</v>
      </c>
      <c r="G3742" s="4" t="s">
        <v>19442</v>
      </c>
      <c r="H3742" s="4" t="s">
        <v>19443</v>
      </c>
      <c r="K3742" s="4" t="s">
        <v>19444</v>
      </c>
    </row>
    <row r="3743" spans="1:11" ht="57.6" x14ac:dyDescent="0.3">
      <c r="A3743" s="1">
        <v>28821</v>
      </c>
      <c r="B3743" s="1" t="s">
        <v>5799</v>
      </c>
      <c r="C3743" s="4" t="s">
        <v>19445</v>
      </c>
      <c r="D3743" s="4" t="s">
        <v>19446</v>
      </c>
      <c r="E3743" s="4" t="s">
        <v>19447</v>
      </c>
      <c r="F3743" s="4" t="s">
        <v>19448</v>
      </c>
      <c r="G3743" s="4" t="s">
        <v>19449</v>
      </c>
      <c r="H3743" s="4" t="s">
        <v>19450</v>
      </c>
      <c r="I3743" s="4" t="s">
        <v>19451</v>
      </c>
      <c r="K3743" s="4" t="s">
        <v>19452</v>
      </c>
    </row>
    <row r="3744" spans="1:11" ht="43.2" x14ac:dyDescent="0.3">
      <c r="A3744" s="1">
        <v>28831</v>
      </c>
      <c r="D3744" s="4" t="s">
        <v>19453</v>
      </c>
      <c r="E3744" s="4" t="s">
        <v>19454</v>
      </c>
      <c r="G3744" s="4" t="s">
        <v>19455</v>
      </c>
      <c r="I3744" s="4" t="s">
        <v>19456</v>
      </c>
      <c r="K3744" s="4" t="s">
        <v>19457</v>
      </c>
    </row>
    <row r="3745" spans="1:11" ht="86.4" x14ac:dyDescent="0.3">
      <c r="A3745" s="1">
        <v>28836</v>
      </c>
      <c r="D3745" s="4" t="s">
        <v>19458</v>
      </c>
      <c r="E3745" s="4" t="s">
        <v>19459</v>
      </c>
      <c r="F3745" s="4" t="s">
        <v>19460</v>
      </c>
      <c r="G3745" s="4" t="s">
        <v>19461</v>
      </c>
      <c r="H3745" s="4" t="s">
        <v>19462</v>
      </c>
      <c r="I3745" s="4" t="s">
        <v>19463</v>
      </c>
      <c r="K3745" s="4" t="s">
        <v>19464</v>
      </c>
    </row>
    <row r="3746" spans="1:11" ht="72" x14ac:dyDescent="0.3">
      <c r="A3746" s="1">
        <v>28846</v>
      </c>
      <c r="C3746" s="4" t="s">
        <v>19465</v>
      </c>
      <c r="D3746" s="4" t="s">
        <v>19466</v>
      </c>
      <c r="E3746" s="4" t="s">
        <v>19467</v>
      </c>
      <c r="F3746" s="4" t="s">
        <v>19468</v>
      </c>
      <c r="G3746" s="4" t="s">
        <v>19469</v>
      </c>
      <c r="H3746" s="4" t="s">
        <v>422</v>
      </c>
      <c r="I3746" s="4" t="s">
        <v>19470</v>
      </c>
      <c r="J3746" s="4" t="s">
        <v>19471</v>
      </c>
      <c r="K3746" s="4" t="s">
        <v>19472</v>
      </c>
    </row>
    <row r="3747" spans="1:11" x14ac:dyDescent="0.3">
      <c r="A3747" s="1">
        <v>28851</v>
      </c>
      <c r="J3747" s="4" t="s">
        <v>19473</v>
      </c>
    </row>
    <row r="3748" spans="1:11" ht="57.6" x14ac:dyDescent="0.3">
      <c r="A3748" s="1">
        <v>28861</v>
      </c>
      <c r="C3748" s="4" t="s">
        <v>19474</v>
      </c>
      <c r="D3748" s="4" t="s">
        <v>19475</v>
      </c>
      <c r="F3748" s="4" t="s">
        <v>19476</v>
      </c>
      <c r="I3748" s="4" t="s">
        <v>19477</v>
      </c>
      <c r="K3748" s="4" t="s">
        <v>19478</v>
      </c>
    </row>
    <row r="3749" spans="1:11" ht="72" x14ac:dyDescent="0.3">
      <c r="A3749" s="1">
        <v>28866</v>
      </c>
      <c r="C3749" s="4" t="s">
        <v>19479</v>
      </c>
      <c r="D3749" s="4" t="s">
        <v>19480</v>
      </c>
      <c r="E3749" s="4" t="s">
        <v>19481</v>
      </c>
      <c r="F3749" s="4" t="s">
        <v>19482</v>
      </c>
      <c r="G3749" s="4" t="s">
        <v>19483</v>
      </c>
      <c r="H3749" s="4" t="s">
        <v>19484</v>
      </c>
      <c r="I3749" s="4" t="s">
        <v>19485</v>
      </c>
      <c r="J3749" s="4" t="s">
        <v>19486</v>
      </c>
    </row>
    <row r="3750" spans="1:11" ht="86.4" x14ac:dyDescent="0.3">
      <c r="A3750" s="1">
        <v>28871</v>
      </c>
      <c r="C3750" s="4" t="s">
        <v>19487</v>
      </c>
      <c r="D3750" s="4" t="s">
        <v>19488</v>
      </c>
      <c r="E3750" s="4" t="s">
        <v>19489</v>
      </c>
      <c r="F3750" s="4" t="s">
        <v>19490</v>
      </c>
      <c r="G3750" s="4" t="s">
        <v>19491</v>
      </c>
      <c r="H3750" s="4" t="s">
        <v>19492</v>
      </c>
      <c r="I3750" s="4" t="s">
        <v>19493</v>
      </c>
      <c r="K3750" s="4" t="s">
        <v>19494</v>
      </c>
    </row>
    <row r="3751" spans="1:11" ht="57.6" x14ac:dyDescent="0.3">
      <c r="A3751" s="1">
        <v>28881</v>
      </c>
      <c r="C3751" s="4" t="s">
        <v>19495</v>
      </c>
      <c r="D3751" s="4" t="s">
        <v>19496</v>
      </c>
      <c r="F3751" s="4" t="s">
        <v>19497</v>
      </c>
      <c r="G3751" s="4" t="s">
        <v>19498</v>
      </c>
      <c r="H3751" s="4" t="s">
        <v>19499</v>
      </c>
      <c r="K3751" s="4" t="s">
        <v>19500</v>
      </c>
    </row>
    <row r="3752" spans="1:11" ht="72" x14ac:dyDescent="0.3">
      <c r="A3752" s="1">
        <v>28891</v>
      </c>
      <c r="C3752" s="4" t="s">
        <v>19501</v>
      </c>
      <c r="D3752" s="4" t="s">
        <v>19502</v>
      </c>
      <c r="E3752" s="4" t="s">
        <v>19503</v>
      </c>
      <c r="F3752" s="4" t="s">
        <v>19504</v>
      </c>
      <c r="G3752" s="4" t="s">
        <v>19505</v>
      </c>
      <c r="H3752" s="4" t="s">
        <v>19506</v>
      </c>
      <c r="I3752" s="4" t="s">
        <v>19507</v>
      </c>
      <c r="K3752" s="4" t="s">
        <v>19508</v>
      </c>
    </row>
    <row r="3753" spans="1:11" x14ac:dyDescent="0.3">
      <c r="A3753" s="1">
        <v>28901</v>
      </c>
      <c r="D3753" s="4" t="s">
        <v>19509</v>
      </c>
      <c r="G3753" s="4" t="s">
        <v>23178</v>
      </c>
    </row>
    <row r="3754" spans="1:11" ht="86.4" x14ac:dyDescent="0.3">
      <c r="A3754" s="1">
        <v>28911</v>
      </c>
      <c r="C3754" s="4" t="s">
        <v>19510</v>
      </c>
      <c r="D3754" s="4" t="s">
        <v>19511</v>
      </c>
      <c r="E3754" s="4" t="s">
        <v>19512</v>
      </c>
      <c r="F3754" s="4" t="s">
        <v>19513</v>
      </c>
      <c r="G3754" s="4" t="s">
        <v>19514</v>
      </c>
      <c r="H3754" s="4" t="s">
        <v>19515</v>
      </c>
      <c r="I3754" s="4" t="s">
        <v>19516</v>
      </c>
      <c r="J3754" s="4" t="s">
        <v>19517</v>
      </c>
      <c r="K3754" s="4" t="s">
        <v>19518</v>
      </c>
    </row>
    <row r="3755" spans="1:11" ht="86.4" x14ac:dyDescent="0.3">
      <c r="A3755" s="1">
        <v>28916</v>
      </c>
      <c r="C3755" s="4" t="s">
        <v>19519</v>
      </c>
      <c r="E3755" s="4" t="s">
        <v>19520</v>
      </c>
      <c r="G3755" s="4" t="s">
        <v>19521</v>
      </c>
      <c r="K3755" s="4" t="s">
        <v>19522</v>
      </c>
    </row>
    <row r="3756" spans="1:11" x14ac:dyDescent="0.3">
      <c r="A3756" s="1">
        <v>28931</v>
      </c>
    </row>
    <row r="3757" spans="1:11" ht="86.4" x14ac:dyDescent="0.3">
      <c r="A3757" s="1">
        <v>28941</v>
      </c>
      <c r="C3757" s="4" t="s">
        <v>19523</v>
      </c>
      <c r="F3757" s="4" t="s">
        <v>19524</v>
      </c>
      <c r="G3757" s="4" t="s">
        <v>19525</v>
      </c>
      <c r="K3757" s="4" t="s">
        <v>19526</v>
      </c>
    </row>
    <row r="3758" spans="1:11" ht="72" x14ac:dyDescent="0.3">
      <c r="A3758" s="1">
        <v>28956</v>
      </c>
      <c r="C3758" s="4" t="s">
        <v>19527</v>
      </c>
      <c r="F3758" s="4" t="s">
        <v>19528</v>
      </c>
      <c r="G3758" s="4" t="s">
        <v>19529</v>
      </c>
      <c r="H3758" s="4" t="s">
        <v>19530</v>
      </c>
      <c r="I3758" s="4" t="s">
        <v>19531</v>
      </c>
      <c r="K3758" s="4" t="s">
        <v>19532</v>
      </c>
    </row>
    <row r="3759" spans="1:11" ht="86.4" x14ac:dyDescent="0.3">
      <c r="A3759" s="1">
        <v>28966</v>
      </c>
      <c r="C3759" s="4" t="s">
        <v>19533</v>
      </c>
      <c r="D3759" s="4" t="s">
        <v>19534</v>
      </c>
      <c r="E3759" s="4" t="s">
        <v>19535</v>
      </c>
      <c r="F3759" s="4" t="s">
        <v>19536</v>
      </c>
      <c r="G3759" s="4" t="s">
        <v>19537</v>
      </c>
      <c r="H3759" s="4" t="s">
        <v>19538</v>
      </c>
      <c r="I3759" s="4" t="s">
        <v>19539</v>
      </c>
      <c r="K3759" s="4" t="s">
        <v>19540</v>
      </c>
    </row>
    <row r="3760" spans="1:11" ht="86.4" x14ac:dyDescent="0.3">
      <c r="A3760" s="1">
        <v>28981</v>
      </c>
      <c r="B3760" s="1" t="s">
        <v>19541</v>
      </c>
      <c r="C3760" s="4" t="s">
        <v>19542</v>
      </c>
      <c r="D3760" s="4" t="s">
        <v>19543</v>
      </c>
      <c r="E3760" s="4" t="s">
        <v>19544</v>
      </c>
      <c r="F3760" s="4" t="s">
        <v>19545</v>
      </c>
      <c r="G3760" s="4" t="s">
        <v>19546</v>
      </c>
      <c r="H3760" s="4" t="s">
        <v>19547</v>
      </c>
      <c r="I3760" s="4" t="s">
        <v>19548</v>
      </c>
      <c r="K3760" s="4" t="s">
        <v>19549</v>
      </c>
    </row>
    <row r="3761" spans="1:11" ht="72" x14ac:dyDescent="0.3">
      <c r="A3761" s="1">
        <v>28996</v>
      </c>
      <c r="D3761" s="4" t="s">
        <v>19550</v>
      </c>
      <c r="F3761" s="4" t="s">
        <v>19551</v>
      </c>
      <c r="G3761" s="4" t="s">
        <v>19552</v>
      </c>
      <c r="I3761" s="4" t="s">
        <v>19553</v>
      </c>
    </row>
    <row r="3762" spans="1:11" ht="57.6" x14ac:dyDescent="0.3">
      <c r="A3762" s="1">
        <v>29001</v>
      </c>
      <c r="C3762" s="4" t="s">
        <v>19554</v>
      </c>
      <c r="D3762" s="4" t="s">
        <v>19555</v>
      </c>
      <c r="G3762" s="4" t="s">
        <v>19556</v>
      </c>
      <c r="K3762" s="4" t="s">
        <v>19557</v>
      </c>
    </row>
    <row r="3763" spans="1:11" ht="43.2" x14ac:dyDescent="0.3">
      <c r="A3763" s="1">
        <v>29006</v>
      </c>
      <c r="C3763" s="4" t="s">
        <v>19558</v>
      </c>
      <c r="D3763" s="4" t="s">
        <v>19559</v>
      </c>
      <c r="F3763" s="4" t="s">
        <v>19560</v>
      </c>
      <c r="G3763" s="4" t="s">
        <v>19561</v>
      </c>
      <c r="H3763" s="4" t="s">
        <v>19562</v>
      </c>
      <c r="I3763" s="4" t="s">
        <v>19563</v>
      </c>
      <c r="K3763" s="4" t="s">
        <v>19564</v>
      </c>
    </row>
    <row r="3764" spans="1:11" ht="100.8" x14ac:dyDescent="0.3">
      <c r="A3764" s="1">
        <v>29016</v>
      </c>
      <c r="C3764" s="4" t="s">
        <v>19565</v>
      </c>
      <c r="D3764" s="4" t="s">
        <v>19566</v>
      </c>
      <c r="E3764" s="4" t="s">
        <v>19567</v>
      </c>
      <c r="F3764" s="4" t="s">
        <v>19568</v>
      </c>
      <c r="G3764" s="4" t="s">
        <v>19569</v>
      </c>
      <c r="H3764" s="4" t="s">
        <v>19570</v>
      </c>
      <c r="I3764" s="4" t="s">
        <v>19571</v>
      </c>
      <c r="K3764" s="4" t="s">
        <v>19572</v>
      </c>
    </row>
    <row r="3765" spans="1:11" ht="72" x14ac:dyDescent="0.3">
      <c r="A3765" s="1">
        <v>29026</v>
      </c>
      <c r="C3765" s="4" t="s">
        <v>19573</v>
      </c>
      <c r="D3765" s="4" t="s">
        <v>19574</v>
      </c>
      <c r="E3765" s="4" t="s">
        <v>19575</v>
      </c>
      <c r="F3765" s="4" t="s">
        <v>19576</v>
      </c>
      <c r="G3765" s="4" t="s">
        <v>19577</v>
      </c>
      <c r="H3765" s="4" t="s">
        <v>19578</v>
      </c>
      <c r="I3765" s="4" t="s">
        <v>4873</v>
      </c>
      <c r="K3765" s="4" t="s">
        <v>19579</v>
      </c>
    </row>
    <row r="3766" spans="1:11" ht="86.4" x14ac:dyDescent="0.3">
      <c r="A3766" s="1">
        <v>29031</v>
      </c>
      <c r="C3766" s="4" t="s">
        <v>19580</v>
      </c>
      <c r="D3766" s="4" t="s">
        <v>19581</v>
      </c>
      <c r="G3766" s="4" t="s">
        <v>19582</v>
      </c>
      <c r="J3766" s="4" t="s">
        <v>19583</v>
      </c>
    </row>
    <row r="3767" spans="1:11" ht="86.4" x14ac:dyDescent="0.3">
      <c r="A3767" s="1">
        <v>29036</v>
      </c>
      <c r="C3767" s="4" t="s">
        <v>19584</v>
      </c>
      <c r="D3767" s="4" t="s">
        <v>19585</v>
      </c>
      <c r="E3767" s="4" t="s">
        <v>19586</v>
      </c>
      <c r="F3767" s="4" t="s">
        <v>19587</v>
      </c>
      <c r="G3767" s="4" t="s">
        <v>19588</v>
      </c>
      <c r="H3767" s="4" t="s">
        <v>19589</v>
      </c>
      <c r="I3767" s="4" t="s">
        <v>19590</v>
      </c>
      <c r="K3767" s="4" t="s">
        <v>19591</v>
      </c>
    </row>
    <row r="3768" spans="1:11" ht="72" x14ac:dyDescent="0.3">
      <c r="A3768" s="1">
        <v>29051</v>
      </c>
      <c r="C3768" s="4" t="s">
        <v>19592</v>
      </c>
      <c r="D3768" s="4" t="s">
        <v>19593</v>
      </c>
      <c r="E3768" s="4" t="s">
        <v>19594</v>
      </c>
    </row>
    <row r="3769" spans="1:11" ht="57.6" x14ac:dyDescent="0.3">
      <c r="A3769" s="1">
        <v>29056</v>
      </c>
      <c r="C3769" s="4" t="s">
        <v>19595</v>
      </c>
      <c r="E3769" s="4" t="s">
        <v>19596</v>
      </c>
      <c r="F3769" s="4" t="s">
        <v>19597</v>
      </c>
      <c r="G3769" s="4" t="s">
        <v>19598</v>
      </c>
    </row>
    <row r="3770" spans="1:11" ht="72" x14ac:dyDescent="0.3">
      <c r="A3770" s="1">
        <v>29061</v>
      </c>
      <c r="D3770" s="4" t="s">
        <v>19599</v>
      </c>
      <c r="E3770" s="4" t="s">
        <v>19600</v>
      </c>
      <c r="F3770" s="4" t="s">
        <v>19601</v>
      </c>
      <c r="H3770" s="4" t="s">
        <v>19602</v>
      </c>
    </row>
    <row r="3771" spans="1:11" ht="86.4" x14ac:dyDescent="0.3">
      <c r="A3771" s="1">
        <v>29076</v>
      </c>
      <c r="J3771" s="4" t="s">
        <v>19603</v>
      </c>
      <c r="K3771" s="4" t="s">
        <v>19604</v>
      </c>
    </row>
    <row r="3772" spans="1:11" ht="100.8" x14ac:dyDescent="0.3">
      <c r="A3772" s="1">
        <v>29091</v>
      </c>
      <c r="C3772" s="4" t="s">
        <v>19605</v>
      </c>
      <c r="K3772" s="4" t="s">
        <v>19606</v>
      </c>
    </row>
    <row r="3773" spans="1:11" x14ac:dyDescent="0.3">
      <c r="A3773" s="1">
        <v>29101</v>
      </c>
    </row>
    <row r="3774" spans="1:11" ht="86.4" x14ac:dyDescent="0.3">
      <c r="A3774" s="1">
        <v>29111</v>
      </c>
      <c r="C3774" s="4" t="s">
        <v>19607</v>
      </c>
      <c r="D3774" s="4" t="s">
        <v>19608</v>
      </c>
      <c r="E3774" s="4" t="s">
        <v>19609</v>
      </c>
      <c r="F3774" s="4" t="s">
        <v>19610</v>
      </c>
      <c r="G3774" s="4" t="s">
        <v>19611</v>
      </c>
      <c r="H3774" s="4" t="s">
        <v>19612</v>
      </c>
      <c r="I3774" s="4" t="s">
        <v>19613</v>
      </c>
      <c r="K3774" s="4" t="s">
        <v>19614</v>
      </c>
    </row>
    <row r="3775" spans="1:11" x14ac:dyDescent="0.3">
      <c r="A3775" s="1">
        <v>29116</v>
      </c>
      <c r="D3775" s="4" t="s">
        <v>19615</v>
      </c>
      <c r="K3775" s="4" t="s">
        <v>19616</v>
      </c>
    </row>
    <row r="3776" spans="1:11" ht="72" x14ac:dyDescent="0.3">
      <c r="A3776" s="1">
        <v>29121</v>
      </c>
      <c r="D3776" s="4" t="s">
        <v>19617</v>
      </c>
      <c r="E3776" s="4" t="s">
        <v>19618</v>
      </c>
      <c r="F3776" s="4" t="s">
        <v>19619</v>
      </c>
      <c r="I3776" s="4" t="s">
        <v>19620</v>
      </c>
    </row>
    <row r="3777" spans="1:11" ht="86.4" x14ac:dyDescent="0.3">
      <c r="A3777" s="1">
        <v>29126</v>
      </c>
      <c r="C3777" s="4" t="s">
        <v>19621</v>
      </c>
      <c r="D3777" s="4" t="s">
        <v>19622</v>
      </c>
      <c r="E3777" s="4" t="s">
        <v>19623</v>
      </c>
      <c r="F3777" s="4" t="s">
        <v>19624</v>
      </c>
      <c r="G3777" s="4" t="s">
        <v>19625</v>
      </c>
      <c r="H3777" s="4" t="s">
        <v>19626</v>
      </c>
      <c r="I3777" s="4" t="s">
        <v>19627</v>
      </c>
      <c r="J3777" s="4" t="s">
        <v>19628</v>
      </c>
      <c r="K3777" s="4" t="s">
        <v>1113</v>
      </c>
    </row>
    <row r="3778" spans="1:11" ht="43.2" x14ac:dyDescent="0.3">
      <c r="A3778" s="1">
        <v>29131</v>
      </c>
      <c r="C3778" s="4" t="s">
        <v>19629</v>
      </c>
      <c r="D3778" s="4" t="s">
        <v>19630</v>
      </c>
      <c r="E3778" s="4" t="s">
        <v>19631</v>
      </c>
      <c r="F3778" s="4" t="s">
        <v>19631</v>
      </c>
      <c r="G3778" s="4" t="s">
        <v>19632</v>
      </c>
      <c r="H3778" s="4" t="s">
        <v>19632</v>
      </c>
      <c r="K3778" s="4" t="s">
        <v>19633</v>
      </c>
    </row>
    <row r="3779" spans="1:11" ht="72" x14ac:dyDescent="0.3">
      <c r="A3779" s="1">
        <v>29136</v>
      </c>
      <c r="C3779" s="4" t="s">
        <v>19634</v>
      </c>
      <c r="D3779" s="4" t="s">
        <v>19635</v>
      </c>
      <c r="E3779" s="4" t="s">
        <v>19636</v>
      </c>
      <c r="F3779" s="4" t="s">
        <v>19637</v>
      </c>
      <c r="G3779" s="4" t="s">
        <v>19638</v>
      </c>
      <c r="H3779" s="4" t="s">
        <v>19638</v>
      </c>
      <c r="J3779" s="4" t="s">
        <v>19639</v>
      </c>
      <c r="K3779" s="4" t="s">
        <v>19640</v>
      </c>
    </row>
    <row r="3780" spans="1:11" ht="72" x14ac:dyDescent="0.3">
      <c r="A3780" s="1">
        <v>29141</v>
      </c>
      <c r="C3780" s="4" t="s">
        <v>19641</v>
      </c>
      <c r="D3780" s="4" t="s">
        <v>19642</v>
      </c>
      <c r="G3780" s="4" t="s">
        <v>19643</v>
      </c>
      <c r="H3780" s="4" t="s">
        <v>19644</v>
      </c>
      <c r="I3780" s="4" t="s">
        <v>19645</v>
      </c>
      <c r="K3780" s="4" t="s">
        <v>19646</v>
      </c>
    </row>
    <row r="3781" spans="1:11" x14ac:dyDescent="0.3">
      <c r="A3781" s="1">
        <v>29146</v>
      </c>
      <c r="J3781" s="4" t="s">
        <v>19647</v>
      </c>
    </row>
    <row r="3782" spans="1:11" x14ac:dyDescent="0.3">
      <c r="A3782" s="1">
        <v>29151</v>
      </c>
    </row>
    <row r="3783" spans="1:11" ht="86.4" x14ac:dyDescent="0.3">
      <c r="A3783" s="1">
        <v>29156</v>
      </c>
      <c r="C3783" s="4" t="s">
        <v>19648</v>
      </c>
      <c r="D3783" s="4" t="s">
        <v>19649</v>
      </c>
      <c r="E3783" s="4" t="s">
        <v>19650</v>
      </c>
      <c r="F3783" s="4" t="s">
        <v>19651</v>
      </c>
      <c r="G3783" s="4" t="s">
        <v>23164</v>
      </c>
      <c r="H3783" s="4" t="s">
        <v>19652</v>
      </c>
      <c r="I3783" s="4" t="s">
        <v>19653</v>
      </c>
      <c r="J3783" s="4" t="s">
        <v>19654</v>
      </c>
      <c r="K3783" s="4" t="s">
        <v>19655</v>
      </c>
    </row>
    <row r="3784" spans="1:11" ht="57.6" x14ac:dyDescent="0.3">
      <c r="A3784" s="1">
        <v>29161</v>
      </c>
      <c r="C3784" s="4" t="s">
        <v>19656</v>
      </c>
      <c r="D3784" s="4" t="s">
        <v>19657</v>
      </c>
      <c r="E3784" s="4" t="s">
        <v>19658</v>
      </c>
      <c r="F3784" s="4" t="s">
        <v>19659</v>
      </c>
      <c r="G3784" s="4" t="s">
        <v>19660</v>
      </c>
      <c r="H3784" s="4" t="s">
        <v>19661</v>
      </c>
      <c r="I3784" s="4" t="s">
        <v>19662</v>
      </c>
    </row>
    <row r="3785" spans="1:11" ht="86.4" x14ac:dyDescent="0.3">
      <c r="A3785" s="1">
        <v>29166</v>
      </c>
      <c r="C3785" s="4" t="s">
        <v>19663</v>
      </c>
      <c r="D3785" s="4" t="s">
        <v>19664</v>
      </c>
      <c r="E3785" s="4" t="s">
        <v>19665</v>
      </c>
      <c r="F3785" s="4" t="s">
        <v>19666</v>
      </c>
      <c r="G3785" s="4" t="s">
        <v>19667</v>
      </c>
      <c r="H3785" s="4" t="s">
        <v>19668</v>
      </c>
      <c r="I3785" s="4" t="s">
        <v>19669</v>
      </c>
      <c r="K3785" s="4" t="s">
        <v>19670</v>
      </c>
    </row>
    <row r="3786" spans="1:11" ht="86.4" x14ac:dyDescent="0.3">
      <c r="A3786" s="1">
        <v>29171</v>
      </c>
      <c r="C3786" s="4" t="s">
        <v>19671</v>
      </c>
      <c r="D3786" s="4" t="s">
        <v>19672</v>
      </c>
      <c r="E3786" s="4" t="s">
        <v>19673</v>
      </c>
      <c r="F3786" s="4" t="s">
        <v>19674</v>
      </c>
      <c r="G3786" s="4" t="s">
        <v>19675</v>
      </c>
      <c r="H3786" s="4" t="s">
        <v>19676</v>
      </c>
      <c r="I3786" s="4" t="s">
        <v>19677</v>
      </c>
      <c r="K3786" s="4" t="s">
        <v>19678</v>
      </c>
    </row>
    <row r="3787" spans="1:11" ht="43.2" x14ac:dyDescent="0.3">
      <c r="A3787" s="1">
        <v>29176</v>
      </c>
      <c r="C3787" s="4" t="s">
        <v>19679</v>
      </c>
    </row>
    <row r="3788" spans="1:11" x14ac:dyDescent="0.3">
      <c r="A3788" s="1">
        <v>29186</v>
      </c>
    </row>
    <row r="3789" spans="1:11" ht="86.4" x14ac:dyDescent="0.3">
      <c r="A3789" s="1">
        <v>29196</v>
      </c>
      <c r="C3789" s="4" t="s">
        <v>19680</v>
      </c>
      <c r="D3789" s="4" t="s">
        <v>19681</v>
      </c>
      <c r="E3789" s="4" t="s">
        <v>19682</v>
      </c>
      <c r="F3789" s="4" t="s">
        <v>19683</v>
      </c>
      <c r="G3789" s="4" t="s">
        <v>19684</v>
      </c>
      <c r="H3789" s="4" t="s">
        <v>19685</v>
      </c>
      <c r="I3789" s="4" t="s">
        <v>19686</v>
      </c>
      <c r="J3789" s="4" t="s">
        <v>19687</v>
      </c>
      <c r="K3789" s="4" t="s">
        <v>19688</v>
      </c>
    </row>
    <row r="3790" spans="1:11" ht="72" x14ac:dyDescent="0.3">
      <c r="A3790" s="1">
        <v>29201</v>
      </c>
      <c r="C3790" s="4" t="s">
        <v>19689</v>
      </c>
      <c r="E3790" s="4" t="s">
        <v>19690</v>
      </c>
      <c r="G3790" s="4" t="s">
        <v>19691</v>
      </c>
      <c r="H3790" s="4" t="s">
        <v>19692</v>
      </c>
    </row>
    <row r="3791" spans="1:11" ht="86.4" x14ac:dyDescent="0.3">
      <c r="A3791" s="1">
        <v>29206</v>
      </c>
      <c r="C3791" s="4" t="s">
        <v>19693</v>
      </c>
      <c r="D3791" s="4" t="s">
        <v>19694</v>
      </c>
      <c r="E3791" s="4" t="s">
        <v>19695</v>
      </c>
      <c r="F3791" s="4" t="s">
        <v>19696</v>
      </c>
      <c r="G3791" s="4" t="s">
        <v>19697</v>
      </c>
      <c r="H3791" s="4" t="s">
        <v>19698</v>
      </c>
      <c r="I3791" s="4" t="s">
        <v>19699</v>
      </c>
      <c r="J3791" s="4" t="s">
        <v>19700</v>
      </c>
      <c r="K3791" s="4" t="s">
        <v>19701</v>
      </c>
    </row>
    <row r="3792" spans="1:11" ht="86.4" x14ac:dyDescent="0.3">
      <c r="A3792" s="1">
        <v>29211</v>
      </c>
      <c r="C3792" s="4" t="s">
        <v>19702</v>
      </c>
      <c r="D3792" s="4" t="s">
        <v>19703</v>
      </c>
      <c r="E3792" s="4" t="s">
        <v>19704</v>
      </c>
      <c r="F3792" s="4" t="s">
        <v>19705</v>
      </c>
      <c r="G3792" s="4" t="s">
        <v>19706</v>
      </c>
      <c r="H3792" s="4" t="s">
        <v>19707</v>
      </c>
      <c r="I3792" s="4" t="s">
        <v>19708</v>
      </c>
      <c r="J3792" s="4" t="s">
        <v>19709</v>
      </c>
      <c r="K3792" s="4" t="s">
        <v>19710</v>
      </c>
    </row>
    <row r="3793" spans="1:11" x14ac:dyDescent="0.3">
      <c r="A3793" s="1">
        <v>29216</v>
      </c>
    </row>
    <row r="3794" spans="1:11" ht="72" x14ac:dyDescent="0.3">
      <c r="A3794" s="1">
        <v>29221</v>
      </c>
      <c r="C3794" s="4" t="s">
        <v>19711</v>
      </c>
      <c r="D3794" s="4" t="s">
        <v>19712</v>
      </c>
      <c r="E3794" s="4" t="s">
        <v>19713</v>
      </c>
      <c r="F3794" s="4" t="s">
        <v>19714</v>
      </c>
      <c r="G3794" s="4" t="s">
        <v>19715</v>
      </c>
      <c r="H3794" s="4" t="s">
        <v>19716</v>
      </c>
      <c r="I3794" s="4" t="s">
        <v>19717</v>
      </c>
      <c r="K3794" s="4" t="s">
        <v>19718</v>
      </c>
    </row>
    <row r="3795" spans="1:11" ht="43.2" x14ac:dyDescent="0.3">
      <c r="A3795" s="1">
        <v>29226</v>
      </c>
      <c r="C3795" s="4" t="s">
        <v>19719</v>
      </c>
      <c r="G3795" s="4" t="s">
        <v>19720</v>
      </c>
      <c r="H3795" s="4" t="s">
        <v>19720</v>
      </c>
      <c r="I3795" s="4" t="s">
        <v>19721</v>
      </c>
    </row>
    <row r="3796" spans="1:11" ht="43.2" x14ac:dyDescent="0.3">
      <c r="A3796" s="1">
        <v>29231</v>
      </c>
      <c r="D3796" s="4" t="s">
        <v>19722</v>
      </c>
      <c r="E3796" s="4" t="s">
        <v>19723</v>
      </c>
      <c r="F3796" s="4" t="s">
        <v>19724</v>
      </c>
      <c r="G3796" s="4" t="s">
        <v>19725</v>
      </c>
      <c r="H3796" s="4" t="s">
        <v>19726</v>
      </c>
      <c r="I3796" s="4" t="s">
        <v>19727</v>
      </c>
      <c r="K3796" s="4" t="s">
        <v>19728</v>
      </c>
    </row>
    <row r="3797" spans="1:11" ht="86.4" x14ac:dyDescent="0.3">
      <c r="A3797" s="1">
        <v>29236</v>
      </c>
      <c r="D3797" s="4" t="s">
        <v>19729</v>
      </c>
      <c r="E3797" s="4" t="s">
        <v>19730</v>
      </c>
      <c r="H3797" s="4" t="s">
        <v>19731</v>
      </c>
    </row>
    <row r="3798" spans="1:11" ht="100.8" x14ac:dyDescent="0.3">
      <c r="A3798" s="1">
        <v>29241</v>
      </c>
      <c r="C3798" s="4" t="s">
        <v>19732</v>
      </c>
      <c r="D3798" s="4" t="s">
        <v>19733</v>
      </c>
      <c r="E3798" s="4" t="s">
        <v>19734</v>
      </c>
      <c r="F3798" s="4" t="s">
        <v>19735</v>
      </c>
      <c r="G3798" s="4" t="s">
        <v>19736</v>
      </c>
      <c r="H3798" s="4" t="s">
        <v>19737</v>
      </c>
      <c r="I3798" s="4" t="s">
        <v>19738</v>
      </c>
      <c r="J3798" s="4" t="s">
        <v>19739</v>
      </c>
      <c r="K3798" s="4" t="s">
        <v>19740</v>
      </c>
    </row>
    <row r="3799" spans="1:11" ht="86.4" x14ac:dyDescent="0.3">
      <c r="A3799" s="1">
        <v>29246</v>
      </c>
      <c r="C3799" s="4" t="s">
        <v>19741</v>
      </c>
      <c r="D3799" s="4" t="s">
        <v>19742</v>
      </c>
      <c r="E3799" s="4" t="s">
        <v>19743</v>
      </c>
      <c r="F3799" s="4" t="s">
        <v>19744</v>
      </c>
      <c r="G3799" s="4" t="s">
        <v>19745</v>
      </c>
      <c r="H3799" s="4" t="s">
        <v>19746</v>
      </c>
      <c r="I3799" s="4" t="s">
        <v>19747</v>
      </c>
      <c r="J3799" s="4" t="s">
        <v>19748</v>
      </c>
      <c r="K3799" s="4" t="s">
        <v>19749</v>
      </c>
    </row>
    <row r="3800" spans="1:11" ht="86.4" x14ac:dyDescent="0.3">
      <c r="A3800" s="1">
        <v>29251</v>
      </c>
      <c r="C3800" s="4" t="s">
        <v>19750</v>
      </c>
      <c r="G3800" s="4" t="s">
        <v>19751</v>
      </c>
      <c r="H3800" s="4" t="s">
        <v>19752</v>
      </c>
      <c r="K3800" s="4" t="s">
        <v>19753</v>
      </c>
    </row>
    <row r="3801" spans="1:11" ht="72" x14ac:dyDescent="0.3">
      <c r="A3801" s="1">
        <v>29256</v>
      </c>
      <c r="C3801" s="4" t="s">
        <v>19754</v>
      </c>
      <c r="D3801" s="4" t="s">
        <v>19755</v>
      </c>
      <c r="E3801" s="4" t="s">
        <v>19756</v>
      </c>
      <c r="F3801" s="4" t="s">
        <v>19757</v>
      </c>
      <c r="G3801" s="4" t="s">
        <v>19758</v>
      </c>
      <c r="H3801" s="4" t="s">
        <v>19759</v>
      </c>
      <c r="J3801" s="4" t="s">
        <v>19760</v>
      </c>
      <c r="K3801" s="4" t="s">
        <v>19761</v>
      </c>
    </row>
    <row r="3802" spans="1:11" ht="72" x14ac:dyDescent="0.3">
      <c r="A3802" s="1">
        <v>29271</v>
      </c>
      <c r="C3802" s="4" t="s">
        <v>19762</v>
      </c>
      <c r="D3802" s="4" t="s">
        <v>19763</v>
      </c>
      <c r="E3802" s="4" t="s">
        <v>19764</v>
      </c>
      <c r="G3802" s="4" t="s">
        <v>19765</v>
      </c>
      <c r="H3802" s="4" t="s">
        <v>19766</v>
      </c>
      <c r="I3802" s="4" t="s">
        <v>19767</v>
      </c>
    </row>
    <row r="3803" spans="1:11" ht="86.4" x14ac:dyDescent="0.3">
      <c r="A3803" s="1">
        <v>29276</v>
      </c>
      <c r="B3803" s="1" t="s">
        <v>19768</v>
      </c>
      <c r="C3803" s="4" t="s">
        <v>19769</v>
      </c>
      <c r="D3803" s="4" t="s">
        <v>19770</v>
      </c>
      <c r="E3803" s="4" t="s">
        <v>19771</v>
      </c>
      <c r="F3803" s="4" t="s">
        <v>19772</v>
      </c>
      <c r="G3803" s="4" t="s">
        <v>19773</v>
      </c>
      <c r="H3803" s="4" t="s">
        <v>4873</v>
      </c>
      <c r="I3803" s="4" t="s">
        <v>19774</v>
      </c>
      <c r="K3803" s="4" t="s">
        <v>19775</v>
      </c>
    </row>
    <row r="3804" spans="1:11" ht="86.4" x14ac:dyDescent="0.3">
      <c r="A3804" s="1">
        <v>29286</v>
      </c>
      <c r="C3804" s="4" t="s">
        <v>19776</v>
      </c>
      <c r="D3804" s="4" t="s">
        <v>19777</v>
      </c>
      <c r="E3804" s="4" t="s">
        <v>19778</v>
      </c>
      <c r="F3804" s="4" t="s">
        <v>19779</v>
      </c>
      <c r="G3804" s="4" t="s">
        <v>19780</v>
      </c>
      <c r="H3804" s="4" t="s">
        <v>19781</v>
      </c>
      <c r="I3804" s="4" t="s">
        <v>19782</v>
      </c>
      <c r="J3804" s="4" t="s">
        <v>19783</v>
      </c>
      <c r="K3804" s="4" t="s">
        <v>23165</v>
      </c>
    </row>
    <row r="3805" spans="1:11" ht="86.4" x14ac:dyDescent="0.3">
      <c r="A3805" s="1">
        <v>29291</v>
      </c>
      <c r="C3805" s="4" t="s">
        <v>19784</v>
      </c>
      <c r="D3805" s="4" t="s">
        <v>19785</v>
      </c>
      <c r="E3805" s="4" t="s">
        <v>19786</v>
      </c>
      <c r="G3805" s="4" t="s">
        <v>19787</v>
      </c>
      <c r="H3805" s="4" t="s">
        <v>19788</v>
      </c>
      <c r="I3805" s="4" t="s">
        <v>19789</v>
      </c>
      <c r="K3805" s="4" t="s">
        <v>19790</v>
      </c>
    </row>
    <row r="3806" spans="1:11" ht="28.8" x14ac:dyDescent="0.3">
      <c r="A3806" s="1">
        <v>29306</v>
      </c>
      <c r="C3806" s="4" t="s">
        <v>19791</v>
      </c>
      <c r="F3806" s="4" t="s">
        <v>19792</v>
      </c>
      <c r="G3806" s="4" t="s">
        <v>19793</v>
      </c>
    </row>
    <row r="3807" spans="1:11" ht="72" x14ac:dyDescent="0.3">
      <c r="A3807" s="1">
        <v>29311</v>
      </c>
      <c r="C3807" s="4" t="s">
        <v>19794</v>
      </c>
      <c r="D3807" s="4" t="s">
        <v>19795</v>
      </c>
      <c r="G3807" s="4" t="s">
        <v>19796</v>
      </c>
      <c r="H3807" s="4" t="s">
        <v>19797</v>
      </c>
      <c r="K3807" s="4" t="s">
        <v>19798</v>
      </c>
    </row>
    <row r="3808" spans="1:11" ht="43.2" x14ac:dyDescent="0.3">
      <c r="A3808" s="1">
        <v>29326</v>
      </c>
      <c r="C3808" s="4" t="s">
        <v>19799</v>
      </c>
      <c r="D3808" s="4" t="s">
        <v>19800</v>
      </c>
      <c r="E3808" s="4" t="s">
        <v>19801</v>
      </c>
      <c r="G3808" s="4" t="s">
        <v>19802</v>
      </c>
      <c r="K3808" s="4" t="s">
        <v>19803</v>
      </c>
    </row>
    <row r="3809" spans="1:11" ht="43.2" x14ac:dyDescent="0.3">
      <c r="A3809" s="1">
        <v>29331</v>
      </c>
      <c r="D3809" s="4" t="s">
        <v>19804</v>
      </c>
      <c r="K3809" s="4" t="s">
        <v>19805</v>
      </c>
    </row>
    <row r="3810" spans="1:11" ht="57.6" x14ac:dyDescent="0.3">
      <c r="A3810" s="1">
        <v>29351</v>
      </c>
      <c r="C3810" s="4" t="s">
        <v>19806</v>
      </c>
      <c r="E3810" s="4" t="s">
        <v>19807</v>
      </c>
      <c r="G3810" s="4" t="s">
        <v>19808</v>
      </c>
      <c r="H3810" s="4" t="s">
        <v>19809</v>
      </c>
      <c r="K3810" s="4" t="s">
        <v>19810</v>
      </c>
    </row>
    <row r="3811" spans="1:11" ht="86.4" x14ac:dyDescent="0.3">
      <c r="A3811" s="1">
        <v>29356</v>
      </c>
      <c r="C3811" s="4" t="s">
        <v>19811</v>
      </c>
      <c r="D3811" s="4" t="s">
        <v>19812</v>
      </c>
      <c r="E3811" s="4" t="s">
        <v>19813</v>
      </c>
      <c r="F3811" s="4" t="s">
        <v>19814</v>
      </c>
      <c r="G3811" s="4" t="s">
        <v>19815</v>
      </c>
      <c r="H3811" s="4" t="s">
        <v>19816</v>
      </c>
      <c r="I3811" s="4" t="s">
        <v>19817</v>
      </c>
      <c r="J3811" s="4" t="s">
        <v>19818</v>
      </c>
      <c r="K3811" s="4" t="s">
        <v>19819</v>
      </c>
    </row>
    <row r="3812" spans="1:11" ht="72" x14ac:dyDescent="0.3">
      <c r="A3812" s="1">
        <v>29361</v>
      </c>
      <c r="C3812" s="4" t="s">
        <v>19820</v>
      </c>
      <c r="D3812" s="4" t="s">
        <v>19821</v>
      </c>
      <c r="E3812" s="4" t="s">
        <v>19822</v>
      </c>
      <c r="F3812" s="4" t="s">
        <v>19823</v>
      </c>
      <c r="G3812" s="4" t="s">
        <v>19824</v>
      </c>
      <c r="H3812" s="4" t="s">
        <v>19825</v>
      </c>
      <c r="I3812" s="4" t="s">
        <v>19826</v>
      </c>
      <c r="K3812" s="4" t="s">
        <v>19827</v>
      </c>
    </row>
    <row r="3813" spans="1:11" ht="86.4" x14ac:dyDescent="0.3">
      <c r="A3813" s="1">
        <v>29381</v>
      </c>
      <c r="C3813" s="4" t="s">
        <v>19828</v>
      </c>
      <c r="D3813" s="4" t="s">
        <v>19829</v>
      </c>
      <c r="E3813" s="4" t="s">
        <v>19830</v>
      </c>
      <c r="G3813" s="4" t="s">
        <v>19831</v>
      </c>
      <c r="I3813" s="4" t="s">
        <v>19832</v>
      </c>
      <c r="K3813" s="4" t="s">
        <v>19833</v>
      </c>
    </row>
    <row r="3814" spans="1:11" ht="57.6" x14ac:dyDescent="0.3">
      <c r="A3814" s="1">
        <v>29391</v>
      </c>
      <c r="D3814" s="4" t="s">
        <v>19834</v>
      </c>
      <c r="J3814" s="4" t="s">
        <v>19835</v>
      </c>
    </row>
    <row r="3815" spans="1:11" ht="86.4" x14ac:dyDescent="0.3">
      <c r="A3815" s="1">
        <v>29396</v>
      </c>
      <c r="C3815" s="4" t="s">
        <v>19836</v>
      </c>
      <c r="D3815" s="4" t="s">
        <v>19837</v>
      </c>
      <c r="E3815" s="4" t="s">
        <v>19838</v>
      </c>
      <c r="F3815" s="4" t="s">
        <v>19839</v>
      </c>
      <c r="G3815" s="4" t="s">
        <v>19840</v>
      </c>
      <c r="H3815" s="4" t="s">
        <v>19841</v>
      </c>
      <c r="I3815" s="4" t="s">
        <v>19842</v>
      </c>
      <c r="K3815" s="4" t="s">
        <v>19843</v>
      </c>
    </row>
    <row r="3816" spans="1:11" ht="28.8" x14ac:dyDescent="0.3">
      <c r="A3816" s="1">
        <v>29401</v>
      </c>
      <c r="C3816" s="4" t="s">
        <v>19844</v>
      </c>
      <c r="D3816" s="4" t="s">
        <v>19845</v>
      </c>
      <c r="E3816" s="4" t="s">
        <v>19846</v>
      </c>
      <c r="F3816" s="4" t="s">
        <v>19847</v>
      </c>
      <c r="G3816" s="4" t="s">
        <v>19847</v>
      </c>
      <c r="H3816" s="4" t="s">
        <v>19847</v>
      </c>
      <c r="I3816" s="4" t="s">
        <v>19847</v>
      </c>
      <c r="K3816" s="4" t="s">
        <v>19847</v>
      </c>
    </row>
    <row r="3817" spans="1:11" ht="57.6" x14ac:dyDescent="0.3">
      <c r="A3817" s="1">
        <v>29421</v>
      </c>
      <c r="C3817" s="4" t="s">
        <v>19848</v>
      </c>
      <c r="D3817" s="4" t="s">
        <v>19849</v>
      </c>
      <c r="G3817" s="4" t="s">
        <v>19850</v>
      </c>
      <c r="I3817" s="4" t="s">
        <v>19851</v>
      </c>
    </row>
    <row r="3818" spans="1:11" ht="72" x14ac:dyDescent="0.3">
      <c r="A3818" s="1">
        <v>29426</v>
      </c>
      <c r="C3818" s="4" t="s">
        <v>19852</v>
      </c>
      <c r="D3818" s="4" t="s">
        <v>19853</v>
      </c>
      <c r="E3818" s="4" t="s">
        <v>19854</v>
      </c>
      <c r="F3818" s="4" t="s">
        <v>19855</v>
      </c>
      <c r="G3818" s="4" t="s">
        <v>19856</v>
      </c>
    </row>
    <row r="3819" spans="1:11" ht="28.8" x14ac:dyDescent="0.3">
      <c r="A3819" s="1">
        <v>29436</v>
      </c>
      <c r="C3819" s="4" t="s">
        <v>19857</v>
      </c>
      <c r="D3819" s="4" t="s">
        <v>19858</v>
      </c>
      <c r="G3819" s="4" t="s">
        <v>19859</v>
      </c>
      <c r="H3819" s="4" t="s">
        <v>19860</v>
      </c>
      <c r="I3819" s="4" t="s">
        <v>19861</v>
      </c>
    </row>
    <row r="3820" spans="1:11" ht="28.8" x14ac:dyDescent="0.3">
      <c r="A3820" s="1">
        <v>29441</v>
      </c>
      <c r="C3820" s="4" t="s">
        <v>19862</v>
      </c>
      <c r="D3820" s="4" t="s">
        <v>19863</v>
      </c>
      <c r="E3820" s="4" t="s">
        <v>19864</v>
      </c>
      <c r="F3820" s="4" t="s">
        <v>19865</v>
      </c>
      <c r="G3820" s="4" t="s">
        <v>19866</v>
      </c>
      <c r="H3820" s="4" t="s">
        <v>19867</v>
      </c>
      <c r="I3820" s="4" t="s">
        <v>19868</v>
      </c>
      <c r="K3820" s="4" t="s">
        <v>19869</v>
      </c>
    </row>
    <row r="3821" spans="1:11" ht="28.8" x14ac:dyDescent="0.3">
      <c r="A3821" s="1">
        <v>29446</v>
      </c>
      <c r="F3821" s="4" t="s">
        <v>19870</v>
      </c>
    </row>
    <row r="3822" spans="1:11" x14ac:dyDescent="0.3">
      <c r="A3822" s="1">
        <v>29461</v>
      </c>
      <c r="C3822" s="4" t="s">
        <v>19871</v>
      </c>
      <c r="D3822" s="4" t="s">
        <v>19872</v>
      </c>
      <c r="E3822" s="4" t="s">
        <v>19873</v>
      </c>
    </row>
    <row r="3823" spans="1:11" ht="43.2" x14ac:dyDescent="0.3">
      <c r="A3823" s="1">
        <v>29471</v>
      </c>
      <c r="E3823" s="4" t="s">
        <v>19874</v>
      </c>
    </row>
    <row r="3824" spans="1:11" ht="72" x14ac:dyDescent="0.3">
      <c r="A3824" s="1">
        <v>29481</v>
      </c>
      <c r="C3824" s="4" t="s">
        <v>19875</v>
      </c>
      <c r="D3824" s="4" t="s">
        <v>19876</v>
      </c>
      <c r="E3824" s="4" t="s">
        <v>19877</v>
      </c>
      <c r="F3824" s="4" t="s">
        <v>19878</v>
      </c>
      <c r="G3824" s="4" t="s">
        <v>19879</v>
      </c>
      <c r="H3824" s="4" t="s">
        <v>19880</v>
      </c>
      <c r="K3824" s="4" t="s">
        <v>19881</v>
      </c>
    </row>
    <row r="3825" spans="1:11" x14ac:dyDescent="0.3">
      <c r="A3825" s="1">
        <v>29491</v>
      </c>
    </row>
    <row r="3826" spans="1:11" ht="72" x14ac:dyDescent="0.3">
      <c r="A3826" s="1">
        <v>29496</v>
      </c>
      <c r="C3826" s="4" t="s">
        <v>19882</v>
      </c>
      <c r="D3826" s="4" t="s">
        <v>19883</v>
      </c>
      <c r="E3826" s="4" t="s">
        <v>19884</v>
      </c>
      <c r="F3826" s="4" t="s">
        <v>10760</v>
      </c>
      <c r="G3826" s="4" t="s">
        <v>19885</v>
      </c>
      <c r="H3826" s="4" t="s">
        <v>19886</v>
      </c>
      <c r="I3826" s="4" t="s">
        <v>19887</v>
      </c>
      <c r="J3826" s="4" t="s">
        <v>19888</v>
      </c>
      <c r="K3826" s="4" t="s">
        <v>19889</v>
      </c>
    </row>
    <row r="3827" spans="1:11" ht="86.4" x14ac:dyDescent="0.3">
      <c r="A3827" s="1">
        <v>29501</v>
      </c>
      <c r="C3827" s="4" t="s">
        <v>19890</v>
      </c>
      <c r="D3827" s="4" t="s">
        <v>19891</v>
      </c>
      <c r="E3827" s="4" t="s">
        <v>19892</v>
      </c>
      <c r="G3827" s="4" t="s">
        <v>19893</v>
      </c>
      <c r="I3827" s="4" t="s">
        <v>19894</v>
      </c>
    </row>
    <row r="3828" spans="1:11" ht="43.2" x14ac:dyDescent="0.3">
      <c r="A3828" s="1">
        <v>29511</v>
      </c>
      <c r="D3828" s="4" t="s">
        <v>19895</v>
      </c>
      <c r="E3828" s="4" t="s">
        <v>19896</v>
      </c>
      <c r="F3828" s="4" t="s">
        <v>19897</v>
      </c>
      <c r="G3828" s="4" t="s">
        <v>19898</v>
      </c>
      <c r="H3828" s="4" t="s">
        <v>19899</v>
      </c>
      <c r="I3828" s="4" t="s">
        <v>19900</v>
      </c>
      <c r="K3828" s="4" t="s">
        <v>19901</v>
      </c>
    </row>
    <row r="3829" spans="1:11" ht="28.8" x14ac:dyDescent="0.3">
      <c r="A3829" s="1">
        <v>29521</v>
      </c>
      <c r="C3829" s="4" t="s">
        <v>19902</v>
      </c>
      <c r="D3829" s="4" t="s">
        <v>1808</v>
      </c>
      <c r="E3829" s="4" t="s">
        <v>19903</v>
      </c>
      <c r="F3829" s="4" t="s">
        <v>19904</v>
      </c>
    </row>
    <row r="3830" spans="1:11" ht="57.6" x14ac:dyDescent="0.3">
      <c r="A3830" s="1">
        <v>29546</v>
      </c>
      <c r="C3830" s="4" t="s">
        <v>19905</v>
      </c>
      <c r="E3830" s="4" t="s">
        <v>19906</v>
      </c>
      <c r="F3830" s="4" t="s">
        <v>19907</v>
      </c>
      <c r="I3830" s="4" t="s">
        <v>19908</v>
      </c>
      <c r="J3830" s="4" t="s">
        <v>340</v>
      </c>
      <c r="K3830" s="4" t="s">
        <v>19909</v>
      </c>
    </row>
    <row r="3831" spans="1:11" ht="86.4" x14ac:dyDescent="0.3">
      <c r="A3831" s="1">
        <v>29556</v>
      </c>
      <c r="C3831" s="4" t="s">
        <v>19910</v>
      </c>
      <c r="D3831" s="4" t="s">
        <v>19911</v>
      </c>
      <c r="E3831" s="4" t="s">
        <v>19912</v>
      </c>
      <c r="F3831" s="4" t="s">
        <v>19913</v>
      </c>
      <c r="G3831" s="4" t="s">
        <v>19914</v>
      </c>
      <c r="H3831" s="4" t="s">
        <v>19915</v>
      </c>
      <c r="K3831" s="4" t="s">
        <v>19916</v>
      </c>
    </row>
    <row r="3832" spans="1:11" x14ac:dyDescent="0.3">
      <c r="A3832" s="1">
        <v>29561</v>
      </c>
    </row>
    <row r="3833" spans="1:11" ht="43.2" x14ac:dyDescent="0.3">
      <c r="A3833" s="1">
        <v>29571</v>
      </c>
      <c r="C3833" s="4" t="s">
        <v>19917</v>
      </c>
      <c r="D3833" s="4" t="s">
        <v>19918</v>
      </c>
      <c r="E3833" s="4" t="s">
        <v>19919</v>
      </c>
      <c r="G3833" s="4" t="s">
        <v>19920</v>
      </c>
      <c r="H3833" s="4" t="s">
        <v>19921</v>
      </c>
      <c r="I3833" s="4" t="s">
        <v>19922</v>
      </c>
      <c r="K3833" s="4" t="s">
        <v>19923</v>
      </c>
    </row>
    <row r="3834" spans="1:11" ht="100.8" x14ac:dyDescent="0.3">
      <c r="A3834" s="1">
        <v>29576</v>
      </c>
      <c r="C3834" s="4" t="s">
        <v>19924</v>
      </c>
      <c r="D3834" s="4" t="s">
        <v>19925</v>
      </c>
      <c r="E3834" s="4" t="s">
        <v>19926</v>
      </c>
      <c r="F3834" s="4" t="s">
        <v>19927</v>
      </c>
      <c r="G3834" s="4" t="s">
        <v>19928</v>
      </c>
      <c r="H3834" s="4" t="s">
        <v>19929</v>
      </c>
      <c r="I3834" s="4" t="s">
        <v>19930</v>
      </c>
      <c r="K3834" s="4" t="s">
        <v>19931</v>
      </c>
    </row>
    <row r="3835" spans="1:11" ht="86.4" x14ac:dyDescent="0.3">
      <c r="A3835" s="1">
        <v>29581</v>
      </c>
      <c r="C3835" s="4" t="s">
        <v>19932</v>
      </c>
      <c r="E3835" s="4" t="s">
        <v>19933</v>
      </c>
      <c r="F3835" s="4" t="s">
        <v>19934</v>
      </c>
      <c r="G3835" s="4" t="s">
        <v>19935</v>
      </c>
      <c r="H3835" s="4" t="s">
        <v>19936</v>
      </c>
      <c r="K3835" s="4" t="s">
        <v>19937</v>
      </c>
    </row>
    <row r="3836" spans="1:11" ht="28.8" x14ac:dyDescent="0.3">
      <c r="A3836" s="1">
        <v>29586</v>
      </c>
      <c r="C3836" s="4" t="s">
        <v>19938</v>
      </c>
      <c r="D3836" s="4" t="s">
        <v>19939</v>
      </c>
      <c r="E3836" s="4" t="s">
        <v>19940</v>
      </c>
      <c r="F3836" s="4" t="s">
        <v>19940</v>
      </c>
      <c r="G3836" s="4" t="s">
        <v>19938</v>
      </c>
      <c r="H3836" s="4" t="s">
        <v>19938</v>
      </c>
      <c r="I3836" s="4" t="s">
        <v>19941</v>
      </c>
    </row>
    <row r="3837" spans="1:11" ht="43.2" x14ac:dyDescent="0.3">
      <c r="A3837" s="1">
        <v>29596</v>
      </c>
      <c r="C3837" s="4" t="s">
        <v>19942</v>
      </c>
      <c r="E3837" s="4" t="s">
        <v>19943</v>
      </c>
      <c r="F3837" s="4" t="s">
        <v>19944</v>
      </c>
      <c r="G3837" s="4" t="s">
        <v>19945</v>
      </c>
      <c r="H3837" s="4" t="s">
        <v>19946</v>
      </c>
      <c r="K3837" s="4" t="s">
        <v>19947</v>
      </c>
    </row>
    <row r="3838" spans="1:11" ht="86.4" x14ac:dyDescent="0.3">
      <c r="A3838" s="1">
        <v>29616</v>
      </c>
      <c r="C3838" s="4" t="s">
        <v>19948</v>
      </c>
      <c r="D3838" s="4" t="s">
        <v>19949</v>
      </c>
      <c r="E3838" s="4" t="s">
        <v>19950</v>
      </c>
      <c r="F3838" s="4" t="s">
        <v>19951</v>
      </c>
      <c r="G3838" s="4" t="s">
        <v>19952</v>
      </c>
      <c r="K3838" s="4" t="s">
        <v>19953</v>
      </c>
    </row>
    <row r="3839" spans="1:11" ht="86.4" x14ac:dyDescent="0.3">
      <c r="A3839" s="1">
        <v>29621</v>
      </c>
      <c r="C3839" s="4" t="s">
        <v>19954</v>
      </c>
      <c r="D3839" s="4" t="s">
        <v>12574</v>
      </c>
      <c r="E3839" s="4" t="s">
        <v>19955</v>
      </c>
      <c r="F3839" s="4" t="s">
        <v>19956</v>
      </c>
      <c r="G3839" s="4" t="s">
        <v>19957</v>
      </c>
      <c r="H3839" s="4" t="s">
        <v>19958</v>
      </c>
    </row>
    <row r="3840" spans="1:11" ht="86.4" x14ac:dyDescent="0.3">
      <c r="A3840" s="1">
        <v>29626</v>
      </c>
      <c r="I3840" s="4" t="s">
        <v>19959</v>
      </c>
      <c r="K3840" s="4" t="s">
        <v>19960</v>
      </c>
    </row>
    <row r="3841" spans="1:11" ht="28.8" x14ac:dyDescent="0.3">
      <c r="A3841" s="1">
        <v>29631</v>
      </c>
      <c r="C3841" s="4" t="s">
        <v>19961</v>
      </c>
      <c r="D3841" s="4" t="s">
        <v>19962</v>
      </c>
      <c r="E3841" s="4" t="s">
        <v>19963</v>
      </c>
      <c r="F3841" s="4" t="s">
        <v>19964</v>
      </c>
      <c r="G3841" s="4" t="s">
        <v>19965</v>
      </c>
      <c r="H3841" s="4" t="s">
        <v>19966</v>
      </c>
      <c r="I3841" s="4" t="s">
        <v>19967</v>
      </c>
    </row>
    <row r="3842" spans="1:11" ht="28.8" x14ac:dyDescent="0.3">
      <c r="A3842" s="1">
        <v>29646</v>
      </c>
      <c r="C3842" s="4" t="s">
        <v>19968</v>
      </c>
      <c r="D3842" s="4" t="s">
        <v>19969</v>
      </c>
      <c r="E3842" s="4" t="s">
        <v>19970</v>
      </c>
      <c r="F3842" s="4" t="s">
        <v>19971</v>
      </c>
      <c r="G3842" s="4" t="s">
        <v>19972</v>
      </c>
      <c r="H3842" s="4" t="s">
        <v>19973</v>
      </c>
      <c r="K3842" s="4" t="s">
        <v>19974</v>
      </c>
    </row>
    <row r="3843" spans="1:11" ht="72" x14ac:dyDescent="0.3">
      <c r="A3843" s="1">
        <v>29661</v>
      </c>
      <c r="C3843" s="4" t="s">
        <v>19975</v>
      </c>
      <c r="D3843" s="4" t="s">
        <v>19976</v>
      </c>
      <c r="E3843" s="4" t="s">
        <v>19977</v>
      </c>
      <c r="F3843" s="4" t="s">
        <v>19978</v>
      </c>
      <c r="G3843" s="4" t="s">
        <v>19979</v>
      </c>
      <c r="H3843" s="4" t="s">
        <v>19980</v>
      </c>
      <c r="I3843" s="4" t="s">
        <v>19981</v>
      </c>
      <c r="K3843" s="4" t="s">
        <v>19982</v>
      </c>
    </row>
    <row r="3844" spans="1:11" ht="72" x14ac:dyDescent="0.3">
      <c r="A3844" s="1">
        <v>29666</v>
      </c>
      <c r="B3844" s="1" t="s">
        <v>1143</v>
      </c>
      <c r="C3844" s="4" t="s">
        <v>19983</v>
      </c>
      <c r="E3844" s="4" t="s">
        <v>19984</v>
      </c>
      <c r="F3844" s="4" t="s">
        <v>19985</v>
      </c>
      <c r="G3844" s="4" t="s">
        <v>19986</v>
      </c>
      <c r="I3844" s="4" t="s">
        <v>19987</v>
      </c>
      <c r="K3844" s="4" t="s">
        <v>19988</v>
      </c>
    </row>
    <row r="3845" spans="1:11" x14ac:dyDescent="0.3">
      <c r="A3845" s="1">
        <v>29671</v>
      </c>
    </row>
    <row r="3846" spans="1:11" ht="72" x14ac:dyDescent="0.3">
      <c r="A3846" s="1">
        <v>29676</v>
      </c>
      <c r="C3846" s="4" t="s">
        <v>19989</v>
      </c>
      <c r="D3846" s="4" t="s">
        <v>19990</v>
      </c>
      <c r="E3846" s="4" t="s">
        <v>19991</v>
      </c>
      <c r="F3846" s="4" t="s">
        <v>19992</v>
      </c>
      <c r="G3846" s="4" t="s">
        <v>19993</v>
      </c>
      <c r="H3846" s="4" t="s">
        <v>19994</v>
      </c>
      <c r="I3846" s="4" t="s">
        <v>19995</v>
      </c>
      <c r="J3846" s="4" t="s">
        <v>19996</v>
      </c>
    </row>
    <row r="3847" spans="1:11" ht="72" x14ac:dyDescent="0.3">
      <c r="A3847" s="1">
        <v>29701</v>
      </c>
      <c r="D3847" s="4" t="s">
        <v>19997</v>
      </c>
      <c r="E3847" s="4" t="s">
        <v>19998</v>
      </c>
      <c r="F3847" s="4" t="s">
        <v>19999</v>
      </c>
      <c r="G3847" s="4" t="s">
        <v>20000</v>
      </c>
      <c r="H3847" s="4" t="s">
        <v>20001</v>
      </c>
      <c r="K3847" s="4" t="s">
        <v>20002</v>
      </c>
    </row>
    <row r="3848" spans="1:11" ht="86.4" x14ac:dyDescent="0.3">
      <c r="A3848" s="1">
        <v>29706</v>
      </c>
      <c r="C3848" s="4" t="s">
        <v>20003</v>
      </c>
      <c r="D3848" s="4" t="s">
        <v>20004</v>
      </c>
      <c r="F3848" s="4" t="s">
        <v>20005</v>
      </c>
      <c r="G3848" s="4" t="s">
        <v>20006</v>
      </c>
      <c r="H3848" s="4" t="s">
        <v>20007</v>
      </c>
      <c r="I3848" s="4" t="s">
        <v>20008</v>
      </c>
      <c r="K3848" s="4" t="s">
        <v>20009</v>
      </c>
    </row>
    <row r="3849" spans="1:11" ht="86.4" x14ac:dyDescent="0.3">
      <c r="A3849" s="1">
        <v>29711</v>
      </c>
      <c r="C3849" s="4" t="s">
        <v>20010</v>
      </c>
      <c r="D3849" s="4" t="s">
        <v>20011</v>
      </c>
      <c r="E3849" s="4" t="s">
        <v>20012</v>
      </c>
      <c r="G3849" s="4" t="s">
        <v>20013</v>
      </c>
      <c r="H3849" s="4" t="s">
        <v>3587</v>
      </c>
      <c r="I3849" s="4" t="s">
        <v>20014</v>
      </c>
    </row>
    <row r="3850" spans="1:11" ht="86.4" x14ac:dyDescent="0.3">
      <c r="A3850" s="1">
        <v>29716</v>
      </c>
      <c r="C3850" s="4" t="s">
        <v>20015</v>
      </c>
      <c r="D3850" s="4" t="s">
        <v>20016</v>
      </c>
      <c r="E3850" s="4" t="s">
        <v>20017</v>
      </c>
      <c r="F3850" s="4" t="s">
        <v>20018</v>
      </c>
      <c r="G3850" s="4" t="s">
        <v>20019</v>
      </c>
      <c r="H3850" s="4" t="s">
        <v>20020</v>
      </c>
      <c r="I3850" s="4" t="s">
        <v>20021</v>
      </c>
      <c r="K3850" s="4" t="s">
        <v>20022</v>
      </c>
    </row>
    <row r="3851" spans="1:11" ht="72" x14ac:dyDescent="0.3">
      <c r="A3851" s="1">
        <v>29721</v>
      </c>
      <c r="I3851" s="4" t="s">
        <v>20023</v>
      </c>
      <c r="K3851" s="4" t="s">
        <v>20024</v>
      </c>
    </row>
    <row r="3852" spans="1:11" ht="57.6" x14ac:dyDescent="0.3">
      <c r="A3852" s="1">
        <v>29746</v>
      </c>
      <c r="C3852" s="4" t="s">
        <v>20025</v>
      </c>
      <c r="E3852" s="4" t="s">
        <v>20026</v>
      </c>
      <c r="F3852" s="4" t="s">
        <v>20027</v>
      </c>
      <c r="G3852" s="4" t="s">
        <v>20028</v>
      </c>
      <c r="H3852" s="4" t="s">
        <v>20029</v>
      </c>
      <c r="K3852" s="4" t="s">
        <v>20030</v>
      </c>
    </row>
    <row r="3853" spans="1:11" ht="28.8" x14ac:dyDescent="0.3">
      <c r="A3853" s="1">
        <v>29756</v>
      </c>
      <c r="D3853" s="4" t="s">
        <v>20031</v>
      </c>
    </row>
    <row r="3854" spans="1:11" ht="28.8" x14ac:dyDescent="0.3">
      <c r="A3854" s="1">
        <v>29761</v>
      </c>
      <c r="C3854" s="4" t="s">
        <v>20032</v>
      </c>
      <c r="H3854" s="4" t="s">
        <v>20033</v>
      </c>
    </row>
    <row r="3855" spans="1:11" ht="72" x14ac:dyDescent="0.3">
      <c r="A3855" s="1">
        <v>29781</v>
      </c>
      <c r="C3855" s="4" t="s">
        <v>20034</v>
      </c>
      <c r="D3855" s="4" t="s">
        <v>20035</v>
      </c>
      <c r="E3855" s="4" t="s">
        <v>20036</v>
      </c>
      <c r="F3855" s="4" t="s">
        <v>20037</v>
      </c>
      <c r="G3855" s="4" t="s">
        <v>20038</v>
      </c>
      <c r="H3855" s="4" t="s">
        <v>20039</v>
      </c>
      <c r="I3855" s="4" t="s">
        <v>20040</v>
      </c>
      <c r="K3855" s="4" t="s">
        <v>20041</v>
      </c>
    </row>
    <row r="3856" spans="1:11" ht="57.6" x14ac:dyDescent="0.3">
      <c r="A3856" s="1">
        <v>29786</v>
      </c>
      <c r="C3856" s="4" t="s">
        <v>20042</v>
      </c>
      <c r="D3856" s="4" t="s">
        <v>20043</v>
      </c>
      <c r="E3856" s="4" t="s">
        <v>20044</v>
      </c>
      <c r="F3856" s="4" t="s">
        <v>20045</v>
      </c>
      <c r="G3856" s="4" t="s">
        <v>20046</v>
      </c>
      <c r="H3856" s="4" t="s">
        <v>20047</v>
      </c>
      <c r="K3856" s="4" t="s">
        <v>20048</v>
      </c>
    </row>
    <row r="3857" spans="1:11" ht="28.8" x14ac:dyDescent="0.3">
      <c r="A3857" s="1">
        <v>29796</v>
      </c>
      <c r="C3857" s="4" t="s">
        <v>20049</v>
      </c>
      <c r="D3857" s="4" t="s">
        <v>20050</v>
      </c>
      <c r="G3857" s="4" t="s">
        <v>20051</v>
      </c>
      <c r="I3857" s="4" t="s">
        <v>20052</v>
      </c>
    </row>
    <row r="3858" spans="1:11" ht="86.4" x14ac:dyDescent="0.3">
      <c r="A3858" s="1">
        <v>29806</v>
      </c>
      <c r="C3858" s="4" t="s">
        <v>20053</v>
      </c>
      <c r="D3858" s="4" t="s">
        <v>20054</v>
      </c>
      <c r="E3858" s="4" t="s">
        <v>20055</v>
      </c>
      <c r="F3858" s="4" t="s">
        <v>20056</v>
      </c>
      <c r="G3858" s="4" t="s">
        <v>20057</v>
      </c>
      <c r="H3858" s="4" t="s">
        <v>20058</v>
      </c>
      <c r="I3858" s="4" t="s">
        <v>20059</v>
      </c>
      <c r="K3858" s="4" t="s">
        <v>20060</v>
      </c>
    </row>
    <row r="3859" spans="1:11" ht="72" x14ac:dyDescent="0.3">
      <c r="A3859" s="1">
        <v>29821</v>
      </c>
      <c r="D3859" s="4" t="s">
        <v>20061</v>
      </c>
      <c r="K3859" s="4" t="s">
        <v>20062</v>
      </c>
    </row>
    <row r="3860" spans="1:11" ht="86.4" x14ac:dyDescent="0.3">
      <c r="A3860" s="1">
        <v>29831</v>
      </c>
      <c r="C3860" s="4" t="s">
        <v>20063</v>
      </c>
      <c r="D3860" s="4" t="s">
        <v>20064</v>
      </c>
      <c r="G3860" s="4" t="s">
        <v>20065</v>
      </c>
      <c r="H3860" s="4" t="s">
        <v>20066</v>
      </c>
      <c r="I3860" s="4" t="s">
        <v>20067</v>
      </c>
      <c r="K3860" s="4" t="s">
        <v>20068</v>
      </c>
    </row>
    <row r="3861" spans="1:11" ht="28.8" x14ac:dyDescent="0.3">
      <c r="A3861" s="1">
        <v>29836</v>
      </c>
      <c r="G3861" s="4" t="s">
        <v>20069</v>
      </c>
      <c r="H3861" s="4" t="s">
        <v>20070</v>
      </c>
      <c r="K3861" s="4" t="s">
        <v>20071</v>
      </c>
    </row>
    <row r="3862" spans="1:11" ht="28.8" x14ac:dyDescent="0.3">
      <c r="A3862" s="1">
        <v>29841</v>
      </c>
      <c r="C3862" s="4" t="s">
        <v>20072</v>
      </c>
      <c r="D3862" s="4" t="s">
        <v>20073</v>
      </c>
      <c r="E3862" s="4" t="s">
        <v>20074</v>
      </c>
      <c r="F3862" s="4" t="s">
        <v>20075</v>
      </c>
      <c r="G3862" s="4" t="s">
        <v>20076</v>
      </c>
      <c r="H3862" s="4" t="s">
        <v>20077</v>
      </c>
      <c r="I3862" s="4" t="s">
        <v>20078</v>
      </c>
      <c r="K3862" s="4" t="s">
        <v>20079</v>
      </c>
    </row>
    <row r="3863" spans="1:11" ht="28.8" x14ac:dyDescent="0.3">
      <c r="A3863" s="1">
        <v>29846</v>
      </c>
      <c r="C3863" s="4" t="s">
        <v>20080</v>
      </c>
    </row>
    <row r="3864" spans="1:11" ht="86.4" x14ac:dyDescent="0.3">
      <c r="A3864" s="1">
        <v>29851</v>
      </c>
      <c r="C3864" s="4" t="s">
        <v>20081</v>
      </c>
      <c r="D3864" s="4" t="s">
        <v>20082</v>
      </c>
      <c r="E3864" s="4" t="s">
        <v>20083</v>
      </c>
      <c r="F3864" s="4" t="s">
        <v>20084</v>
      </c>
      <c r="G3864" s="4" t="s">
        <v>20085</v>
      </c>
      <c r="H3864" s="4" t="s">
        <v>20086</v>
      </c>
      <c r="I3864" s="4" t="s">
        <v>20087</v>
      </c>
      <c r="J3864" s="4" t="s">
        <v>20088</v>
      </c>
    </row>
    <row r="3865" spans="1:11" ht="86.4" x14ac:dyDescent="0.3">
      <c r="A3865" s="1">
        <v>29856</v>
      </c>
      <c r="C3865" s="4" t="s">
        <v>20089</v>
      </c>
      <c r="D3865" s="4" t="s">
        <v>20090</v>
      </c>
      <c r="E3865" s="4" t="s">
        <v>20091</v>
      </c>
      <c r="F3865" s="4" t="s">
        <v>20092</v>
      </c>
      <c r="G3865" s="4" t="s">
        <v>20093</v>
      </c>
      <c r="H3865" s="4" t="s">
        <v>20094</v>
      </c>
      <c r="I3865" s="4" t="s">
        <v>20095</v>
      </c>
      <c r="J3865" s="4" t="s">
        <v>20096</v>
      </c>
      <c r="K3865" s="4" t="s">
        <v>20097</v>
      </c>
    </row>
    <row r="3866" spans="1:11" ht="72" x14ac:dyDescent="0.3">
      <c r="A3866" s="1">
        <v>29861</v>
      </c>
      <c r="C3866" s="4" t="s">
        <v>20098</v>
      </c>
      <c r="D3866" s="4" t="s">
        <v>20099</v>
      </c>
      <c r="E3866" s="4" t="s">
        <v>20100</v>
      </c>
      <c r="F3866" s="4" t="s">
        <v>20101</v>
      </c>
      <c r="G3866" s="4" t="s">
        <v>20102</v>
      </c>
      <c r="H3866" s="4" t="s">
        <v>20103</v>
      </c>
      <c r="I3866" s="4" t="s">
        <v>20104</v>
      </c>
      <c r="K3866" s="4" t="s">
        <v>20105</v>
      </c>
    </row>
    <row r="3867" spans="1:11" ht="86.4" x14ac:dyDescent="0.3">
      <c r="A3867" s="1">
        <v>29866</v>
      </c>
      <c r="C3867" s="4" t="s">
        <v>20106</v>
      </c>
      <c r="D3867" s="4" t="s">
        <v>20107</v>
      </c>
      <c r="G3867" s="4" t="s">
        <v>20108</v>
      </c>
    </row>
    <row r="3868" spans="1:11" x14ac:dyDescent="0.3">
      <c r="A3868" s="1">
        <v>29871</v>
      </c>
      <c r="C3868" s="4" t="s">
        <v>20109</v>
      </c>
    </row>
    <row r="3869" spans="1:11" ht="57.6" x14ac:dyDescent="0.3">
      <c r="A3869" s="1">
        <v>29876</v>
      </c>
      <c r="C3869" s="4" t="s">
        <v>20110</v>
      </c>
      <c r="D3869" s="4" t="s">
        <v>20111</v>
      </c>
      <c r="E3869" s="4" t="s">
        <v>20112</v>
      </c>
      <c r="F3869" s="4" t="s">
        <v>20113</v>
      </c>
      <c r="G3869" s="4" t="s">
        <v>20114</v>
      </c>
      <c r="H3869" s="4" t="s">
        <v>20115</v>
      </c>
      <c r="I3869" s="4" t="s">
        <v>10800</v>
      </c>
      <c r="K3869" s="4" t="s">
        <v>20116</v>
      </c>
    </row>
    <row r="3870" spans="1:11" ht="72" x14ac:dyDescent="0.3">
      <c r="A3870" s="1">
        <v>29881</v>
      </c>
      <c r="D3870" s="4" t="s">
        <v>20117</v>
      </c>
      <c r="E3870" s="4" t="s">
        <v>20118</v>
      </c>
      <c r="F3870" s="4" t="s">
        <v>20119</v>
      </c>
      <c r="I3870" s="4" t="s">
        <v>20120</v>
      </c>
    </row>
    <row r="3871" spans="1:11" x14ac:dyDescent="0.3">
      <c r="A3871" s="1">
        <v>29886</v>
      </c>
    </row>
    <row r="3872" spans="1:11" x14ac:dyDescent="0.3">
      <c r="A3872" s="1">
        <v>29891</v>
      </c>
    </row>
    <row r="3873" spans="1:11" ht="72" x14ac:dyDescent="0.3">
      <c r="A3873" s="1">
        <v>29901</v>
      </c>
      <c r="C3873" s="4" t="s">
        <v>20121</v>
      </c>
      <c r="D3873" s="4" t="s">
        <v>20122</v>
      </c>
      <c r="E3873" s="4" t="s">
        <v>20123</v>
      </c>
      <c r="F3873" s="4" t="s">
        <v>20124</v>
      </c>
      <c r="G3873" s="4" t="s">
        <v>20125</v>
      </c>
      <c r="H3873" s="4" t="s">
        <v>20126</v>
      </c>
      <c r="I3873" s="4" t="s">
        <v>20127</v>
      </c>
      <c r="K3873" s="4" t="s">
        <v>20128</v>
      </c>
    </row>
    <row r="3874" spans="1:11" ht="57.6" x14ac:dyDescent="0.3">
      <c r="A3874" s="1">
        <v>29906</v>
      </c>
      <c r="D3874" s="4" t="s">
        <v>20129</v>
      </c>
      <c r="E3874" s="4" t="s">
        <v>20130</v>
      </c>
      <c r="I3874" s="4" t="s">
        <v>20131</v>
      </c>
    </row>
    <row r="3875" spans="1:11" ht="86.4" x14ac:dyDescent="0.3">
      <c r="A3875" s="1">
        <v>29911</v>
      </c>
      <c r="C3875" s="4" t="s">
        <v>20132</v>
      </c>
      <c r="D3875" s="4" t="s">
        <v>20133</v>
      </c>
      <c r="E3875" s="4" t="s">
        <v>20134</v>
      </c>
      <c r="F3875" s="4" t="s">
        <v>20135</v>
      </c>
      <c r="G3875" s="4" t="s">
        <v>20136</v>
      </c>
      <c r="H3875" s="4" t="s">
        <v>20137</v>
      </c>
      <c r="I3875" s="4" t="s">
        <v>20138</v>
      </c>
      <c r="K3875" s="4" t="s">
        <v>20139</v>
      </c>
    </row>
    <row r="3876" spans="1:11" ht="72" x14ac:dyDescent="0.3">
      <c r="A3876" s="1">
        <v>29916</v>
      </c>
      <c r="F3876" s="4" t="s">
        <v>20140</v>
      </c>
      <c r="G3876" s="4" t="s">
        <v>20141</v>
      </c>
      <c r="H3876" s="4" t="s">
        <v>20142</v>
      </c>
      <c r="I3876" s="4" t="s">
        <v>20143</v>
      </c>
    </row>
    <row r="3877" spans="1:11" ht="72" x14ac:dyDescent="0.3">
      <c r="A3877" s="1">
        <v>29921</v>
      </c>
      <c r="D3877" s="4" t="s">
        <v>20144</v>
      </c>
      <c r="E3877" s="4" t="s">
        <v>20145</v>
      </c>
      <c r="F3877" s="4" t="s">
        <v>20146</v>
      </c>
      <c r="G3877" s="4" t="s">
        <v>20147</v>
      </c>
      <c r="K3877" s="4" t="s">
        <v>20148</v>
      </c>
    </row>
    <row r="3878" spans="1:11" ht="72" x14ac:dyDescent="0.3">
      <c r="A3878" s="1">
        <v>29926</v>
      </c>
      <c r="C3878" s="4" t="s">
        <v>20149</v>
      </c>
      <c r="D3878" s="4" t="s">
        <v>20150</v>
      </c>
      <c r="G3878" s="4" t="s">
        <v>20151</v>
      </c>
      <c r="H3878" s="4" t="s">
        <v>20152</v>
      </c>
      <c r="I3878" s="4" t="s">
        <v>20153</v>
      </c>
      <c r="K3878" s="4" t="s">
        <v>20154</v>
      </c>
    </row>
    <row r="3879" spans="1:11" ht="28.8" x14ac:dyDescent="0.3">
      <c r="A3879" s="1">
        <v>29931</v>
      </c>
      <c r="C3879" s="4" t="s">
        <v>20155</v>
      </c>
      <c r="D3879" s="4" t="s">
        <v>20156</v>
      </c>
      <c r="F3879" s="4" t="s">
        <v>20157</v>
      </c>
      <c r="G3879" s="4" t="s">
        <v>20158</v>
      </c>
      <c r="H3879" s="4" t="s">
        <v>20159</v>
      </c>
      <c r="I3879" s="4" t="s">
        <v>20160</v>
      </c>
    </row>
    <row r="3880" spans="1:11" ht="57.6" x14ac:dyDescent="0.3">
      <c r="A3880" s="1">
        <v>29936</v>
      </c>
      <c r="C3880" s="4" t="s">
        <v>20161</v>
      </c>
      <c r="D3880" s="4" t="s">
        <v>20162</v>
      </c>
      <c r="E3880" s="4" t="s">
        <v>20163</v>
      </c>
      <c r="F3880" s="4" t="s">
        <v>20164</v>
      </c>
      <c r="G3880" s="4" t="s">
        <v>20165</v>
      </c>
      <c r="H3880" s="4" t="s">
        <v>20166</v>
      </c>
      <c r="I3880" s="4" t="s">
        <v>20167</v>
      </c>
      <c r="K3880" s="4" t="s">
        <v>20168</v>
      </c>
    </row>
    <row r="3881" spans="1:11" ht="86.4" x14ac:dyDescent="0.3">
      <c r="A3881" s="1">
        <v>29941</v>
      </c>
      <c r="C3881" s="4" t="s">
        <v>20169</v>
      </c>
      <c r="D3881" s="4" t="s">
        <v>20170</v>
      </c>
      <c r="E3881" s="4" t="s">
        <v>20171</v>
      </c>
      <c r="F3881" s="4" t="s">
        <v>20172</v>
      </c>
      <c r="G3881" s="4" t="s">
        <v>20173</v>
      </c>
      <c r="I3881" s="4" t="s">
        <v>20174</v>
      </c>
      <c r="J3881" s="4" t="s">
        <v>20175</v>
      </c>
      <c r="K3881" s="4" t="s">
        <v>20176</v>
      </c>
    </row>
    <row r="3882" spans="1:11" ht="86.4" x14ac:dyDescent="0.3">
      <c r="A3882" s="1">
        <v>29946</v>
      </c>
      <c r="C3882" s="4" t="s">
        <v>20177</v>
      </c>
      <c r="D3882" s="4" t="s">
        <v>20178</v>
      </c>
      <c r="E3882" s="4" t="s">
        <v>20179</v>
      </c>
      <c r="G3882" s="4" t="s">
        <v>20180</v>
      </c>
      <c r="H3882" s="4" t="s">
        <v>20181</v>
      </c>
      <c r="I3882" s="4" t="s">
        <v>20182</v>
      </c>
    </row>
    <row r="3883" spans="1:11" x14ac:dyDescent="0.3">
      <c r="A3883" s="1">
        <v>29956</v>
      </c>
    </row>
    <row r="3884" spans="1:11" ht="72" x14ac:dyDescent="0.3">
      <c r="A3884" s="1">
        <v>29961</v>
      </c>
      <c r="C3884" s="4" t="s">
        <v>20183</v>
      </c>
      <c r="D3884" s="4" t="s">
        <v>20184</v>
      </c>
      <c r="E3884" s="4" t="s">
        <v>20185</v>
      </c>
      <c r="F3884" s="4" t="s">
        <v>20186</v>
      </c>
      <c r="G3884" s="4" t="s">
        <v>20187</v>
      </c>
      <c r="H3884" s="4" t="s">
        <v>20188</v>
      </c>
      <c r="I3884" s="4" t="s">
        <v>20189</v>
      </c>
      <c r="J3884" s="4" t="s">
        <v>20190</v>
      </c>
      <c r="K3884" s="4" t="s">
        <v>20191</v>
      </c>
    </row>
    <row r="3885" spans="1:11" ht="86.4" x14ac:dyDescent="0.3">
      <c r="A3885" s="1">
        <v>29971</v>
      </c>
      <c r="D3885" s="4" t="s">
        <v>20192</v>
      </c>
      <c r="E3885" s="4" t="s">
        <v>20193</v>
      </c>
      <c r="F3885" s="4" t="s">
        <v>20194</v>
      </c>
      <c r="G3885" s="4" t="s">
        <v>20195</v>
      </c>
      <c r="H3885" s="4" t="s">
        <v>20196</v>
      </c>
      <c r="I3885" s="4" t="s">
        <v>20197</v>
      </c>
      <c r="K3885" s="4" t="s">
        <v>20198</v>
      </c>
    </row>
    <row r="3886" spans="1:11" ht="72" x14ac:dyDescent="0.3">
      <c r="A3886" s="1">
        <v>29976</v>
      </c>
      <c r="C3886" s="4" t="s">
        <v>20199</v>
      </c>
      <c r="D3886" s="4" t="s">
        <v>20200</v>
      </c>
      <c r="G3886" s="4" t="s">
        <v>20201</v>
      </c>
      <c r="H3886" s="4" t="s">
        <v>20202</v>
      </c>
      <c r="I3886" s="4" t="s">
        <v>20203</v>
      </c>
      <c r="K3886" s="4" t="s">
        <v>20204</v>
      </c>
    </row>
    <row r="3887" spans="1:11" x14ac:dyDescent="0.3">
      <c r="A3887" s="1">
        <v>29981</v>
      </c>
      <c r="C3887" s="4" t="s">
        <v>20205</v>
      </c>
    </row>
    <row r="3888" spans="1:11" ht="43.2" x14ac:dyDescent="0.3">
      <c r="A3888" s="1">
        <v>29986</v>
      </c>
      <c r="C3888" s="4" t="s">
        <v>20206</v>
      </c>
      <c r="D3888" s="4" t="s">
        <v>20207</v>
      </c>
      <c r="G3888" s="4" t="s">
        <v>20208</v>
      </c>
      <c r="H3888" s="4" t="s">
        <v>20209</v>
      </c>
      <c r="K3888" s="4" t="s">
        <v>20210</v>
      </c>
    </row>
    <row r="3889" spans="1:11" ht="72" x14ac:dyDescent="0.3">
      <c r="A3889" s="1">
        <v>29991</v>
      </c>
      <c r="C3889" s="4" t="s">
        <v>20211</v>
      </c>
      <c r="D3889" s="4" t="s">
        <v>20212</v>
      </c>
      <c r="E3889" s="4" t="s">
        <v>20213</v>
      </c>
      <c r="F3889" s="4" t="s">
        <v>20214</v>
      </c>
      <c r="G3889" s="4" t="s">
        <v>20215</v>
      </c>
      <c r="H3889" s="4" t="s">
        <v>20216</v>
      </c>
      <c r="K3889" s="4" t="s">
        <v>20217</v>
      </c>
    </row>
    <row r="3890" spans="1:11" ht="86.4" x14ac:dyDescent="0.3">
      <c r="A3890" s="1">
        <v>30001</v>
      </c>
      <c r="C3890" s="4" t="s">
        <v>20218</v>
      </c>
      <c r="D3890" s="4" t="s">
        <v>20219</v>
      </c>
      <c r="E3890" s="4" t="s">
        <v>20220</v>
      </c>
      <c r="F3890" s="4" t="s">
        <v>20221</v>
      </c>
      <c r="G3890" s="4" t="s">
        <v>20222</v>
      </c>
      <c r="H3890" s="4" t="s">
        <v>20223</v>
      </c>
      <c r="I3890" s="4" t="s">
        <v>20224</v>
      </c>
      <c r="K3890" s="4" t="s">
        <v>20225</v>
      </c>
    </row>
    <row r="3891" spans="1:11" x14ac:dyDescent="0.3">
      <c r="A3891" s="1">
        <v>30006</v>
      </c>
      <c r="K3891" s="4" t="s">
        <v>20226</v>
      </c>
    </row>
    <row r="3892" spans="1:11" ht="72" x14ac:dyDescent="0.3">
      <c r="A3892" s="1">
        <v>30011</v>
      </c>
      <c r="C3892" s="4" t="s">
        <v>20227</v>
      </c>
      <c r="D3892" s="4" t="s">
        <v>20228</v>
      </c>
      <c r="F3892" s="4" t="s">
        <v>20229</v>
      </c>
      <c r="G3892" s="4" t="s">
        <v>20230</v>
      </c>
      <c r="H3892" s="4" t="s">
        <v>20231</v>
      </c>
      <c r="I3892" s="4" t="s">
        <v>20232</v>
      </c>
      <c r="K3892" s="4" t="s">
        <v>20233</v>
      </c>
    </row>
    <row r="3893" spans="1:11" ht="28.8" x14ac:dyDescent="0.3">
      <c r="A3893" s="1">
        <v>30016</v>
      </c>
      <c r="C3893" s="4" t="s">
        <v>20234</v>
      </c>
      <c r="D3893" s="4" t="s">
        <v>20235</v>
      </c>
      <c r="E3893" s="4" t="s">
        <v>20236</v>
      </c>
      <c r="F3893" s="4" t="s">
        <v>20237</v>
      </c>
    </row>
    <row r="3894" spans="1:11" ht="86.4" x14ac:dyDescent="0.3">
      <c r="A3894" s="1">
        <v>30026</v>
      </c>
      <c r="C3894" s="4" t="s">
        <v>20238</v>
      </c>
      <c r="D3894" s="4" t="s">
        <v>20239</v>
      </c>
      <c r="F3894" s="4" t="s">
        <v>20240</v>
      </c>
      <c r="G3894" s="4" t="s">
        <v>20241</v>
      </c>
      <c r="H3894" s="4" t="s">
        <v>20242</v>
      </c>
      <c r="I3894" s="4" t="s">
        <v>20243</v>
      </c>
    </row>
    <row r="3895" spans="1:11" ht="72" x14ac:dyDescent="0.3">
      <c r="A3895" s="1">
        <v>30036</v>
      </c>
      <c r="C3895" s="4" t="s">
        <v>20244</v>
      </c>
      <c r="D3895" s="4" t="s">
        <v>20245</v>
      </c>
      <c r="E3895" s="4" t="s">
        <v>20246</v>
      </c>
      <c r="F3895" s="4" t="s">
        <v>20247</v>
      </c>
      <c r="G3895" s="4" t="s">
        <v>20248</v>
      </c>
      <c r="H3895" s="4" t="s">
        <v>20249</v>
      </c>
      <c r="K3895" s="4" t="s">
        <v>20250</v>
      </c>
    </row>
    <row r="3896" spans="1:11" ht="72" x14ac:dyDescent="0.3">
      <c r="A3896" s="1">
        <v>30041</v>
      </c>
      <c r="C3896" s="4" t="s">
        <v>20251</v>
      </c>
      <c r="D3896" s="4" t="s">
        <v>20252</v>
      </c>
      <c r="G3896" s="4" t="s">
        <v>20253</v>
      </c>
      <c r="K3896" s="4" t="s">
        <v>20254</v>
      </c>
    </row>
    <row r="3897" spans="1:11" ht="57.6" x14ac:dyDescent="0.3">
      <c r="A3897" s="1">
        <v>30051</v>
      </c>
      <c r="C3897" s="4" t="s">
        <v>20255</v>
      </c>
      <c r="D3897" s="4" t="s">
        <v>20256</v>
      </c>
      <c r="F3897" s="4" t="s">
        <v>20257</v>
      </c>
    </row>
    <row r="3898" spans="1:11" ht="43.2" x14ac:dyDescent="0.3">
      <c r="A3898" s="1">
        <v>30056</v>
      </c>
      <c r="C3898" s="4" t="s">
        <v>20258</v>
      </c>
      <c r="H3898" s="4" t="s">
        <v>20259</v>
      </c>
    </row>
    <row r="3899" spans="1:11" ht="72" x14ac:dyDescent="0.3">
      <c r="A3899" s="1">
        <v>30061</v>
      </c>
      <c r="C3899" s="4" t="s">
        <v>20260</v>
      </c>
      <c r="D3899" s="4" t="s">
        <v>20261</v>
      </c>
      <c r="E3899" s="4" t="s">
        <v>20262</v>
      </c>
      <c r="F3899" s="4" t="s">
        <v>7588</v>
      </c>
      <c r="G3899" s="4" t="s">
        <v>20263</v>
      </c>
      <c r="H3899" s="4" t="s">
        <v>20264</v>
      </c>
      <c r="I3899" s="4" t="s">
        <v>20265</v>
      </c>
    </row>
    <row r="3900" spans="1:11" ht="72" x14ac:dyDescent="0.3">
      <c r="A3900" s="1">
        <v>30066</v>
      </c>
      <c r="C3900" s="4" t="s">
        <v>20266</v>
      </c>
      <c r="D3900" s="4" t="s">
        <v>20267</v>
      </c>
      <c r="E3900" s="4" t="s">
        <v>20268</v>
      </c>
      <c r="F3900" s="4" t="s">
        <v>20269</v>
      </c>
      <c r="G3900" s="4" t="s">
        <v>20270</v>
      </c>
      <c r="H3900" s="4" t="s">
        <v>20271</v>
      </c>
    </row>
    <row r="3901" spans="1:11" ht="86.4" x14ac:dyDescent="0.3">
      <c r="A3901" s="1">
        <v>30071</v>
      </c>
      <c r="C3901" s="4" t="s">
        <v>20272</v>
      </c>
      <c r="D3901" s="4" t="s">
        <v>23166</v>
      </c>
      <c r="E3901" s="4" t="s">
        <v>20273</v>
      </c>
      <c r="F3901" s="4" t="s">
        <v>20274</v>
      </c>
      <c r="G3901" s="4" t="s">
        <v>20275</v>
      </c>
      <c r="H3901" s="4" t="s">
        <v>20276</v>
      </c>
      <c r="I3901" s="4" t="s">
        <v>20277</v>
      </c>
      <c r="K3901" s="4" t="s">
        <v>20278</v>
      </c>
    </row>
    <row r="3902" spans="1:11" x14ac:dyDescent="0.3">
      <c r="A3902" s="1">
        <v>30076</v>
      </c>
      <c r="B3902" s="1" t="s">
        <v>8463</v>
      </c>
      <c r="K3902" s="4" t="s">
        <v>20279</v>
      </c>
    </row>
    <row r="3903" spans="1:11" ht="72" x14ac:dyDescent="0.3">
      <c r="A3903" s="1">
        <v>30086</v>
      </c>
      <c r="B3903" s="1" t="s">
        <v>18488</v>
      </c>
      <c r="C3903" s="4" t="s">
        <v>20280</v>
      </c>
      <c r="D3903" s="4" t="s">
        <v>20281</v>
      </c>
      <c r="E3903" s="4" t="s">
        <v>20282</v>
      </c>
      <c r="H3903" s="4" t="s">
        <v>20283</v>
      </c>
      <c r="K3903" s="4" t="s">
        <v>20284</v>
      </c>
    </row>
    <row r="3904" spans="1:11" ht="43.2" x14ac:dyDescent="0.3">
      <c r="A3904" s="1">
        <v>30091</v>
      </c>
      <c r="C3904" s="4" t="s">
        <v>20285</v>
      </c>
      <c r="H3904" s="4" t="s">
        <v>20286</v>
      </c>
    </row>
    <row r="3905" spans="1:11" ht="57.6" x14ac:dyDescent="0.3">
      <c r="A3905" s="1">
        <v>30101</v>
      </c>
      <c r="C3905" s="4" t="s">
        <v>20287</v>
      </c>
      <c r="D3905" s="4" t="s">
        <v>20288</v>
      </c>
      <c r="E3905" s="4" t="s">
        <v>20289</v>
      </c>
      <c r="F3905" s="4" t="s">
        <v>20290</v>
      </c>
      <c r="G3905" s="4" t="s">
        <v>20291</v>
      </c>
      <c r="H3905" s="4" t="s">
        <v>20292</v>
      </c>
      <c r="I3905" s="4" t="s">
        <v>20293</v>
      </c>
      <c r="K3905" s="4" t="s">
        <v>20294</v>
      </c>
    </row>
    <row r="3906" spans="1:11" x14ac:dyDescent="0.3">
      <c r="A3906" s="1">
        <v>30126</v>
      </c>
    </row>
    <row r="3907" spans="1:11" ht="72" x14ac:dyDescent="0.3">
      <c r="A3907" s="1">
        <v>30141</v>
      </c>
      <c r="C3907" s="4" t="s">
        <v>20295</v>
      </c>
      <c r="D3907" s="4" t="s">
        <v>20296</v>
      </c>
      <c r="E3907" s="4" t="s">
        <v>20297</v>
      </c>
      <c r="F3907" s="4" t="s">
        <v>20298</v>
      </c>
      <c r="G3907" s="4" t="s">
        <v>20299</v>
      </c>
      <c r="H3907" s="4" t="s">
        <v>20300</v>
      </c>
      <c r="I3907" s="4" t="s">
        <v>20301</v>
      </c>
      <c r="K3907" s="4" t="s">
        <v>20302</v>
      </c>
    </row>
    <row r="3908" spans="1:11" ht="72" x14ac:dyDescent="0.3">
      <c r="A3908" s="1">
        <v>30146</v>
      </c>
      <c r="C3908" s="4" t="s">
        <v>20303</v>
      </c>
      <c r="D3908" s="4" t="s">
        <v>20304</v>
      </c>
      <c r="E3908" s="4" t="s">
        <v>20305</v>
      </c>
      <c r="K3908" s="4" t="s">
        <v>20306</v>
      </c>
    </row>
    <row r="3909" spans="1:11" x14ac:dyDescent="0.3">
      <c r="A3909" s="1">
        <v>30156</v>
      </c>
    </row>
    <row r="3910" spans="1:11" ht="28.8" x14ac:dyDescent="0.3">
      <c r="A3910" s="1">
        <v>30166</v>
      </c>
      <c r="C3910" s="4" t="s">
        <v>20307</v>
      </c>
      <c r="D3910" s="4" t="s">
        <v>20308</v>
      </c>
      <c r="E3910" s="4" t="s">
        <v>20309</v>
      </c>
      <c r="F3910" s="4" t="s">
        <v>20310</v>
      </c>
      <c r="G3910" s="4" t="s">
        <v>20311</v>
      </c>
      <c r="H3910" s="4" t="s">
        <v>20312</v>
      </c>
      <c r="I3910" s="4" t="s">
        <v>20313</v>
      </c>
      <c r="K3910" s="4" t="s">
        <v>20314</v>
      </c>
    </row>
    <row r="3911" spans="1:11" ht="115.2" x14ac:dyDescent="0.3">
      <c r="A3911" s="1">
        <v>30176</v>
      </c>
      <c r="C3911" s="4" t="s">
        <v>20315</v>
      </c>
      <c r="D3911" s="4" t="s">
        <v>20316</v>
      </c>
      <c r="F3911" s="4" t="s">
        <v>20317</v>
      </c>
      <c r="G3911" s="4" t="s">
        <v>20318</v>
      </c>
      <c r="H3911" s="4" t="s">
        <v>20319</v>
      </c>
      <c r="I3911" s="4" t="s">
        <v>20320</v>
      </c>
      <c r="J3911" s="4" t="s">
        <v>20321</v>
      </c>
      <c r="K3911" s="4" t="s">
        <v>20322</v>
      </c>
    </row>
    <row r="3912" spans="1:11" ht="43.2" x14ac:dyDescent="0.3">
      <c r="A3912" s="1">
        <v>30181</v>
      </c>
      <c r="D3912" s="4" t="s">
        <v>20323</v>
      </c>
      <c r="E3912" s="4" t="s">
        <v>20324</v>
      </c>
      <c r="F3912" s="4" t="s">
        <v>20325</v>
      </c>
      <c r="G3912" s="4" t="s">
        <v>20326</v>
      </c>
      <c r="H3912" s="4" t="s">
        <v>20327</v>
      </c>
      <c r="I3912" s="4" t="s">
        <v>20328</v>
      </c>
      <c r="J3912" s="4" t="s">
        <v>20329</v>
      </c>
      <c r="K3912" s="4" t="s">
        <v>20330</v>
      </c>
    </row>
    <row r="3913" spans="1:11" ht="43.2" x14ac:dyDescent="0.3">
      <c r="A3913" s="1">
        <v>30186</v>
      </c>
      <c r="C3913" s="4" t="s">
        <v>20331</v>
      </c>
      <c r="D3913" s="4" t="s">
        <v>20332</v>
      </c>
    </row>
    <row r="3914" spans="1:11" x14ac:dyDescent="0.3">
      <c r="A3914" s="1">
        <v>30206</v>
      </c>
    </row>
    <row r="3915" spans="1:11" x14ac:dyDescent="0.3">
      <c r="A3915" s="1">
        <v>30211</v>
      </c>
      <c r="F3915" s="4" t="s">
        <v>20333</v>
      </c>
      <c r="I3915" s="4" t="s">
        <v>20334</v>
      </c>
    </row>
    <row r="3916" spans="1:11" ht="28.8" x14ac:dyDescent="0.3">
      <c r="A3916" s="1">
        <v>30216</v>
      </c>
      <c r="C3916" s="4" t="s">
        <v>20335</v>
      </c>
      <c r="D3916" s="4" t="s">
        <v>20336</v>
      </c>
      <c r="E3916" s="4" t="s">
        <v>20337</v>
      </c>
      <c r="F3916" s="4" t="s">
        <v>20338</v>
      </c>
      <c r="G3916" s="4" t="s">
        <v>20339</v>
      </c>
      <c r="H3916" s="4" t="s">
        <v>20340</v>
      </c>
      <c r="J3916" s="4" t="s">
        <v>13171</v>
      </c>
    </row>
    <row r="3917" spans="1:11" ht="43.2" x14ac:dyDescent="0.3">
      <c r="A3917" s="1">
        <v>30221</v>
      </c>
      <c r="C3917" s="4" t="s">
        <v>20341</v>
      </c>
      <c r="G3917" s="4" t="s">
        <v>20342</v>
      </c>
      <c r="H3917" s="4" t="s">
        <v>20343</v>
      </c>
      <c r="K3917" s="4" t="s">
        <v>20344</v>
      </c>
    </row>
    <row r="3918" spans="1:11" ht="86.4" x14ac:dyDescent="0.3">
      <c r="A3918" s="1">
        <v>30231</v>
      </c>
      <c r="C3918" s="4" t="s">
        <v>20345</v>
      </c>
      <c r="D3918" s="4" t="s">
        <v>20346</v>
      </c>
      <c r="E3918" s="4" t="s">
        <v>20347</v>
      </c>
      <c r="F3918" s="4" t="s">
        <v>20348</v>
      </c>
      <c r="G3918" s="4" t="s">
        <v>20349</v>
      </c>
      <c r="H3918" s="4" t="s">
        <v>20350</v>
      </c>
      <c r="K3918" s="4" t="s">
        <v>20351</v>
      </c>
    </row>
    <row r="3919" spans="1:11" ht="28.8" x14ac:dyDescent="0.3">
      <c r="A3919" s="1">
        <v>30236</v>
      </c>
      <c r="C3919" s="4" t="s">
        <v>20352</v>
      </c>
      <c r="E3919" s="4" t="s">
        <v>20353</v>
      </c>
    </row>
    <row r="3920" spans="1:11" x14ac:dyDescent="0.3">
      <c r="A3920" s="1">
        <v>30241</v>
      </c>
    </row>
    <row r="3921" spans="1:11" x14ac:dyDescent="0.3">
      <c r="A3921" s="1">
        <v>30251</v>
      </c>
      <c r="C3921" s="4" t="s">
        <v>20354</v>
      </c>
    </row>
    <row r="3922" spans="1:11" x14ac:dyDescent="0.3">
      <c r="A3922" s="1">
        <v>30256</v>
      </c>
    </row>
    <row r="3923" spans="1:11" x14ac:dyDescent="0.3">
      <c r="A3923" s="1">
        <v>30261</v>
      </c>
      <c r="C3923" s="4" t="s">
        <v>20355</v>
      </c>
      <c r="D3923" s="4" t="s">
        <v>20356</v>
      </c>
    </row>
    <row r="3924" spans="1:11" ht="86.4" x14ac:dyDescent="0.3">
      <c r="A3924" s="1">
        <v>30266</v>
      </c>
      <c r="C3924" s="4" t="s">
        <v>20357</v>
      </c>
      <c r="D3924" s="4" t="s">
        <v>20358</v>
      </c>
      <c r="E3924" s="4" t="s">
        <v>20359</v>
      </c>
      <c r="F3924" s="4" t="s">
        <v>17161</v>
      </c>
      <c r="G3924" s="4" t="s">
        <v>20360</v>
      </c>
      <c r="H3924" s="4" t="s">
        <v>20361</v>
      </c>
      <c r="I3924" s="4" t="s">
        <v>20362</v>
      </c>
      <c r="K3924" s="4" t="s">
        <v>20363</v>
      </c>
    </row>
    <row r="3925" spans="1:11" ht="72" x14ac:dyDescent="0.3">
      <c r="A3925" s="1">
        <v>30281</v>
      </c>
      <c r="C3925" s="4" t="s">
        <v>20364</v>
      </c>
      <c r="D3925" s="4" t="s">
        <v>20365</v>
      </c>
      <c r="E3925" s="4" t="s">
        <v>20366</v>
      </c>
      <c r="F3925" s="4" t="s">
        <v>20367</v>
      </c>
      <c r="G3925" s="4" t="s">
        <v>20368</v>
      </c>
      <c r="H3925" s="4" t="s">
        <v>20369</v>
      </c>
      <c r="I3925" s="4" t="s">
        <v>20370</v>
      </c>
      <c r="K3925" s="4" t="s">
        <v>20371</v>
      </c>
    </row>
    <row r="3926" spans="1:11" ht="72" x14ac:dyDescent="0.3">
      <c r="A3926" s="1">
        <v>30301</v>
      </c>
      <c r="C3926" s="4" t="s">
        <v>20372</v>
      </c>
      <c r="D3926" s="4" t="s">
        <v>20373</v>
      </c>
      <c r="E3926" s="4" t="s">
        <v>20374</v>
      </c>
      <c r="G3926" s="4" t="s">
        <v>20375</v>
      </c>
      <c r="K3926" s="4" t="s">
        <v>20376</v>
      </c>
    </row>
    <row r="3927" spans="1:11" ht="86.4" x14ac:dyDescent="0.3">
      <c r="A3927" s="1">
        <v>30306</v>
      </c>
      <c r="C3927" s="4" t="s">
        <v>20377</v>
      </c>
      <c r="D3927" s="4" t="s">
        <v>20378</v>
      </c>
      <c r="E3927" s="4" t="s">
        <v>20379</v>
      </c>
      <c r="F3927" s="4" t="s">
        <v>20380</v>
      </c>
      <c r="G3927" s="4" t="s">
        <v>20381</v>
      </c>
      <c r="H3927" s="4" t="s">
        <v>20382</v>
      </c>
      <c r="K3927" s="4" t="s">
        <v>20383</v>
      </c>
    </row>
    <row r="3928" spans="1:11" x14ac:dyDescent="0.3">
      <c r="A3928" s="1">
        <v>30311</v>
      </c>
      <c r="D3928" s="4" t="s">
        <v>20384</v>
      </c>
    </row>
    <row r="3929" spans="1:11" ht="28.8" x14ac:dyDescent="0.3">
      <c r="A3929" s="1">
        <v>30316</v>
      </c>
      <c r="C3929" s="4" t="s">
        <v>20385</v>
      </c>
      <c r="D3929" s="4" t="s">
        <v>20386</v>
      </c>
      <c r="F3929" s="4" t="s">
        <v>20387</v>
      </c>
      <c r="J3929" s="4" t="s">
        <v>20388</v>
      </c>
    </row>
    <row r="3930" spans="1:11" ht="43.2" x14ac:dyDescent="0.3">
      <c r="A3930" s="1">
        <v>30331</v>
      </c>
      <c r="C3930" s="4" t="s">
        <v>20389</v>
      </c>
      <c r="G3930" s="4" t="s">
        <v>20390</v>
      </c>
    </row>
    <row r="3931" spans="1:11" x14ac:dyDescent="0.3">
      <c r="A3931" s="1">
        <v>30336</v>
      </c>
    </row>
    <row r="3932" spans="1:11" ht="57.6" x14ac:dyDescent="0.3">
      <c r="A3932" s="1">
        <v>30346</v>
      </c>
      <c r="C3932" s="4" t="s">
        <v>20391</v>
      </c>
      <c r="D3932" s="4" t="s">
        <v>20392</v>
      </c>
      <c r="E3932" s="4" t="s">
        <v>20393</v>
      </c>
      <c r="G3932" s="4" t="s">
        <v>20394</v>
      </c>
      <c r="I3932" s="4" t="s">
        <v>20395</v>
      </c>
      <c r="K3932" s="4" t="s">
        <v>20396</v>
      </c>
    </row>
    <row r="3933" spans="1:11" ht="57.6" x14ac:dyDescent="0.3">
      <c r="A3933" s="1">
        <v>30356</v>
      </c>
      <c r="C3933" s="4" t="s">
        <v>20397</v>
      </c>
      <c r="D3933" s="4" t="s">
        <v>20398</v>
      </c>
      <c r="E3933" s="4" t="s">
        <v>20399</v>
      </c>
      <c r="F3933" s="4" t="s">
        <v>20400</v>
      </c>
      <c r="G3933" s="4" t="s">
        <v>20401</v>
      </c>
      <c r="H3933" s="4" t="s">
        <v>20402</v>
      </c>
      <c r="I3933" s="4" t="s">
        <v>20403</v>
      </c>
      <c r="K3933" s="4" t="s">
        <v>20404</v>
      </c>
    </row>
    <row r="3934" spans="1:11" ht="86.4" x14ac:dyDescent="0.3">
      <c r="A3934" s="1">
        <v>30361</v>
      </c>
      <c r="C3934" s="4" t="s">
        <v>20405</v>
      </c>
      <c r="D3934" s="4" t="s">
        <v>20406</v>
      </c>
      <c r="E3934" s="4" t="s">
        <v>20407</v>
      </c>
    </row>
    <row r="3935" spans="1:11" x14ac:dyDescent="0.3">
      <c r="A3935" s="1">
        <v>30366</v>
      </c>
    </row>
    <row r="3936" spans="1:11" ht="57.6" x14ac:dyDescent="0.3">
      <c r="A3936" s="1">
        <v>30376</v>
      </c>
      <c r="C3936" s="4" t="s">
        <v>20408</v>
      </c>
      <c r="D3936" s="4" t="s">
        <v>20409</v>
      </c>
      <c r="G3936" s="4" t="s">
        <v>20410</v>
      </c>
      <c r="H3936" s="4" t="s">
        <v>20411</v>
      </c>
      <c r="I3936" s="4" t="s">
        <v>20412</v>
      </c>
      <c r="K3936" s="4" t="s">
        <v>13171</v>
      </c>
    </row>
    <row r="3937" spans="1:11" ht="43.2" x14ac:dyDescent="0.3">
      <c r="A3937" s="1">
        <v>30381</v>
      </c>
      <c r="D3937" s="4" t="s">
        <v>20413</v>
      </c>
      <c r="G3937" s="4" t="s">
        <v>20414</v>
      </c>
    </row>
    <row r="3938" spans="1:11" ht="100.8" x14ac:dyDescent="0.3">
      <c r="A3938" s="1">
        <v>30386</v>
      </c>
      <c r="C3938" s="4" t="s">
        <v>20415</v>
      </c>
      <c r="D3938" s="4" t="s">
        <v>20416</v>
      </c>
      <c r="E3938" s="4" t="s">
        <v>20417</v>
      </c>
      <c r="F3938" s="4" t="s">
        <v>20418</v>
      </c>
      <c r="G3938" s="4" t="s">
        <v>20419</v>
      </c>
      <c r="H3938" s="4" t="s">
        <v>20420</v>
      </c>
      <c r="I3938" s="4" t="s">
        <v>20421</v>
      </c>
      <c r="K3938" s="4" t="s">
        <v>20422</v>
      </c>
    </row>
    <row r="3939" spans="1:11" ht="72" x14ac:dyDescent="0.3">
      <c r="A3939" s="1">
        <v>30391</v>
      </c>
      <c r="C3939" s="4" t="s">
        <v>20423</v>
      </c>
      <c r="E3939" s="4" t="s">
        <v>20424</v>
      </c>
      <c r="G3939" s="4" t="s">
        <v>20425</v>
      </c>
      <c r="H3939" s="4" t="s">
        <v>20426</v>
      </c>
      <c r="J3939" s="4" t="s">
        <v>20427</v>
      </c>
    </row>
    <row r="3940" spans="1:11" ht="43.2" x14ac:dyDescent="0.3">
      <c r="A3940" s="1">
        <v>30406</v>
      </c>
      <c r="C3940" s="4" t="s">
        <v>20428</v>
      </c>
      <c r="D3940" s="4" t="s">
        <v>20429</v>
      </c>
      <c r="F3940" s="4" t="s">
        <v>20430</v>
      </c>
      <c r="G3940" s="4" t="s">
        <v>20431</v>
      </c>
      <c r="H3940" s="4" t="s">
        <v>20432</v>
      </c>
      <c r="I3940" s="4" t="s">
        <v>20433</v>
      </c>
      <c r="K3940" s="4" t="s">
        <v>20434</v>
      </c>
    </row>
    <row r="3941" spans="1:11" x14ac:dyDescent="0.3">
      <c r="A3941" s="1">
        <v>30416</v>
      </c>
    </row>
    <row r="3942" spans="1:11" ht="28.8" x14ac:dyDescent="0.3">
      <c r="A3942" s="1">
        <v>30426</v>
      </c>
      <c r="C3942" s="4" t="s">
        <v>20435</v>
      </c>
      <c r="G3942" s="4" t="s">
        <v>20436</v>
      </c>
      <c r="I3942" s="4" t="s">
        <v>20437</v>
      </c>
    </row>
    <row r="3943" spans="1:11" ht="57.6" x14ac:dyDescent="0.3">
      <c r="A3943" s="1">
        <v>30431</v>
      </c>
      <c r="F3943" s="4" t="s">
        <v>20438</v>
      </c>
      <c r="G3943" s="4" t="s">
        <v>20439</v>
      </c>
    </row>
    <row r="3944" spans="1:11" ht="72" x14ac:dyDescent="0.3">
      <c r="A3944" s="1">
        <v>30436</v>
      </c>
      <c r="C3944" s="4" t="s">
        <v>20440</v>
      </c>
      <c r="D3944" s="4" t="s">
        <v>20441</v>
      </c>
      <c r="G3944" s="4" t="s">
        <v>20442</v>
      </c>
      <c r="H3944" s="4" t="s">
        <v>20443</v>
      </c>
      <c r="I3944" s="4" t="s">
        <v>20444</v>
      </c>
      <c r="K3944" s="4" t="s">
        <v>20445</v>
      </c>
    </row>
    <row r="3945" spans="1:11" ht="86.4" x14ac:dyDescent="0.3">
      <c r="A3945" s="1">
        <v>30456</v>
      </c>
      <c r="C3945" s="4" t="s">
        <v>20446</v>
      </c>
      <c r="D3945" s="4" t="s">
        <v>20447</v>
      </c>
      <c r="E3945" s="4" t="s">
        <v>20448</v>
      </c>
      <c r="F3945" s="4" t="s">
        <v>20449</v>
      </c>
      <c r="G3945" s="4" t="s">
        <v>20450</v>
      </c>
      <c r="H3945" s="4" t="s">
        <v>20451</v>
      </c>
      <c r="I3945" s="4" t="s">
        <v>20452</v>
      </c>
      <c r="K3945" s="4" t="s">
        <v>20453</v>
      </c>
    </row>
    <row r="3946" spans="1:11" ht="72" x14ac:dyDescent="0.3">
      <c r="A3946" s="1">
        <v>30466</v>
      </c>
      <c r="C3946" s="4" t="s">
        <v>20454</v>
      </c>
      <c r="E3946" s="4" t="s">
        <v>20455</v>
      </c>
    </row>
    <row r="3947" spans="1:11" ht="72" x14ac:dyDescent="0.3">
      <c r="A3947" s="1">
        <v>30476</v>
      </c>
      <c r="C3947" s="4" t="s">
        <v>20456</v>
      </c>
      <c r="D3947" s="4" t="s">
        <v>20457</v>
      </c>
      <c r="E3947" s="4" t="s">
        <v>20458</v>
      </c>
      <c r="F3947" s="4" t="s">
        <v>1285</v>
      </c>
      <c r="G3947" s="4" t="s">
        <v>20459</v>
      </c>
      <c r="H3947" s="4" t="s">
        <v>20460</v>
      </c>
      <c r="I3947" s="4" t="s">
        <v>20461</v>
      </c>
      <c r="K3947" s="4" t="s">
        <v>20462</v>
      </c>
    </row>
    <row r="3948" spans="1:11" ht="86.4" x14ac:dyDescent="0.3">
      <c r="A3948" s="1">
        <v>30481</v>
      </c>
      <c r="C3948" s="4" t="s">
        <v>20463</v>
      </c>
      <c r="D3948" s="4" t="s">
        <v>20464</v>
      </c>
      <c r="E3948" s="4" t="s">
        <v>20465</v>
      </c>
      <c r="F3948" s="4" t="s">
        <v>1287</v>
      </c>
      <c r="G3948" s="4" t="s">
        <v>20466</v>
      </c>
      <c r="H3948" s="4" t="s">
        <v>20467</v>
      </c>
      <c r="I3948" s="4" t="s">
        <v>20468</v>
      </c>
      <c r="K3948" s="4" t="s">
        <v>20469</v>
      </c>
    </row>
    <row r="3949" spans="1:11" ht="100.8" x14ac:dyDescent="0.3">
      <c r="A3949" s="1">
        <v>30486</v>
      </c>
      <c r="C3949" s="4" t="s">
        <v>20470</v>
      </c>
      <c r="D3949" s="4" t="s">
        <v>20471</v>
      </c>
      <c r="E3949" s="4" t="s">
        <v>20472</v>
      </c>
      <c r="F3949" s="4" t="s">
        <v>20473</v>
      </c>
      <c r="G3949" s="4" t="s">
        <v>20474</v>
      </c>
      <c r="H3949" s="4" t="s">
        <v>20475</v>
      </c>
      <c r="K3949" s="4" t="s">
        <v>20476</v>
      </c>
    </row>
    <row r="3950" spans="1:11" ht="86.4" x14ac:dyDescent="0.3">
      <c r="A3950" s="1">
        <v>30491</v>
      </c>
      <c r="C3950" s="4" t="s">
        <v>20477</v>
      </c>
      <c r="I3950" s="4" t="s">
        <v>20478</v>
      </c>
      <c r="K3950" s="4" t="s">
        <v>20479</v>
      </c>
    </row>
    <row r="3951" spans="1:11" x14ac:dyDescent="0.3">
      <c r="A3951" s="1">
        <v>30496</v>
      </c>
    </row>
    <row r="3952" spans="1:11" ht="72" x14ac:dyDescent="0.3">
      <c r="A3952" s="1">
        <v>30501</v>
      </c>
      <c r="C3952" s="4" t="s">
        <v>20480</v>
      </c>
      <c r="D3952" s="4" t="s">
        <v>20481</v>
      </c>
      <c r="E3952" s="4" t="s">
        <v>20482</v>
      </c>
      <c r="G3952" s="4" t="s">
        <v>20483</v>
      </c>
      <c r="H3952" s="4" t="s">
        <v>20484</v>
      </c>
      <c r="I3952" s="4" t="s">
        <v>20485</v>
      </c>
      <c r="J3952" s="4" t="s">
        <v>20486</v>
      </c>
      <c r="K3952" s="4" t="s">
        <v>20487</v>
      </c>
    </row>
    <row r="3953" spans="1:11" ht="57.6" x14ac:dyDescent="0.3">
      <c r="A3953" s="1">
        <v>30511</v>
      </c>
      <c r="G3953" s="4" t="s">
        <v>20488</v>
      </c>
      <c r="I3953" s="4" t="s">
        <v>20489</v>
      </c>
      <c r="K3953" s="4" t="s">
        <v>20490</v>
      </c>
    </row>
    <row r="3954" spans="1:11" ht="86.4" x14ac:dyDescent="0.3">
      <c r="A3954" s="1">
        <v>30516</v>
      </c>
      <c r="C3954" s="4" t="s">
        <v>20491</v>
      </c>
      <c r="D3954" s="4" t="s">
        <v>20492</v>
      </c>
      <c r="E3954" s="4" t="s">
        <v>20493</v>
      </c>
      <c r="F3954" s="4" t="s">
        <v>20494</v>
      </c>
      <c r="G3954" s="4" t="s">
        <v>20495</v>
      </c>
      <c r="H3954" s="4" t="s">
        <v>20495</v>
      </c>
      <c r="K3954" s="4" t="s">
        <v>20496</v>
      </c>
    </row>
    <row r="3955" spans="1:11" ht="72" x14ac:dyDescent="0.3">
      <c r="A3955" s="1">
        <v>30531</v>
      </c>
      <c r="C3955" s="4" t="s">
        <v>20497</v>
      </c>
      <c r="D3955" s="4" t="s">
        <v>20498</v>
      </c>
      <c r="E3955" s="4" t="s">
        <v>20499</v>
      </c>
      <c r="F3955" s="4" t="s">
        <v>20500</v>
      </c>
      <c r="G3955" s="4" t="s">
        <v>20501</v>
      </c>
      <c r="H3955" s="4" t="s">
        <v>20502</v>
      </c>
      <c r="I3955" s="4" t="s">
        <v>20503</v>
      </c>
      <c r="K3955" s="4" t="s">
        <v>20504</v>
      </c>
    </row>
    <row r="3956" spans="1:11" ht="86.4" x14ac:dyDescent="0.3">
      <c r="A3956" s="1">
        <v>30546</v>
      </c>
      <c r="C3956" s="4" t="s">
        <v>20505</v>
      </c>
      <c r="D3956" s="4" t="s">
        <v>20506</v>
      </c>
      <c r="E3956" s="4" t="s">
        <v>20507</v>
      </c>
      <c r="F3956" s="4" t="s">
        <v>20508</v>
      </c>
      <c r="G3956" s="4" t="s">
        <v>20509</v>
      </c>
      <c r="H3956" s="4" t="s">
        <v>20510</v>
      </c>
      <c r="I3956" s="4" t="s">
        <v>20511</v>
      </c>
      <c r="K3956" s="4" t="s">
        <v>20512</v>
      </c>
    </row>
    <row r="3957" spans="1:11" ht="57.6" x14ac:dyDescent="0.3">
      <c r="A3957" s="1">
        <v>30551</v>
      </c>
      <c r="D3957" s="4" t="s">
        <v>20513</v>
      </c>
      <c r="E3957" s="4" t="s">
        <v>20514</v>
      </c>
      <c r="F3957" s="4" t="s">
        <v>20515</v>
      </c>
      <c r="G3957" s="4" t="s">
        <v>20516</v>
      </c>
      <c r="H3957" s="4" t="s">
        <v>20517</v>
      </c>
      <c r="I3957" s="4" t="s">
        <v>20518</v>
      </c>
      <c r="K3957" s="4" t="s">
        <v>20519</v>
      </c>
    </row>
    <row r="3958" spans="1:11" ht="72" x14ac:dyDescent="0.3">
      <c r="A3958" s="1">
        <v>30561</v>
      </c>
      <c r="C3958" s="4" t="s">
        <v>20520</v>
      </c>
      <c r="D3958" s="4" t="s">
        <v>20520</v>
      </c>
      <c r="E3958" s="4" t="s">
        <v>20520</v>
      </c>
      <c r="F3958" s="4" t="s">
        <v>20520</v>
      </c>
      <c r="G3958" s="4" t="s">
        <v>20520</v>
      </c>
      <c r="H3958" s="4" t="s">
        <v>20520</v>
      </c>
      <c r="I3958" s="4" t="s">
        <v>20520</v>
      </c>
      <c r="K3958" s="4" t="s">
        <v>20520</v>
      </c>
    </row>
    <row r="3959" spans="1:11" x14ac:dyDescent="0.3">
      <c r="A3959" s="1">
        <v>30571</v>
      </c>
    </row>
    <row r="3960" spans="1:11" x14ac:dyDescent="0.3">
      <c r="A3960" s="1">
        <v>30576</v>
      </c>
    </row>
    <row r="3961" spans="1:11" ht="43.2" x14ac:dyDescent="0.3">
      <c r="A3961" s="1">
        <v>30586</v>
      </c>
      <c r="D3961" s="4" t="s">
        <v>20521</v>
      </c>
      <c r="E3961" s="4" t="s">
        <v>20521</v>
      </c>
      <c r="I3961" s="4" t="s">
        <v>20522</v>
      </c>
    </row>
    <row r="3962" spans="1:11" ht="57.6" x14ac:dyDescent="0.3">
      <c r="A3962" s="1">
        <v>30591</v>
      </c>
      <c r="D3962" s="4" t="s">
        <v>20523</v>
      </c>
      <c r="F3962" s="4" t="s">
        <v>20524</v>
      </c>
      <c r="G3962" s="4" t="s">
        <v>20525</v>
      </c>
      <c r="I3962" s="4" t="s">
        <v>20526</v>
      </c>
    </row>
    <row r="3963" spans="1:11" ht="57.6" x14ac:dyDescent="0.3">
      <c r="A3963" s="1">
        <v>30601</v>
      </c>
      <c r="C3963" s="4" t="s">
        <v>20527</v>
      </c>
      <c r="D3963" s="4" t="s">
        <v>20528</v>
      </c>
      <c r="G3963" s="4" t="s">
        <v>20529</v>
      </c>
    </row>
    <row r="3964" spans="1:11" ht="86.4" x14ac:dyDescent="0.3">
      <c r="A3964" s="1">
        <v>30606</v>
      </c>
      <c r="C3964" s="4" t="s">
        <v>20530</v>
      </c>
      <c r="D3964" s="4" t="s">
        <v>20531</v>
      </c>
      <c r="E3964" s="4" t="s">
        <v>20532</v>
      </c>
      <c r="F3964" s="4" t="s">
        <v>20533</v>
      </c>
      <c r="G3964" s="4" t="s">
        <v>20534</v>
      </c>
      <c r="H3964" s="4" t="s">
        <v>20535</v>
      </c>
      <c r="I3964" s="4" t="s">
        <v>20536</v>
      </c>
      <c r="J3964" s="4" t="s">
        <v>20537</v>
      </c>
      <c r="K3964" s="4" t="s">
        <v>20538</v>
      </c>
    </row>
    <row r="3965" spans="1:11" ht="57.6" x14ac:dyDescent="0.3">
      <c r="A3965" s="1">
        <v>30611</v>
      </c>
      <c r="C3965" s="4" t="s">
        <v>20539</v>
      </c>
      <c r="D3965" s="4" t="s">
        <v>20540</v>
      </c>
      <c r="E3965" s="4" t="s">
        <v>20541</v>
      </c>
      <c r="F3965" s="4" t="s">
        <v>20542</v>
      </c>
      <c r="G3965" s="4" t="s">
        <v>20543</v>
      </c>
      <c r="H3965" s="4" t="s">
        <v>20544</v>
      </c>
      <c r="K3965" s="4" t="s">
        <v>20545</v>
      </c>
    </row>
    <row r="3966" spans="1:11" ht="86.4" x14ac:dyDescent="0.3">
      <c r="A3966" s="1">
        <v>30616</v>
      </c>
      <c r="C3966" s="4" t="s">
        <v>20546</v>
      </c>
      <c r="D3966" s="4" t="s">
        <v>20547</v>
      </c>
      <c r="E3966" s="4" t="s">
        <v>20548</v>
      </c>
    </row>
    <row r="3967" spans="1:11" ht="86.4" x14ac:dyDescent="0.3">
      <c r="A3967" s="1">
        <v>30621</v>
      </c>
      <c r="C3967" s="4" t="s">
        <v>20549</v>
      </c>
      <c r="D3967" s="4" t="s">
        <v>20550</v>
      </c>
      <c r="G3967" s="4" t="s">
        <v>20551</v>
      </c>
      <c r="H3967" s="4" t="s">
        <v>20552</v>
      </c>
      <c r="I3967" s="4" t="s">
        <v>20553</v>
      </c>
      <c r="K3967" s="4" t="s">
        <v>20554</v>
      </c>
    </row>
    <row r="3968" spans="1:11" ht="72" x14ac:dyDescent="0.3">
      <c r="A3968" s="1">
        <v>30626</v>
      </c>
      <c r="C3968" s="4" t="s">
        <v>20555</v>
      </c>
      <c r="D3968" s="4" t="s">
        <v>20556</v>
      </c>
      <c r="E3968" s="4" t="s">
        <v>20557</v>
      </c>
      <c r="F3968" s="4" t="s">
        <v>20558</v>
      </c>
      <c r="G3968" s="4" t="s">
        <v>20559</v>
      </c>
      <c r="H3968" s="4" t="s">
        <v>20560</v>
      </c>
      <c r="I3968" s="4" t="s">
        <v>20561</v>
      </c>
      <c r="K3968" s="4" t="s">
        <v>20562</v>
      </c>
    </row>
    <row r="3969" spans="1:11" ht="72" x14ac:dyDescent="0.3">
      <c r="A3969" s="1">
        <v>30636</v>
      </c>
      <c r="C3969" s="4" t="s">
        <v>20563</v>
      </c>
      <c r="D3969" s="4" t="s">
        <v>20564</v>
      </c>
      <c r="E3969" s="4" t="s">
        <v>20565</v>
      </c>
      <c r="G3969" s="4" t="s">
        <v>20566</v>
      </c>
      <c r="H3969" s="4" t="s">
        <v>20567</v>
      </c>
    </row>
    <row r="3970" spans="1:11" ht="57.6" x14ac:dyDescent="0.3">
      <c r="A3970" s="1">
        <v>30651</v>
      </c>
      <c r="C3970" s="4" t="s">
        <v>20568</v>
      </c>
      <c r="D3970" s="4" t="s">
        <v>20569</v>
      </c>
      <c r="E3970" s="4" t="s">
        <v>20570</v>
      </c>
      <c r="F3970" s="4" t="s">
        <v>20571</v>
      </c>
      <c r="G3970" s="4" t="s">
        <v>20572</v>
      </c>
      <c r="H3970" s="4" t="s">
        <v>20573</v>
      </c>
      <c r="I3970" s="4" t="s">
        <v>20574</v>
      </c>
      <c r="J3970" s="4" t="s">
        <v>20575</v>
      </c>
      <c r="K3970" s="4" t="s">
        <v>20576</v>
      </c>
    </row>
    <row r="3971" spans="1:11" ht="57.6" x14ac:dyDescent="0.3">
      <c r="A3971" s="1">
        <v>30661</v>
      </c>
      <c r="K3971" s="4" t="s">
        <v>20577</v>
      </c>
    </row>
    <row r="3972" spans="1:11" ht="72" x14ac:dyDescent="0.3">
      <c r="A3972" s="1">
        <v>30681</v>
      </c>
      <c r="C3972" s="4" t="s">
        <v>20578</v>
      </c>
      <c r="H3972" s="4" t="s">
        <v>20579</v>
      </c>
      <c r="K3972" s="4" t="s">
        <v>20580</v>
      </c>
    </row>
    <row r="3973" spans="1:11" ht="86.4" x14ac:dyDescent="0.3">
      <c r="A3973" s="1">
        <v>30686</v>
      </c>
      <c r="C3973" s="4" t="s">
        <v>20581</v>
      </c>
      <c r="D3973" s="4" t="s">
        <v>20582</v>
      </c>
      <c r="E3973" s="4" t="s">
        <v>20583</v>
      </c>
      <c r="F3973" s="4" t="s">
        <v>20584</v>
      </c>
      <c r="G3973" s="4" t="s">
        <v>20585</v>
      </c>
      <c r="H3973" s="4" t="s">
        <v>20586</v>
      </c>
      <c r="I3973" s="4" t="s">
        <v>20587</v>
      </c>
      <c r="K3973" s="4" t="s">
        <v>20588</v>
      </c>
    </row>
    <row r="3974" spans="1:11" ht="28.8" x14ac:dyDescent="0.3">
      <c r="A3974" s="1">
        <v>30691</v>
      </c>
      <c r="F3974" s="4" t="s">
        <v>20589</v>
      </c>
    </row>
    <row r="3975" spans="1:11" x14ac:dyDescent="0.3">
      <c r="A3975" s="1">
        <v>30701</v>
      </c>
    </row>
    <row r="3976" spans="1:11" ht="28.8" x14ac:dyDescent="0.3">
      <c r="A3976" s="1">
        <v>30706</v>
      </c>
      <c r="C3976" s="4" t="s">
        <v>20590</v>
      </c>
      <c r="D3976" s="4" t="s">
        <v>20591</v>
      </c>
      <c r="E3976" s="4" t="s">
        <v>20592</v>
      </c>
      <c r="F3976" s="4" t="s">
        <v>20593</v>
      </c>
      <c r="G3976" s="4" t="s">
        <v>20590</v>
      </c>
      <c r="H3976" s="4" t="s">
        <v>20594</v>
      </c>
      <c r="I3976" s="4" t="s">
        <v>20595</v>
      </c>
      <c r="K3976" s="4" t="s">
        <v>20596</v>
      </c>
    </row>
    <row r="3977" spans="1:11" x14ac:dyDescent="0.3">
      <c r="A3977" s="1">
        <v>30711</v>
      </c>
      <c r="C3977" s="4" t="s">
        <v>20597</v>
      </c>
      <c r="D3977" s="4" t="s">
        <v>20598</v>
      </c>
      <c r="I3977" s="4" t="s">
        <v>20599</v>
      </c>
    </row>
    <row r="3978" spans="1:11" x14ac:dyDescent="0.3">
      <c r="A3978" s="1">
        <v>30726</v>
      </c>
      <c r="C3978" s="4" t="s">
        <v>20600</v>
      </c>
      <c r="D3978" s="4" t="s">
        <v>20601</v>
      </c>
    </row>
    <row r="3979" spans="1:11" x14ac:dyDescent="0.3">
      <c r="A3979" s="1">
        <v>30746</v>
      </c>
    </row>
    <row r="3980" spans="1:11" ht="86.4" x14ac:dyDescent="0.3">
      <c r="A3980" s="1">
        <v>30751</v>
      </c>
      <c r="C3980" s="4" t="s">
        <v>20602</v>
      </c>
      <c r="D3980" s="4" t="s">
        <v>20603</v>
      </c>
      <c r="E3980" s="4" t="s">
        <v>20604</v>
      </c>
      <c r="F3980" s="4" t="s">
        <v>20605</v>
      </c>
      <c r="G3980" s="4" t="s">
        <v>20606</v>
      </c>
      <c r="H3980" s="4" t="s">
        <v>20607</v>
      </c>
      <c r="I3980" s="4" t="s">
        <v>20608</v>
      </c>
      <c r="K3980" s="4" t="s">
        <v>20609</v>
      </c>
    </row>
    <row r="3981" spans="1:11" ht="86.4" x14ac:dyDescent="0.3">
      <c r="A3981" s="1">
        <v>30761</v>
      </c>
      <c r="C3981" s="4" t="s">
        <v>20610</v>
      </c>
      <c r="D3981" s="4" t="s">
        <v>20611</v>
      </c>
      <c r="E3981" s="4" t="s">
        <v>20612</v>
      </c>
      <c r="F3981" s="4" t="s">
        <v>20613</v>
      </c>
      <c r="G3981" s="4" t="s">
        <v>20614</v>
      </c>
      <c r="H3981" s="4" t="s">
        <v>20615</v>
      </c>
      <c r="I3981" s="4" t="s">
        <v>20616</v>
      </c>
      <c r="J3981" s="4" t="s">
        <v>20617</v>
      </c>
      <c r="K3981" s="4" t="s">
        <v>20618</v>
      </c>
    </row>
    <row r="3982" spans="1:11" ht="72" x14ac:dyDescent="0.3">
      <c r="A3982" s="1">
        <v>30771</v>
      </c>
      <c r="C3982" s="4" t="s">
        <v>20619</v>
      </c>
      <c r="D3982" s="4" t="s">
        <v>20620</v>
      </c>
      <c r="E3982" s="4" t="s">
        <v>20621</v>
      </c>
      <c r="F3982" s="4" t="s">
        <v>20622</v>
      </c>
      <c r="G3982" s="4" t="s">
        <v>20623</v>
      </c>
      <c r="H3982" s="4" t="s">
        <v>20624</v>
      </c>
      <c r="K3982" s="4" t="s">
        <v>20625</v>
      </c>
    </row>
    <row r="3983" spans="1:11" ht="57.6" x14ac:dyDescent="0.3">
      <c r="A3983" s="1">
        <v>30776</v>
      </c>
      <c r="C3983" s="4" t="s">
        <v>20626</v>
      </c>
      <c r="D3983" s="4" t="s">
        <v>20627</v>
      </c>
      <c r="E3983" s="4" t="s">
        <v>20628</v>
      </c>
      <c r="F3983" s="4" t="s">
        <v>20629</v>
      </c>
      <c r="G3983" s="4" t="s">
        <v>20630</v>
      </c>
      <c r="H3983" s="4" t="s">
        <v>20631</v>
      </c>
      <c r="K3983" s="4" t="s">
        <v>20632</v>
      </c>
    </row>
    <row r="3984" spans="1:11" ht="72" x14ac:dyDescent="0.3">
      <c r="A3984" s="1">
        <v>30791</v>
      </c>
      <c r="C3984" s="4" t="s">
        <v>20633</v>
      </c>
      <c r="D3984" s="4" t="s">
        <v>20634</v>
      </c>
      <c r="E3984" s="4" t="s">
        <v>20635</v>
      </c>
      <c r="I3984" s="4" t="s">
        <v>20636</v>
      </c>
      <c r="K3984" s="4" t="s">
        <v>20637</v>
      </c>
    </row>
    <row r="3985" spans="1:11" ht="72" x14ac:dyDescent="0.3">
      <c r="A3985" s="1">
        <v>30796</v>
      </c>
      <c r="C3985" s="4" t="s">
        <v>20638</v>
      </c>
      <c r="G3985" s="4" t="s">
        <v>20639</v>
      </c>
      <c r="H3985" s="4" t="s">
        <v>20640</v>
      </c>
      <c r="I3985" s="4" t="s">
        <v>18032</v>
      </c>
      <c r="K3985" s="4" t="s">
        <v>1285</v>
      </c>
    </row>
    <row r="3986" spans="1:11" ht="57.6" x14ac:dyDescent="0.3">
      <c r="A3986" s="1">
        <v>30801</v>
      </c>
      <c r="C3986" s="4" t="s">
        <v>20641</v>
      </c>
      <c r="G3986" s="4" t="s">
        <v>20642</v>
      </c>
      <c r="I3986" s="4" t="s">
        <v>20643</v>
      </c>
      <c r="K3986" s="4" t="s">
        <v>20644</v>
      </c>
    </row>
    <row r="3987" spans="1:11" ht="86.4" x14ac:dyDescent="0.3">
      <c r="A3987" s="1">
        <v>30811</v>
      </c>
      <c r="C3987" s="4" t="s">
        <v>23167</v>
      </c>
      <c r="D3987" s="4" t="s">
        <v>20645</v>
      </c>
      <c r="F3987" s="4" t="s">
        <v>20646</v>
      </c>
      <c r="G3987" s="4" t="s">
        <v>20647</v>
      </c>
      <c r="H3987" s="4" t="s">
        <v>20648</v>
      </c>
      <c r="K3987" s="4" t="s">
        <v>20649</v>
      </c>
    </row>
    <row r="3988" spans="1:11" ht="28.8" x14ac:dyDescent="0.3">
      <c r="A3988" s="1">
        <v>30816</v>
      </c>
      <c r="C3988" s="4" t="s">
        <v>20650</v>
      </c>
      <c r="D3988" s="4" t="s">
        <v>20651</v>
      </c>
      <c r="E3988" s="4" t="s">
        <v>20652</v>
      </c>
    </row>
    <row r="3989" spans="1:11" ht="86.4" x14ac:dyDescent="0.3">
      <c r="A3989" s="1">
        <v>30821</v>
      </c>
      <c r="C3989" s="4" t="s">
        <v>20653</v>
      </c>
      <c r="D3989" s="4" t="s">
        <v>20654</v>
      </c>
      <c r="G3989" s="4" t="s">
        <v>20655</v>
      </c>
      <c r="H3989" s="4" t="s">
        <v>20656</v>
      </c>
      <c r="I3989" s="4" t="s">
        <v>20657</v>
      </c>
      <c r="K3989" s="4" t="s">
        <v>20658</v>
      </c>
    </row>
    <row r="3990" spans="1:11" ht="43.2" x14ac:dyDescent="0.3">
      <c r="A3990" s="1">
        <v>30831</v>
      </c>
      <c r="C3990" s="4" t="s">
        <v>20659</v>
      </c>
      <c r="D3990" s="4" t="s">
        <v>20660</v>
      </c>
      <c r="E3990" s="4" t="s">
        <v>20661</v>
      </c>
      <c r="F3990" s="4" t="s">
        <v>20662</v>
      </c>
      <c r="G3990" s="4" t="s">
        <v>20663</v>
      </c>
      <c r="H3990" s="4" t="s">
        <v>20664</v>
      </c>
      <c r="I3990" s="4" t="s">
        <v>20665</v>
      </c>
      <c r="K3990" s="4" t="s">
        <v>20666</v>
      </c>
    </row>
    <row r="3991" spans="1:11" x14ac:dyDescent="0.3">
      <c r="A3991" s="1">
        <v>30836</v>
      </c>
      <c r="D3991" s="4" t="s">
        <v>20667</v>
      </c>
      <c r="E3991" s="4" t="s">
        <v>20668</v>
      </c>
      <c r="F3991" s="4" t="s">
        <v>9656</v>
      </c>
    </row>
    <row r="3992" spans="1:11" ht="43.2" x14ac:dyDescent="0.3">
      <c r="A3992" s="1">
        <v>30846</v>
      </c>
      <c r="C3992" s="4" t="s">
        <v>20669</v>
      </c>
      <c r="D3992" s="4" t="s">
        <v>20670</v>
      </c>
      <c r="E3992" s="4" t="s">
        <v>20671</v>
      </c>
      <c r="F3992" s="4" t="s">
        <v>20672</v>
      </c>
      <c r="I3992" s="4" t="s">
        <v>20673</v>
      </c>
      <c r="K3992" s="4" t="s">
        <v>20674</v>
      </c>
    </row>
    <row r="3993" spans="1:11" ht="43.2" x14ac:dyDescent="0.3">
      <c r="A3993" s="1">
        <v>30851</v>
      </c>
      <c r="C3993" s="4" t="s">
        <v>20675</v>
      </c>
      <c r="D3993" s="4" t="s">
        <v>20676</v>
      </c>
      <c r="E3993" s="4" t="s">
        <v>20677</v>
      </c>
      <c r="G3993" s="4" t="s">
        <v>936</v>
      </c>
      <c r="H3993" s="4" t="s">
        <v>20678</v>
      </c>
    </row>
    <row r="3994" spans="1:11" ht="28.8" x14ac:dyDescent="0.3">
      <c r="A3994" s="1">
        <v>30856</v>
      </c>
      <c r="C3994" s="4" t="s">
        <v>20679</v>
      </c>
      <c r="I3994" s="4" t="s">
        <v>20680</v>
      </c>
    </row>
    <row r="3995" spans="1:11" ht="72" x14ac:dyDescent="0.3">
      <c r="A3995" s="1">
        <v>30861</v>
      </c>
      <c r="C3995" s="4" t="s">
        <v>20681</v>
      </c>
      <c r="D3995" s="4" t="s">
        <v>20682</v>
      </c>
      <c r="G3995" s="4" t="s">
        <v>20683</v>
      </c>
      <c r="K3995" s="4" t="s">
        <v>20684</v>
      </c>
    </row>
    <row r="3996" spans="1:11" ht="72" x14ac:dyDescent="0.3">
      <c r="A3996" s="1">
        <v>30866</v>
      </c>
      <c r="C3996" s="4" t="s">
        <v>20685</v>
      </c>
      <c r="D3996" s="4" t="s">
        <v>20686</v>
      </c>
      <c r="G3996" s="4" t="s">
        <v>20687</v>
      </c>
      <c r="H3996" s="4" t="s">
        <v>20688</v>
      </c>
      <c r="I3996" s="4" t="s">
        <v>20689</v>
      </c>
      <c r="K3996" s="4" t="s">
        <v>20690</v>
      </c>
    </row>
    <row r="3997" spans="1:11" ht="72" x14ac:dyDescent="0.3">
      <c r="A3997" s="1">
        <v>30876</v>
      </c>
      <c r="C3997" s="4" t="s">
        <v>20691</v>
      </c>
      <c r="F3997" s="4" t="s">
        <v>20692</v>
      </c>
      <c r="G3997" s="4" t="s">
        <v>20693</v>
      </c>
      <c r="H3997" s="4" t="s">
        <v>20694</v>
      </c>
      <c r="I3997" s="4" t="s">
        <v>20695</v>
      </c>
      <c r="K3997" s="4" t="s">
        <v>20696</v>
      </c>
    </row>
    <row r="3998" spans="1:11" x14ac:dyDescent="0.3">
      <c r="A3998" s="1">
        <v>30886</v>
      </c>
    </row>
    <row r="3999" spans="1:11" x14ac:dyDescent="0.3">
      <c r="A3999" s="1">
        <v>30891</v>
      </c>
      <c r="C3999" s="4" t="s">
        <v>20697</v>
      </c>
    </row>
    <row r="4000" spans="1:11" ht="86.4" x14ac:dyDescent="0.3">
      <c r="A4000" s="1">
        <v>30906</v>
      </c>
      <c r="C4000" s="4" t="s">
        <v>20698</v>
      </c>
      <c r="D4000" s="4" t="s">
        <v>20699</v>
      </c>
      <c r="E4000" s="4" t="s">
        <v>20700</v>
      </c>
      <c r="F4000" s="4" t="s">
        <v>20701</v>
      </c>
      <c r="G4000" s="4" t="s">
        <v>20702</v>
      </c>
      <c r="H4000" s="4" t="s">
        <v>20703</v>
      </c>
      <c r="K4000" s="4" t="s">
        <v>20704</v>
      </c>
    </row>
    <row r="4001" spans="1:11" ht="28.8" x14ac:dyDescent="0.3">
      <c r="A4001" s="1">
        <v>30911</v>
      </c>
      <c r="D4001" s="4" t="s">
        <v>20705</v>
      </c>
    </row>
    <row r="4002" spans="1:11" ht="86.4" x14ac:dyDescent="0.3">
      <c r="A4002" s="1">
        <v>30916</v>
      </c>
      <c r="D4002" s="4" t="s">
        <v>20706</v>
      </c>
      <c r="G4002" s="4" t="s">
        <v>20707</v>
      </c>
      <c r="H4002" s="4" t="s">
        <v>20708</v>
      </c>
      <c r="I4002" s="4" t="s">
        <v>20709</v>
      </c>
      <c r="J4002" s="4" t="s">
        <v>20710</v>
      </c>
      <c r="K4002" s="4" t="s">
        <v>20711</v>
      </c>
    </row>
    <row r="4003" spans="1:11" ht="86.4" x14ac:dyDescent="0.3">
      <c r="A4003" s="1">
        <v>30921</v>
      </c>
      <c r="C4003" s="4" t="s">
        <v>20712</v>
      </c>
      <c r="D4003" s="4" t="s">
        <v>20713</v>
      </c>
      <c r="E4003" s="4" t="s">
        <v>20714</v>
      </c>
      <c r="F4003" s="4" t="s">
        <v>20715</v>
      </c>
      <c r="G4003" s="4" t="s">
        <v>20716</v>
      </c>
      <c r="H4003" s="4" t="s">
        <v>20717</v>
      </c>
      <c r="I4003" s="4" t="s">
        <v>20718</v>
      </c>
      <c r="K4003" s="4" t="s">
        <v>20719</v>
      </c>
    </row>
    <row r="4004" spans="1:11" ht="86.4" x14ac:dyDescent="0.3">
      <c r="A4004" s="1">
        <v>30926</v>
      </c>
      <c r="C4004" s="4" t="s">
        <v>20720</v>
      </c>
      <c r="D4004" s="4" t="s">
        <v>20721</v>
      </c>
      <c r="G4004" s="4" t="s">
        <v>20722</v>
      </c>
      <c r="H4004" s="4" t="s">
        <v>20723</v>
      </c>
      <c r="I4004" s="4" t="s">
        <v>20724</v>
      </c>
      <c r="K4004" s="4" t="s">
        <v>20725</v>
      </c>
    </row>
    <row r="4005" spans="1:11" x14ac:dyDescent="0.3">
      <c r="A4005" s="1">
        <v>30931</v>
      </c>
      <c r="E4005" s="4" t="s">
        <v>20726</v>
      </c>
    </row>
    <row r="4006" spans="1:11" ht="86.4" x14ac:dyDescent="0.3">
      <c r="A4006" s="1">
        <v>30946</v>
      </c>
      <c r="C4006" s="4" t="s">
        <v>20727</v>
      </c>
      <c r="D4006" s="4" t="s">
        <v>20728</v>
      </c>
      <c r="E4006" s="4" t="s">
        <v>20729</v>
      </c>
      <c r="F4006" s="4" t="s">
        <v>20730</v>
      </c>
      <c r="G4006" s="4" t="s">
        <v>20731</v>
      </c>
      <c r="H4006" s="4" t="s">
        <v>20732</v>
      </c>
      <c r="I4006" s="4" t="s">
        <v>20733</v>
      </c>
      <c r="K4006" s="4" t="s">
        <v>20734</v>
      </c>
    </row>
    <row r="4007" spans="1:11" ht="28.8" x14ac:dyDescent="0.3">
      <c r="A4007" s="1">
        <v>30951</v>
      </c>
      <c r="C4007" s="4" t="s">
        <v>20735</v>
      </c>
      <c r="J4007" s="4" t="s">
        <v>20736</v>
      </c>
    </row>
    <row r="4008" spans="1:11" ht="86.4" x14ac:dyDescent="0.3">
      <c r="A4008" s="1">
        <v>30971</v>
      </c>
      <c r="C4008" s="4" t="s">
        <v>20737</v>
      </c>
      <c r="D4008" s="4" t="s">
        <v>20738</v>
      </c>
      <c r="E4008" s="4" t="s">
        <v>20739</v>
      </c>
      <c r="F4008" s="4" t="s">
        <v>20740</v>
      </c>
      <c r="G4008" s="4" t="s">
        <v>20741</v>
      </c>
      <c r="H4008" s="4" t="s">
        <v>20742</v>
      </c>
      <c r="I4008" s="4" t="s">
        <v>20743</v>
      </c>
      <c r="K4008" s="4" t="s">
        <v>20744</v>
      </c>
    </row>
    <row r="4009" spans="1:11" ht="72" x14ac:dyDescent="0.3">
      <c r="A4009" s="1">
        <v>30991</v>
      </c>
      <c r="C4009" s="4" t="s">
        <v>20745</v>
      </c>
      <c r="D4009" s="4" t="s">
        <v>20746</v>
      </c>
      <c r="E4009" s="4" t="s">
        <v>20747</v>
      </c>
      <c r="F4009" s="4" t="s">
        <v>20748</v>
      </c>
      <c r="H4009" s="4" t="s">
        <v>20749</v>
      </c>
      <c r="I4009" s="4" t="s">
        <v>20750</v>
      </c>
      <c r="K4009" s="4" t="s">
        <v>2302</v>
      </c>
    </row>
    <row r="4010" spans="1:11" ht="100.8" x14ac:dyDescent="0.3">
      <c r="A4010" s="1">
        <v>30996</v>
      </c>
      <c r="C4010" s="4" t="s">
        <v>23168</v>
      </c>
      <c r="D4010" s="4" t="s">
        <v>20751</v>
      </c>
      <c r="E4010" s="4" t="s">
        <v>20752</v>
      </c>
      <c r="H4010" s="4" t="s">
        <v>20753</v>
      </c>
      <c r="J4010" s="4" t="s">
        <v>20754</v>
      </c>
      <c r="K4010" s="4" t="s">
        <v>20755</v>
      </c>
    </row>
    <row r="4011" spans="1:11" ht="57.6" x14ac:dyDescent="0.3">
      <c r="A4011" s="1">
        <v>31001</v>
      </c>
      <c r="C4011" s="4" t="s">
        <v>20756</v>
      </c>
      <c r="D4011" s="4" t="s">
        <v>20757</v>
      </c>
      <c r="F4011" s="4" t="s">
        <v>20758</v>
      </c>
      <c r="G4011" s="4" t="s">
        <v>20759</v>
      </c>
      <c r="K4011" s="4" t="s">
        <v>20760</v>
      </c>
    </row>
    <row r="4012" spans="1:11" ht="86.4" x14ac:dyDescent="0.3">
      <c r="A4012" s="1">
        <v>31006</v>
      </c>
      <c r="C4012" s="4" t="s">
        <v>20761</v>
      </c>
      <c r="D4012" s="4" t="s">
        <v>20762</v>
      </c>
      <c r="E4012" s="4" t="s">
        <v>20763</v>
      </c>
      <c r="F4012" s="4" t="s">
        <v>20764</v>
      </c>
      <c r="G4012" s="4" t="s">
        <v>20765</v>
      </c>
      <c r="H4012" s="4" t="s">
        <v>20766</v>
      </c>
      <c r="I4012" s="4" t="s">
        <v>20767</v>
      </c>
    </row>
    <row r="4013" spans="1:11" ht="72" x14ac:dyDescent="0.3">
      <c r="A4013" s="1">
        <v>31016</v>
      </c>
      <c r="C4013" s="4" t="s">
        <v>20768</v>
      </c>
      <c r="F4013" s="4" t="s">
        <v>20769</v>
      </c>
      <c r="H4013" s="4" t="s">
        <v>20770</v>
      </c>
      <c r="J4013" s="4" t="s">
        <v>20771</v>
      </c>
      <c r="K4013" s="4" t="s">
        <v>20772</v>
      </c>
    </row>
    <row r="4014" spans="1:11" ht="28.8" x14ac:dyDescent="0.3">
      <c r="A4014" s="1">
        <v>31021</v>
      </c>
      <c r="C4014" s="4" t="s">
        <v>20773</v>
      </c>
      <c r="D4014" s="4" t="s">
        <v>20774</v>
      </c>
      <c r="G4014" s="4" t="s">
        <v>20775</v>
      </c>
      <c r="K4014" s="4" t="s">
        <v>20776</v>
      </c>
    </row>
    <row r="4015" spans="1:11" ht="86.4" x14ac:dyDescent="0.3">
      <c r="A4015" s="1">
        <v>31026</v>
      </c>
      <c r="C4015" s="4" t="s">
        <v>20777</v>
      </c>
      <c r="D4015" s="4" t="s">
        <v>20778</v>
      </c>
      <c r="E4015" s="4" t="s">
        <v>20779</v>
      </c>
      <c r="G4015" s="4" t="s">
        <v>20780</v>
      </c>
      <c r="H4015" s="4" t="s">
        <v>20781</v>
      </c>
      <c r="I4015" s="4" t="s">
        <v>20782</v>
      </c>
      <c r="J4015" s="4" t="s">
        <v>20783</v>
      </c>
      <c r="K4015" s="4" t="s">
        <v>20784</v>
      </c>
    </row>
    <row r="4016" spans="1:11" ht="86.4" x14ac:dyDescent="0.3">
      <c r="A4016" s="1">
        <v>31031</v>
      </c>
      <c r="C4016" s="4" t="s">
        <v>20785</v>
      </c>
      <c r="G4016" s="4" t="s">
        <v>20786</v>
      </c>
    </row>
    <row r="4017" spans="1:11" ht="86.4" x14ac:dyDescent="0.3">
      <c r="A4017" s="1">
        <v>31036</v>
      </c>
      <c r="C4017" s="4" t="s">
        <v>20787</v>
      </c>
      <c r="D4017" s="4" t="s">
        <v>20788</v>
      </c>
      <c r="E4017" s="4" t="s">
        <v>20789</v>
      </c>
      <c r="F4017" s="4" t="s">
        <v>20789</v>
      </c>
      <c r="G4017" s="4" t="s">
        <v>20790</v>
      </c>
      <c r="H4017" s="4" t="s">
        <v>20791</v>
      </c>
      <c r="I4017" s="4" t="s">
        <v>20792</v>
      </c>
      <c r="K4017" s="4" t="s">
        <v>20793</v>
      </c>
    </row>
    <row r="4018" spans="1:11" ht="86.4" x14ac:dyDescent="0.3">
      <c r="A4018" s="1">
        <v>31041</v>
      </c>
      <c r="D4018" s="4" t="s">
        <v>20794</v>
      </c>
      <c r="E4018" s="4" t="s">
        <v>20795</v>
      </c>
      <c r="F4018" s="4" t="s">
        <v>20796</v>
      </c>
      <c r="G4018" s="4" t="s">
        <v>20797</v>
      </c>
      <c r="H4018" s="4" t="s">
        <v>20798</v>
      </c>
      <c r="K4018" s="4" t="s">
        <v>20799</v>
      </c>
    </row>
    <row r="4019" spans="1:11" ht="72" x14ac:dyDescent="0.3">
      <c r="A4019" s="1">
        <v>31046</v>
      </c>
      <c r="C4019" s="4" t="s">
        <v>20800</v>
      </c>
      <c r="D4019" s="4" t="s">
        <v>20801</v>
      </c>
      <c r="E4019" s="4" t="s">
        <v>20802</v>
      </c>
      <c r="F4019" s="4" t="s">
        <v>20803</v>
      </c>
      <c r="J4019" s="4" t="s">
        <v>20804</v>
      </c>
    </row>
    <row r="4020" spans="1:11" ht="86.4" x14ac:dyDescent="0.3">
      <c r="A4020" s="1">
        <v>31051</v>
      </c>
      <c r="D4020" s="4" t="s">
        <v>20805</v>
      </c>
      <c r="F4020" s="4" t="s">
        <v>20806</v>
      </c>
      <c r="H4020" s="4" t="s">
        <v>20807</v>
      </c>
      <c r="I4020" s="4" t="s">
        <v>20808</v>
      </c>
      <c r="K4020" s="4" t="s">
        <v>20809</v>
      </c>
    </row>
    <row r="4021" spans="1:11" ht="86.4" x14ac:dyDescent="0.3">
      <c r="A4021" s="1">
        <v>31056</v>
      </c>
      <c r="C4021" s="4" t="s">
        <v>20810</v>
      </c>
      <c r="E4021" s="4" t="s">
        <v>20811</v>
      </c>
      <c r="F4021" s="4" t="s">
        <v>20812</v>
      </c>
      <c r="H4021" s="4" t="s">
        <v>20813</v>
      </c>
      <c r="I4021" s="4" t="s">
        <v>20814</v>
      </c>
      <c r="K4021" s="4" t="s">
        <v>20815</v>
      </c>
    </row>
    <row r="4022" spans="1:11" ht="72" x14ac:dyDescent="0.3">
      <c r="A4022" s="1">
        <v>31061</v>
      </c>
      <c r="C4022" s="4" t="s">
        <v>20816</v>
      </c>
      <c r="D4022" s="4" t="s">
        <v>20817</v>
      </c>
      <c r="E4022" s="4" t="s">
        <v>20818</v>
      </c>
      <c r="F4022" s="4" t="s">
        <v>20819</v>
      </c>
      <c r="G4022" s="4" t="s">
        <v>20820</v>
      </c>
      <c r="H4022" s="4" t="s">
        <v>20821</v>
      </c>
      <c r="K4022" s="4" t="s">
        <v>20822</v>
      </c>
    </row>
    <row r="4023" spans="1:11" ht="86.4" x14ac:dyDescent="0.3">
      <c r="A4023" s="1">
        <v>31066</v>
      </c>
      <c r="C4023" s="4" t="s">
        <v>20823</v>
      </c>
      <c r="D4023" s="4" t="s">
        <v>20824</v>
      </c>
      <c r="E4023" s="4" t="s">
        <v>20825</v>
      </c>
      <c r="F4023" s="4" t="s">
        <v>20826</v>
      </c>
      <c r="G4023" s="4" t="s">
        <v>20827</v>
      </c>
      <c r="H4023" s="4" t="s">
        <v>20828</v>
      </c>
      <c r="I4023" s="4" t="s">
        <v>20829</v>
      </c>
      <c r="K4023" s="4" t="s">
        <v>20830</v>
      </c>
    </row>
    <row r="4024" spans="1:11" ht="86.4" x14ac:dyDescent="0.3">
      <c r="A4024" s="1">
        <v>31081</v>
      </c>
      <c r="D4024" s="4" t="s">
        <v>20831</v>
      </c>
      <c r="E4024" s="4" t="s">
        <v>20832</v>
      </c>
      <c r="F4024" s="4" t="s">
        <v>20833</v>
      </c>
      <c r="J4024" s="4" t="s">
        <v>20834</v>
      </c>
      <c r="K4024" s="4" t="s">
        <v>20835</v>
      </c>
    </row>
    <row r="4025" spans="1:11" ht="86.4" x14ac:dyDescent="0.3">
      <c r="A4025" s="1">
        <v>31091</v>
      </c>
      <c r="C4025" s="4" t="s">
        <v>20836</v>
      </c>
      <c r="E4025" s="4" t="s">
        <v>20837</v>
      </c>
      <c r="F4025" s="4" t="s">
        <v>20838</v>
      </c>
      <c r="G4025" s="4" t="s">
        <v>20839</v>
      </c>
      <c r="H4025" s="4" t="s">
        <v>20840</v>
      </c>
      <c r="I4025" s="4" t="s">
        <v>20841</v>
      </c>
      <c r="K4025" s="4" t="s">
        <v>20842</v>
      </c>
    </row>
    <row r="4026" spans="1:11" x14ac:dyDescent="0.3">
      <c r="A4026" s="1">
        <v>31096</v>
      </c>
    </row>
    <row r="4027" spans="1:11" ht="72" x14ac:dyDescent="0.3">
      <c r="A4027" s="1">
        <v>31101</v>
      </c>
      <c r="K4027" s="4" t="s">
        <v>20843</v>
      </c>
    </row>
    <row r="4028" spans="1:11" x14ac:dyDescent="0.3">
      <c r="A4028" s="1">
        <v>31106</v>
      </c>
    </row>
    <row r="4029" spans="1:11" x14ac:dyDescent="0.3">
      <c r="A4029" s="1">
        <v>31111</v>
      </c>
    </row>
    <row r="4030" spans="1:11" ht="86.4" x14ac:dyDescent="0.3">
      <c r="A4030" s="1">
        <v>31121</v>
      </c>
      <c r="C4030" s="4" t="s">
        <v>20844</v>
      </c>
      <c r="D4030" s="4" t="s">
        <v>20845</v>
      </c>
      <c r="E4030" s="4" t="s">
        <v>20846</v>
      </c>
      <c r="F4030" s="4" t="s">
        <v>20847</v>
      </c>
      <c r="K4030" s="4" t="s">
        <v>20848</v>
      </c>
    </row>
    <row r="4031" spans="1:11" ht="72" x14ac:dyDescent="0.3">
      <c r="A4031" s="1">
        <v>31136</v>
      </c>
      <c r="C4031" s="4" t="s">
        <v>20849</v>
      </c>
      <c r="D4031" s="4" t="s">
        <v>20850</v>
      </c>
      <c r="F4031" s="4" t="s">
        <v>20851</v>
      </c>
      <c r="G4031" s="4" t="s">
        <v>20852</v>
      </c>
      <c r="H4031" s="4" t="s">
        <v>20853</v>
      </c>
      <c r="I4031" s="4" t="s">
        <v>20854</v>
      </c>
      <c r="K4031" s="4" t="s">
        <v>20855</v>
      </c>
    </row>
    <row r="4032" spans="1:11" ht="86.4" x14ac:dyDescent="0.3">
      <c r="A4032" s="1">
        <v>31141</v>
      </c>
      <c r="C4032" s="4" t="s">
        <v>20856</v>
      </c>
      <c r="D4032" s="4" t="s">
        <v>20857</v>
      </c>
      <c r="F4032" s="4" t="s">
        <v>20858</v>
      </c>
      <c r="G4032" s="4" t="s">
        <v>20859</v>
      </c>
      <c r="H4032" s="4" t="s">
        <v>20860</v>
      </c>
      <c r="I4032" s="4" t="s">
        <v>20861</v>
      </c>
      <c r="J4032" s="4" t="s">
        <v>20862</v>
      </c>
      <c r="K4032" s="4" t="s">
        <v>20863</v>
      </c>
    </row>
    <row r="4033" spans="1:11" x14ac:dyDescent="0.3">
      <c r="A4033" s="1">
        <v>31146</v>
      </c>
    </row>
    <row r="4034" spans="1:11" ht="43.2" x14ac:dyDescent="0.3">
      <c r="A4034" s="1">
        <v>31151</v>
      </c>
      <c r="C4034" s="4" t="s">
        <v>20864</v>
      </c>
      <c r="D4034" s="4" t="s">
        <v>20865</v>
      </c>
      <c r="E4034" s="4" t="s">
        <v>20866</v>
      </c>
      <c r="F4034" s="4" t="s">
        <v>20867</v>
      </c>
      <c r="G4034" s="4" t="s">
        <v>20868</v>
      </c>
      <c r="H4034" s="4" t="s">
        <v>20869</v>
      </c>
      <c r="I4034" s="4" t="s">
        <v>20870</v>
      </c>
    </row>
    <row r="4035" spans="1:11" ht="86.4" x14ac:dyDescent="0.3">
      <c r="A4035" s="1">
        <v>31161</v>
      </c>
      <c r="D4035" s="4" t="s">
        <v>20871</v>
      </c>
      <c r="F4035" s="4" t="s">
        <v>20872</v>
      </c>
      <c r="G4035" s="4" t="s">
        <v>20873</v>
      </c>
      <c r="H4035" s="4" t="s">
        <v>20874</v>
      </c>
      <c r="I4035" s="4" t="s">
        <v>20875</v>
      </c>
      <c r="K4035" s="4" t="s">
        <v>20876</v>
      </c>
    </row>
    <row r="4036" spans="1:11" ht="43.2" x14ac:dyDescent="0.3">
      <c r="A4036" s="1">
        <v>31181</v>
      </c>
      <c r="C4036" s="4" t="s">
        <v>20877</v>
      </c>
      <c r="D4036" s="4" t="s">
        <v>20878</v>
      </c>
      <c r="E4036" s="4" t="s">
        <v>20879</v>
      </c>
      <c r="F4036" s="4" t="s">
        <v>20880</v>
      </c>
      <c r="G4036" s="4" t="s">
        <v>20881</v>
      </c>
      <c r="H4036" s="4" t="s">
        <v>20882</v>
      </c>
      <c r="I4036" s="4" t="s">
        <v>20883</v>
      </c>
      <c r="K4036" s="4" t="s">
        <v>20884</v>
      </c>
    </row>
    <row r="4037" spans="1:11" ht="72" x14ac:dyDescent="0.3">
      <c r="A4037" s="1">
        <v>31191</v>
      </c>
      <c r="D4037" s="4" t="s">
        <v>20885</v>
      </c>
      <c r="E4037" s="4" t="s">
        <v>20886</v>
      </c>
      <c r="G4037" s="4" t="s">
        <v>20887</v>
      </c>
    </row>
    <row r="4038" spans="1:11" x14ac:dyDescent="0.3">
      <c r="A4038" s="1">
        <v>31196</v>
      </c>
    </row>
    <row r="4039" spans="1:11" ht="28.8" x14ac:dyDescent="0.3">
      <c r="A4039" s="1">
        <v>31206</v>
      </c>
      <c r="C4039" s="4" t="s">
        <v>20888</v>
      </c>
      <c r="G4039" s="4" t="s">
        <v>20889</v>
      </c>
      <c r="H4039" s="4" t="s">
        <v>20890</v>
      </c>
    </row>
    <row r="4040" spans="1:11" ht="86.4" x14ac:dyDescent="0.3">
      <c r="A4040" s="1">
        <v>31211</v>
      </c>
      <c r="C4040" s="4" t="s">
        <v>20891</v>
      </c>
      <c r="D4040" s="4" t="s">
        <v>20892</v>
      </c>
      <c r="E4040" s="4" t="s">
        <v>20893</v>
      </c>
      <c r="F4040" s="4" t="s">
        <v>20894</v>
      </c>
      <c r="G4040" s="4" t="s">
        <v>20895</v>
      </c>
      <c r="H4040" s="4" t="s">
        <v>20896</v>
      </c>
      <c r="I4040" s="4" t="s">
        <v>20897</v>
      </c>
      <c r="J4040" s="4" t="s">
        <v>20898</v>
      </c>
      <c r="K4040" s="4" t="s">
        <v>23179</v>
      </c>
    </row>
    <row r="4041" spans="1:11" ht="72" x14ac:dyDescent="0.3">
      <c r="A4041" s="1">
        <v>31216</v>
      </c>
      <c r="C4041" s="4" t="s">
        <v>20899</v>
      </c>
      <c r="D4041" s="4" t="s">
        <v>20900</v>
      </c>
      <c r="E4041" s="4" t="s">
        <v>20901</v>
      </c>
      <c r="F4041" s="4" t="s">
        <v>20902</v>
      </c>
      <c r="G4041" s="4" t="s">
        <v>20903</v>
      </c>
      <c r="H4041" s="4" t="s">
        <v>20904</v>
      </c>
      <c r="I4041" s="4" t="s">
        <v>20905</v>
      </c>
      <c r="K4041" s="4" t="s">
        <v>20906</v>
      </c>
    </row>
    <row r="4042" spans="1:11" ht="57.6" x14ac:dyDescent="0.3">
      <c r="A4042" s="1">
        <v>31221</v>
      </c>
      <c r="D4042" s="4" t="s">
        <v>20907</v>
      </c>
      <c r="K4042" s="4" t="s">
        <v>20908</v>
      </c>
    </row>
    <row r="4043" spans="1:11" x14ac:dyDescent="0.3">
      <c r="A4043" s="1">
        <v>31226</v>
      </c>
    </row>
    <row r="4044" spans="1:11" ht="72" x14ac:dyDescent="0.3">
      <c r="A4044" s="1">
        <v>31236</v>
      </c>
      <c r="C4044" s="4" t="s">
        <v>20909</v>
      </c>
      <c r="D4044" s="4" t="s">
        <v>20910</v>
      </c>
      <c r="E4044" s="4" t="s">
        <v>20911</v>
      </c>
      <c r="F4044" s="4" t="s">
        <v>20912</v>
      </c>
      <c r="G4044" s="4" t="s">
        <v>20913</v>
      </c>
      <c r="H4044" s="4" t="s">
        <v>20914</v>
      </c>
      <c r="I4044" s="4" t="s">
        <v>20915</v>
      </c>
      <c r="J4044" s="4" t="s">
        <v>20916</v>
      </c>
      <c r="K4044" s="4" t="s">
        <v>20917</v>
      </c>
    </row>
    <row r="4045" spans="1:11" ht="86.4" x14ac:dyDescent="0.3">
      <c r="A4045" s="1">
        <v>31241</v>
      </c>
      <c r="C4045" s="4" t="s">
        <v>20918</v>
      </c>
      <c r="D4045" s="4" t="s">
        <v>20919</v>
      </c>
    </row>
    <row r="4046" spans="1:11" ht="57.6" x14ac:dyDescent="0.3">
      <c r="A4046" s="1">
        <v>31246</v>
      </c>
      <c r="C4046" s="4" t="s">
        <v>20920</v>
      </c>
      <c r="D4046" s="4" t="s">
        <v>20921</v>
      </c>
      <c r="E4046" s="4" t="s">
        <v>20922</v>
      </c>
      <c r="F4046" s="4" t="s">
        <v>20923</v>
      </c>
      <c r="G4046" s="4" t="s">
        <v>20924</v>
      </c>
      <c r="H4046" s="4" t="s">
        <v>20925</v>
      </c>
      <c r="I4046" s="4" t="s">
        <v>20926</v>
      </c>
      <c r="K4046" s="4" t="s">
        <v>20927</v>
      </c>
    </row>
    <row r="4047" spans="1:11" ht="72" x14ac:dyDescent="0.3">
      <c r="A4047" s="1">
        <v>31251</v>
      </c>
      <c r="K4047" s="4" t="s">
        <v>20928</v>
      </c>
    </row>
    <row r="4048" spans="1:11" ht="86.4" x14ac:dyDescent="0.3">
      <c r="A4048" s="1">
        <v>31256</v>
      </c>
      <c r="C4048" s="4" t="s">
        <v>20929</v>
      </c>
      <c r="D4048" s="4" t="s">
        <v>20930</v>
      </c>
      <c r="E4048" s="4" t="s">
        <v>20931</v>
      </c>
      <c r="F4048" s="4" t="s">
        <v>20932</v>
      </c>
      <c r="H4048" s="4" t="s">
        <v>20933</v>
      </c>
      <c r="I4048" s="4" t="s">
        <v>20934</v>
      </c>
      <c r="K4048" s="4" t="s">
        <v>20935</v>
      </c>
    </row>
    <row r="4049" spans="1:11" ht="86.4" x14ac:dyDescent="0.3">
      <c r="A4049" s="1">
        <v>31266</v>
      </c>
      <c r="C4049" s="4" t="s">
        <v>20936</v>
      </c>
      <c r="D4049" s="4" t="s">
        <v>20937</v>
      </c>
      <c r="E4049" s="4" t="s">
        <v>20938</v>
      </c>
      <c r="F4049" s="4" t="s">
        <v>20939</v>
      </c>
      <c r="G4049" s="4" t="s">
        <v>20940</v>
      </c>
      <c r="H4049" s="4" t="s">
        <v>20941</v>
      </c>
      <c r="K4049" s="4" t="s">
        <v>20942</v>
      </c>
    </row>
    <row r="4050" spans="1:11" ht="72" x14ac:dyDescent="0.3">
      <c r="A4050" s="1">
        <v>31276</v>
      </c>
      <c r="C4050" s="4" t="s">
        <v>20943</v>
      </c>
      <c r="D4050" s="4" t="s">
        <v>20944</v>
      </c>
      <c r="E4050" s="4" t="s">
        <v>20945</v>
      </c>
      <c r="F4050" s="4" t="s">
        <v>20946</v>
      </c>
      <c r="G4050" s="4" t="s">
        <v>20947</v>
      </c>
      <c r="H4050" s="4" t="s">
        <v>20948</v>
      </c>
      <c r="K4050" s="4" t="s">
        <v>20949</v>
      </c>
    </row>
    <row r="4051" spans="1:11" ht="72" x14ac:dyDescent="0.3">
      <c r="A4051" s="1">
        <v>31286</v>
      </c>
      <c r="C4051" s="4" t="s">
        <v>20950</v>
      </c>
      <c r="D4051" s="4" t="s">
        <v>20951</v>
      </c>
      <c r="E4051" s="4" t="s">
        <v>20952</v>
      </c>
      <c r="F4051" s="4" t="s">
        <v>20953</v>
      </c>
      <c r="G4051" s="4" t="s">
        <v>20954</v>
      </c>
      <c r="H4051" s="4" t="s">
        <v>20955</v>
      </c>
      <c r="I4051" s="4" t="s">
        <v>20956</v>
      </c>
      <c r="K4051" s="4" t="s">
        <v>20957</v>
      </c>
    </row>
    <row r="4052" spans="1:11" ht="57.6" x14ac:dyDescent="0.3">
      <c r="A4052" s="1">
        <v>31291</v>
      </c>
      <c r="C4052" s="4" t="s">
        <v>23170</v>
      </c>
      <c r="D4052" s="4" t="s">
        <v>20958</v>
      </c>
      <c r="E4052" s="4" t="s">
        <v>20959</v>
      </c>
      <c r="F4052" s="4" t="s">
        <v>20960</v>
      </c>
      <c r="H4052" s="4" t="s">
        <v>20961</v>
      </c>
      <c r="I4052" s="4" t="s">
        <v>20962</v>
      </c>
      <c r="K4052" s="4" t="s">
        <v>23169</v>
      </c>
    </row>
    <row r="4053" spans="1:11" ht="57.6" x14ac:dyDescent="0.3">
      <c r="A4053" s="1">
        <v>31296</v>
      </c>
      <c r="C4053" s="4" t="s">
        <v>20963</v>
      </c>
      <c r="D4053" s="4" t="s">
        <v>20964</v>
      </c>
      <c r="E4053" s="4" t="s">
        <v>7588</v>
      </c>
      <c r="F4053" s="4" t="s">
        <v>7588</v>
      </c>
      <c r="G4053" s="4" t="s">
        <v>20965</v>
      </c>
      <c r="H4053" s="4" t="s">
        <v>20966</v>
      </c>
      <c r="I4053" s="4" t="s">
        <v>20967</v>
      </c>
      <c r="K4053" s="4" t="s">
        <v>20968</v>
      </c>
    </row>
    <row r="4054" spans="1:11" ht="72" x14ac:dyDescent="0.3">
      <c r="A4054" s="1">
        <v>31301</v>
      </c>
      <c r="C4054" s="4" t="s">
        <v>20969</v>
      </c>
      <c r="D4054" s="4" t="s">
        <v>20970</v>
      </c>
      <c r="E4054" s="4" t="s">
        <v>20971</v>
      </c>
      <c r="F4054" s="4" t="s">
        <v>8569</v>
      </c>
      <c r="G4054" s="4" t="s">
        <v>20972</v>
      </c>
      <c r="H4054" s="4" t="s">
        <v>20973</v>
      </c>
      <c r="I4054" s="4" t="s">
        <v>20974</v>
      </c>
      <c r="K4054" s="4" t="s">
        <v>20975</v>
      </c>
    </row>
    <row r="4055" spans="1:11" ht="86.4" x14ac:dyDescent="0.3">
      <c r="A4055" s="1">
        <v>31306</v>
      </c>
      <c r="C4055" s="4" t="s">
        <v>20976</v>
      </c>
      <c r="D4055" s="4" t="s">
        <v>20977</v>
      </c>
      <c r="E4055" s="4" t="s">
        <v>20978</v>
      </c>
      <c r="F4055" s="4" t="s">
        <v>20979</v>
      </c>
      <c r="G4055" s="4" t="s">
        <v>20980</v>
      </c>
      <c r="H4055" s="4" t="s">
        <v>20981</v>
      </c>
      <c r="I4055" s="4" t="s">
        <v>20982</v>
      </c>
      <c r="J4055" s="4" t="s">
        <v>20983</v>
      </c>
      <c r="K4055" s="4" t="s">
        <v>20984</v>
      </c>
    </row>
    <row r="4056" spans="1:11" ht="86.4" x14ac:dyDescent="0.3">
      <c r="A4056" s="1">
        <v>31311</v>
      </c>
      <c r="C4056" s="4" t="s">
        <v>20985</v>
      </c>
      <c r="D4056" s="4" t="s">
        <v>20986</v>
      </c>
      <c r="E4056" s="4" t="s">
        <v>20987</v>
      </c>
      <c r="F4056" s="4" t="s">
        <v>20988</v>
      </c>
      <c r="G4056" s="4" t="s">
        <v>20989</v>
      </c>
      <c r="H4056" s="4" t="s">
        <v>20990</v>
      </c>
      <c r="I4056" s="4" t="s">
        <v>20991</v>
      </c>
      <c r="J4056" s="4" t="s">
        <v>20992</v>
      </c>
      <c r="K4056" s="4" t="s">
        <v>20993</v>
      </c>
    </row>
    <row r="4057" spans="1:11" x14ac:dyDescent="0.3">
      <c r="A4057" s="1">
        <v>31316</v>
      </c>
    </row>
    <row r="4058" spans="1:11" ht="72" x14ac:dyDescent="0.3">
      <c r="A4058" s="1">
        <v>31321</v>
      </c>
      <c r="C4058" s="4" t="s">
        <v>20994</v>
      </c>
      <c r="D4058" s="4" t="s">
        <v>20995</v>
      </c>
      <c r="E4058" s="4" t="s">
        <v>20996</v>
      </c>
      <c r="F4058" s="4" t="s">
        <v>20997</v>
      </c>
      <c r="G4058" s="4" t="s">
        <v>20998</v>
      </c>
    </row>
    <row r="4059" spans="1:11" x14ac:dyDescent="0.3">
      <c r="A4059" s="1">
        <v>31326</v>
      </c>
      <c r="C4059" s="4" t="s">
        <v>20999</v>
      </c>
    </row>
    <row r="4060" spans="1:11" ht="43.2" x14ac:dyDescent="0.3">
      <c r="A4060" s="1">
        <v>31331</v>
      </c>
      <c r="C4060" s="4" t="s">
        <v>21000</v>
      </c>
      <c r="D4060" s="4" t="s">
        <v>21001</v>
      </c>
      <c r="E4060" s="4" t="s">
        <v>21001</v>
      </c>
      <c r="F4060" s="4" t="s">
        <v>17878</v>
      </c>
      <c r="G4060" s="4" t="s">
        <v>21002</v>
      </c>
      <c r="H4060" s="4" t="s">
        <v>21003</v>
      </c>
      <c r="I4060" s="4" t="s">
        <v>21004</v>
      </c>
    </row>
    <row r="4061" spans="1:11" ht="86.4" x14ac:dyDescent="0.3">
      <c r="A4061" s="1">
        <v>31336</v>
      </c>
      <c r="C4061" s="4" t="s">
        <v>21005</v>
      </c>
      <c r="D4061" s="4" t="s">
        <v>21006</v>
      </c>
      <c r="G4061" s="4" t="s">
        <v>21007</v>
      </c>
      <c r="K4061" s="4" t="s">
        <v>21008</v>
      </c>
    </row>
    <row r="4062" spans="1:11" ht="86.4" x14ac:dyDescent="0.3">
      <c r="A4062" s="1">
        <v>31356</v>
      </c>
      <c r="C4062" s="4" t="s">
        <v>12574</v>
      </c>
      <c r="D4062" s="4" t="s">
        <v>21009</v>
      </c>
      <c r="E4062" s="4" t="s">
        <v>21010</v>
      </c>
      <c r="G4062" s="4" t="s">
        <v>21011</v>
      </c>
      <c r="H4062" s="4" t="s">
        <v>21012</v>
      </c>
      <c r="I4062" s="4" t="s">
        <v>23186</v>
      </c>
      <c r="J4062" s="4" t="s">
        <v>10521</v>
      </c>
      <c r="K4062" s="4" t="s">
        <v>23180</v>
      </c>
    </row>
    <row r="4063" spans="1:11" ht="72" x14ac:dyDescent="0.3">
      <c r="A4063" s="1">
        <v>31361</v>
      </c>
      <c r="C4063" s="4" t="s">
        <v>21013</v>
      </c>
      <c r="D4063" s="4" t="s">
        <v>21014</v>
      </c>
      <c r="E4063" s="4" t="s">
        <v>21015</v>
      </c>
      <c r="G4063" s="4" t="s">
        <v>21016</v>
      </c>
      <c r="H4063" s="4" t="s">
        <v>21017</v>
      </c>
      <c r="I4063" s="4" t="s">
        <v>21018</v>
      </c>
      <c r="K4063" s="4" t="s">
        <v>21019</v>
      </c>
    </row>
    <row r="4064" spans="1:11" ht="57.6" x14ac:dyDescent="0.3">
      <c r="A4064" s="1">
        <v>31371</v>
      </c>
      <c r="C4064" s="4" t="s">
        <v>21020</v>
      </c>
      <c r="D4064" s="4" t="s">
        <v>21021</v>
      </c>
      <c r="E4064" s="4" t="s">
        <v>21022</v>
      </c>
      <c r="F4064" s="4" t="s">
        <v>21022</v>
      </c>
      <c r="G4064" s="4" t="s">
        <v>21023</v>
      </c>
      <c r="H4064" s="4" t="s">
        <v>21024</v>
      </c>
      <c r="I4064" s="4" t="s">
        <v>11499</v>
      </c>
      <c r="J4064" s="4" t="s">
        <v>21025</v>
      </c>
      <c r="K4064" s="4" t="s">
        <v>21026</v>
      </c>
    </row>
    <row r="4065" spans="1:11" ht="100.8" x14ac:dyDescent="0.3">
      <c r="A4065" s="1">
        <v>31376</v>
      </c>
      <c r="C4065" s="4" t="s">
        <v>21027</v>
      </c>
      <c r="D4065" s="4" t="s">
        <v>21028</v>
      </c>
      <c r="E4065" s="4" t="s">
        <v>21029</v>
      </c>
      <c r="F4065" s="4" t="s">
        <v>21030</v>
      </c>
      <c r="G4065" s="4" t="s">
        <v>21031</v>
      </c>
      <c r="H4065" s="4" t="s">
        <v>21032</v>
      </c>
      <c r="I4065" s="4" t="s">
        <v>21033</v>
      </c>
      <c r="K4065" s="4" t="s">
        <v>21034</v>
      </c>
    </row>
    <row r="4066" spans="1:11" ht="72" x14ac:dyDescent="0.3">
      <c r="A4066" s="1">
        <v>31391</v>
      </c>
      <c r="C4066" s="4" t="s">
        <v>21035</v>
      </c>
      <c r="D4066" s="4" t="s">
        <v>21036</v>
      </c>
      <c r="E4066" s="4" t="s">
        <v>21036</v>
      </c>
      <c r="F4066" s="4" t="s">
        <v>21036</v>
      </c>
      <c r="G4066" s="4" t="s">
        <v>21037</v>
      </c>
      <c r="I4066" s="4" t="s">
        <v>21038</v>
      </c>
      <c r="K4066" s="4" t="s">
        <v>21039</v>
      </c>
    </row>
    <row r="4067" spans="1:11" ht="57.6" x14ac:dyDescent="0.3">
      <c r="A4067" s="1">
        <v>31401</v>
      </c>
      <c r="C4067" s="4" t="s">
        <v>21040</v>
      </c>
    </row>
    <row r="4068" spans="1:11" ht="86.4" x14ac:dyDescent="0.3">
      <c r="A4068" s="1">
        <v>31406</v>
      </c>
      <c r="C4068" s="4" t="s">
        <v>21041</v>
      </c>
      <c r="D4068" s="4" t="s">
        <v>21042</v>
      </c>
      <c r="E4068" s="4" t="s">
        <v>21043</v>
      </c>
      <c r="F4068" s="4" t="s">
        <v>21044</v>
      </c>
      <c r="G4068" s="4" t="s">
        <v>21045</v>
      </c>
      <c r="H4068" s="4" t="s">
        <v>21046</v>
      </c>
      <c r="I4068" s="4" t="s">
        <v>21047</v>
      </c>
      <c r="K4068" s="4" t="s">
        <v>21048</v>
      </c>
    </row>
    <row r="4069" spans="1:11" ht="72" x14ac:dyDescent="0.3">
      <c r="A4069" s="1">
        <v>31416</v>
      </c>
      <c r="C4069" s="4" t="s">
        <v>21049</v>
      </c>
      <c r="D4069" s="4" t="s">
        <v>21050</v>
      </c>
      <c r="E4069" s="4" t="s">
        <v>21051</v>
      </c>
      <c r="F4069" s="4" t="s">
        <v>21052</v>
      </c>
      <c r="G4069" s="4" t="s">
        <v>21053</v>
      </c>
      <c r="H4069" s="4" t="s">
        <v>21054</v>
      </c>
      <c r="I4069" s="4" t="s">
        <v>21055</v>
      </c>
      <c r="J4069" s="4" t="s">
        <v>21056</v>
      </c>
      <c r="K4069" s="4" t="s">
        <v>21057</v>
      </c>
    </row>
    <row r="4070" spans="1:11" x14ac:dyDescent="0.3">
      <c r="A4070" s="1">
        <v>31426</v>
      </c>
      <c r="D4070" s="4" t="s">
        <v>21058</v>
      </c>
    </row>
    <row r="4071" spans="1:11" ht="72" x14ac:dyDescent="0.3">
      <c r="A4071" s="1">
        <v>31436</v>
      </c>
      <c r="B4071" s="1" t="s">
        <v>9377</v>
      </c>
      <c r="C4071" s="4" t="s">
        <v>21059</v>
      </c>
    </row>
    <row r="4072" spans="1:11" ht="86.4" x14ac:dyDescent="0.3">
      <c r="A4072" s="1">
        <v>31441</v>
      </c>
      <c r="C4072" s="4" t="s">
        <v>21060</v>
      </c>
      <c r="D4072" s="4" t="s">
        <v>21061</v>
      </c>
      <c r="E4072" s="4" t="s">
        <v>21062</v>
      </c>
      <c r="F4072" s="4" t="s">
        <v>21063</v>
      </c>
      <c r="G4072" s="4" t="s">
        <v>21064</v>
      </c>
      <c r="H4072" s="4" t="s">
        <v>21065</v>
      </c>
      <c r="K4072" s="4" t="s">
        <v>21066</v>
      </c>
    </row>
    <row r="4073" spans="1:11" ht="100.8" x14ac:dyDescent="0.3">
      <c r="A4073" s="1">
        <v>31461</v>
      </c>
      <c r="C4073" s="4" t="s">
        <v>21067</v>
      </c>
      <c r="D4073" s="4" t="s">
        <v>21068</v>
      </c>
      <c r="E4073" s="4" t="s">
        <v>21069</v>
      </c>
      <c r="F4073" s="4" t="s">
        <v>21070</v>
      </c>
      <c r="G4073" s="4" t="s">
        <v>21071</v>
      </c>
      <c r="H4073" s="4" t="s">
        <v>21072</v>
      </c>
      <c r="K4073" s="4" t="s">
        <v>21073</v>
      </c>
    </row>
    <row r="4074" spans="1:11" ht="72" x14ac:dyDescent="0.3">
      <c r="A4074" s="1">
        <v>31466</v>
      </c>
      <c r="C4074" s="4" t="s">
        <v>21074</v>
      </c>
      <c r="D4074" s="4" t="s">
        <v>21075</v>
      </c>
      <c r="E4074" s="4" t="s">
        <v>21076</v>
      </c>
      <c r="F4074" s="4" t="s">
        <v>21077</v>
      </c>
      <c r="G4074" s="4" t="s">
        <v>21078</v>
      </c>
      <c r="H4074" s="4" t="s">
        <v>21078</v>
      </c>
      <c r="K4074" s="4" t="s">
        <v>21079</v>
      </c>
    </row>
    <row r="4075" spans="1:11" ht="72" x14ac:dyDescent="0.3">
      <c r="A4075" s="1">
        <v>31471</v>
      </c>
      <c r="C4075" s="4" t="s">
        <v>21080</v>
      </c>
      <c r="D4075" s="4" t="s">
        <v>21081</v>
      </c>
      <c r="E4075" s="4" t="s">
        <v>21082</v>
      </c>
      <c r="F4075" s="4" t="s">
        <v>21083</v>
      </c>
      <c r="G4075" s="4" t="s">
        <v>21084</v>
      </c>
      <c r="H4075" s="4" t="s">
        <v>21085</v>
      </c>
      <c r="I4075" s="4" t="s">
        <v>21086</v>
      </c>
      <c r="J4075" s="4" t="s">
        <v>21087</v>
      </c>
      <c r="K4075" s="4" t="s">
        <v>21088</v>
      </c>
    </row>
    <row r="4076" spans="1:11" ht="86.4" x14ac:dyDescent="0.3">
      <c r="A4076" s="1">
        <v>31476</v>
      </c>
      <c r="C4076" s="4" t="s">
        <v>21089</v>
      </c>
      <c r="D4076" s="4" t="s">
        <v>21090</v>
      </c>
      <c r="E4076" s="4" t="s">
        <v>21091</v>
      </c>
      <c r="F4076" s="4" t="s">
        <v>21092</v>
      </c>
      <c r="G4076" s="4" t="s">
        <v>21093</v>
      </c>
      <c r="H4076" s="4" t="s">
        <v>21094</v>
      </c>
      <c r="I4076" s="4" t="s">
        <v>21095</v>
      </c>
      <c r="K4076" s="4" t="s">
        <v>21096</v>
      </c>
    </row>
    <row r="4077" spans="1:11" ht="72" x14ac:dyDescent="0.3">
      <c r="A4077" s="1">
        <v>31481</v>
      </c>
      <c r="C4077" s="4" t="s">
        <v>21097</v>
      </c>
      <c r="D4077" s="4" t="s">
        <v>21098</v>
      </c>
      <c r="E4077" s="4" t="s">
        <v>21099</v>
      </c>
      <c r="F4077" s="4" t="s">
        <v>21100</v>
      </c>
      <c r="G4077" s="4" t="s">
        <v>21101</v>
      </c>
      <c r="H4077" s="4" t="s">
        <v>21102</v>
      </c>
      <c r="I4077" s="4" t="s">
        <v>21103</v>
      </c>
      <c r="K4077" s="4" t="s">
        <v>21104</v>
      </c>
    </row>
    <row r="4078" spans="1:11" ht="72" x14ac:dyDescent="0.3">
      <c r="A4078" s="1">
        <v>31486</v>
      </c>
      <c r="C4078" s="4" t="s">
        <v>21105</v>
      </c>
      <c r="D4078" s="4" t="s">
        <v>21106</v>
      </c>
      <c r="E4078" s="4" t="s">
        <v>21107</v>
      </c>
      <c r="F4078" s="4" t="s">
        <v>21108</v>
      </c>
      <c r="G4078" s="4" t="s">
        <v>21109</v>
      </c>
      <c r="H4078" s="4" t="s">
        <v>21110</v>
      </c>
      <c r="K4078" s="4" t="s">
        <v>21111</v>
      </c>
    </row>
    <row r="4079" spans="1:11" x14ac:dyDescent="0.3">
      <c r="A4079" s="1">
        <v>31491</v>
      </c>
    </row>
    <row r="4080" spans="1:11" x14ac:dyDescent="0.3">
      <c r="A4080" s="1">
        <v>31496</v>
      </c>
      <c r="B4080" s="1" t="s">
        <v>21112</v>
      </c>
    </row>
    <row r="4081" spans="1:11" ht="28.8" x14ac:dyDescent="0.3">
      <c r="A4081" s="1">
        <v>31506</v>
      </c>
      <c r="C4081" s="4" t="s">
        <v>21113</v>
      </c>
      <c r="D4081" s="4" t="s">
        <v>21113</v>
      </c>
      <c r="E4081" s="4" t="s">
        <v>21113</v>
      </c>
      <c r="F4081" s="4" t="s">
        <v>21113</v>
      </c>
      <c r="G4081" s="4" t="s">
        <v>21113</v>
      </c>
      <c r="H4081" s="4" t="s">
        <v>21113</v>
      </c>
      <c r="I4081" s="4" t="s">
        <v>21113</v>
      </c>
      <c r="J4081" s="4" t="s">
        <v>21114</v>
      </c>
      <c r="K4081" s="4" t="s">
        <v>21113</v>
      </c>
    </row>
    <row r="4082" spans="1:11" ht="28.8" x14ac:dyDescent="0.3">
      <c r="A4082" s="1">
        <v>31511</v>
      </c>
      <c r="C4082" s="4" t="s">
        <v>21115</v>
      </c>
      <c r="D4082" s="4" t="s">
        <v>21116</v>
      </c>
      <c r="F4082" s="4" t="s">
        <v>21117</v>
      </c>
      <c r="G4082" s="4" t="s">
        <v>21116</v>
      </c>
      <c r="H4082" s="4" t="s">
        <v>21116</v>
      </c>
    </row>
    <row r="4083" spans="1:11" x14ac:dyDescent="0.3">
      <c r="A4083" s="1">
        <v>31516</v>
      </c>
    </row>
    <row r="4084" spans="1:11" ht="72" x14ac:dyDescent="0.3">
      <c r="A4084" s="1">
        <v>31521</v>
      </c>
      <c r="C4084" s="4" t="s">
        <v>21118</v>
      </c>
      <c r="D4084" s="4" t="s">
        <v>21119</v>
      </c>
      <c r="G4084" s="4" t="s">
        <v>21120</v>
      </c>
      <c r="J4084" s="4" t="s">
        <v>21121</v>
      </c>
      <c r="K4084" s="4" t="s">
        <v>21122</v>
      </c>
    </row>
    <row r="4085" spans="1:11" ht="72" x14ac:dyDescent="0.3">
      <c r="A4085" s="1">
        <v>31526</v>
      </c>
      <c r="C4085" s="4" t="s">
        <v>21123</v>
      </c>
      <c r="D4085" s="4" t="s">
        <v>21124</v>
      </c>
      <c r="E4085" s="4" t="s">
        <v>21125</v>
      </c>
      <c r="F4085" s="4" t="s">
        <v>21126</v>
      </c>
      <c r="G4085" s="4" t="s">
        <v>21127</v>
      </c>
      <c r="H4085" s="4" t="s">
        <v>21128</v>
      </c>
      <c r="I4085" s="4" t="s">
        <v>21129</v>
      </c>
      <c r="K4085" s="4" t="s">
        <v>21130</v>
      </c>
    </row>
    <row r="4086" spans="1:11" ht="86.4" x14ac:dyDescent="0.3">
      <c r="A4086" s="1">
        <v>31536</v>
      </c>
      <c r="C4086" s="4" t="s">
        <v>21131</v>
      </c>
      <c r="D4086" s="4" t="s">
        <v>21132</v>
      </c>
      <c r="E4086" s="4" t="s">
        <v>21133</v>
      </c>
      <c r="F4086" s="4" t="s">
        <v>21134</v>
      </c>
      <c r="G4086" s="4" t="s">
        <v>21135</v>
      </c>
      <c r="H4086" s="4" t="s">
        <v>21136</v>
      </c>
      <c r="I4086" s="4" t="s">
        <v>21137</v>
      </c>
      <c r="K4086" s="4" t="s">
        <v>21138</v>
      </c>
    </row>
    <row r="4087" spans="1:11" ht="72" x14ac:dyDescent="0.3">
      <c r="A4087" s="1">
        <v>31541</v>
      </c>
      <c r="C4087" s="4" t="s">
        <v>21139</v>
      </c>
      <c r="D4087" s="4" t="s">
        <v>21140</v>
      </c>
      <c r="E4087" s="4" t="s">
        <v>21141</v>
      </c>
      <c r="G4087" s="4" t="s">
        <v>21142</v>
      </c>
      <c r="H4087" s="4" t="s">
        <v>21143</v>
      </c>
      <c r="I4087" s="4" t="s">
        <v>21144</v>
      </c>
      <c r="J4087" s="4" t="s">
        <v>21145</v>
      </c>
      <c r="K4087" s="4" t="s">
        <v>21146</v>
      </c>
    </row>
    <row r="4088" spans="1:11" x14ac:dyDescent="0.3">
      <c r="A4088" s="1">
        <v>31546</v>
      </c>
    </row>
    <row r="4089" spans="1:11" ht="43.2" x14ac:dyDescent="0.3">
      <c r="A4089" s="1">
        <v>31551</v>
      </c>
      <c r="C4089" s="4" t="s">
        <v>21147</v>
      </c>
      <c r="F4089" s="4" t="s">
        <v>21148</v>
      </c>
    </row>
    <row r="4090" spans="1:11" ht="72" x14ac:dyDescent="0.3">
      <c r="A4090" s="1">
        <v>31556</v>
      </c>
      <c r="C4090" s="4" t="s">
        <v>21149</v>
      </c>
      <c r="D4090" s="4" t="s">
        <v>21150</v>
      </c>
      <c r="E4090" s="4" t="s">
        <v>21151</v>
      </c>
      <c r="F4090" s="4" t="s">
        <v>21152</v>
      </c>
      <c r="G4090" s="4" t="s">
        <v>21153</v>
      </c>
      <c r="H4090" s="4" t="s">
        <v>21154</v>
      </c>
      <c r="I4090" s="4" t="s">
        <v>21155</v>
      </c>
      <c r="J4090" s="4" t="s">
        <v>21156</v>
      </c>
      <c r="K4090" s="4" t="s">
        <v>21157</v>
      </c>
    </row>
    <row r="4091" spans="1:11" x14ac:dyDescent="0.3">
      <c r="A4091" s="1">
        <v>31571</v>
      </c>
      <c r="I4091" s="4" t="s">
        <v>21158</v>
      </c>
    </row>
    <row r="4092" spans="1:11" x14ac:dyDescent="0.3">
      <c r="A4092" s="1">
        <v>31576</v>
      </c>
    </row>
    <row r="4093" spans="1:11" ht="72" x14ac:dyDescent="0.3">
      <c r="A4093" s="1">
        <v>31581</v>
      </c>
      <c r="F4093" s="4" t="s">
        <v>21159</v>
      </c>
      <c r="G4093" s="4" t="s">
        <v>21160</v>
      </c>
      <c r="H4093" s="4" t="s">
        <v>21161</v>
      </c>
      <c r="K4093" s="4" t="s">
        <v>21162</v>
      </c>
    </row>
    <row r="4094" spans="1:11" ht="86.4" x14ac:dyDescent="0.3">
      <c r="A4094" s="1">
        <v>31586</v>
      </c>
      <c r="C4094" s="4" t="s">
        <v>21163</v>
      </c>
      <c r="E4094" s="4" t="s">
        <v>21164</v>
      </c>
      <c r="F4094" s="4" t="s">
        <v>21165</v>
      </c>
    </row>
    <row r="4095" spans="1:11" ht="86.4" x14ac:dyDescent="0.3">
      <c r="A4095" s="1">
        <v>31616</v>
      </c>
      <c r="C4095" s="4" t="s">
        <v>21166</v>
      </c>
      <c r="D4095" s="4" t="s">
        <v>21167</v>
      </c>
      <c r="E4095" s="4" t="s">
        <v>21168</v>
      </c>
      <c r="F4095" s="4" t="s">
        <v>21169</v>
      </c>
      <c r="I4095" s="4" t="s">
        <v>21170</v>
      </c>
      <c r="K4095" s="4" t="s">
        <v>21171</v>
      </c>
    </row>
    <row r="4096" spans="1:11" ht="72" x14ac:dyDescent="0.3">
      <c r="A4096" s="1">
        <v>31621</v>
      </c>
      <c r="C4096" s="4" t="s">
        <v>21172</v>
      </c>
      <c r="D4096" s="4" t="s">
        <v>21173</v>
      </c>
      <c r="F4096" s="4" t="s">
        <v>21174</v>
      </c>
      <c r="I4096" s="4" t="s">
        <v>21175</v>
      </c>
      <c r="K4096" s="4" t="s">
        <v>21176</v>
      </c>
    </row>
    <row r="4097" spans="1:11" ht="72" x14ac:dyDescent="0.3">
      <c r="A4097" s="1">
        <v>31626</v>
      </c>
      <c r="C4097" s="4" t="s">
        <v>21177</v>
      </c>
      <c r="D4097" s="4" t="s">
        <v>21178</v>
      </c>
      <c r="E4097" s="4" t="s">
        <v>21179</v>
      </c>
      <c r="F4097" s="4" t="s">
        <v>21180</v>
      </c>
      <c r="G4097" s="4" t="s">
        <v>21181</v>
      </c>
      <c r="H4097" s="4" t="s">
        <v>21182</v>
      </c>
      <c r="I4097" s="4" t="s">
        <v>21183</v>
      </c>
      <c r="K4097" s="4" t="s">
        <v>21184</v>
      </c>
    </row>
    <row r="4098" spans="1:11" ht="86.4" x14ac:dyDescent="0.3">
      <c r="A4098" s="1">
        <v>31631</v>
      </c>
      <c r="C4098" s="4" t="s">
        <v>21185</v>
      </c>
      <c r="D4098" s="4" t="s">
        <v>21186</v>
      </c>
      <c r="G4098" s="4" t="s">
        <v>21187</v>
      </c>
      <c r="H4098" s="4" t="s">
        <v>21188</v>
      </c>
      <c r="K4098" s="4" t="s">
        <v>21189</v>
      </c>
    </row>
    <row r="4099" spans="1:11" ht="28.8" x14ac:dyDescent="0.3">
      <c r="A4099" s="1">
        <v>31641</v>
      </c>
      <c r="K4099" s="4" t="s">
        <v>21190</v>
      </c>
    </row>
    <row r="4100" spans="1:11" ht="43.2" x14ac:dyDescent="0.3">
      <c r="A4100" s="1">
        <v>31646</v>
      </c>
      <c r="D4100" s="4" t="s">
        <v>21191</v>
      </c>
      <c r="J4100" s="4" t="s">
        <v>21192</v>
      </c>
      <c r="K4100" s="4" t="s">
        <v>21193</v>
      </c>
    </row>
    <row r="4101" spans="1:11" ht="28.8" x14ac:dyDescent="0.3">
      <c r="A4101" s="1">
        <v>31651</v>
      </c>
      <c r="D4101" s="4" t="s">
        <v>21194</v>
      </c>
      <c r="E4101" s="4" t="s">
        <v>21195</v>
      </c>
      <c r="I4101" s="4" t="s">
        <v>21196</v>
      </c>
    </row>
    <row r="4102" spans="1:11" x14ac:dyDescent="0.3">
      <c r="A4102" s="1">
        <v>31656</v>
      </c>
    </row>
    <row r="4103" spans="1:11" ht="43.2" x14ac:dyDescent="0.3">
      <c r="A4103" s="1">
        <v>31676</v>
      </c>
      <c r="C4103" s="4" t="s">
        <v>21197</v>
      </c>
      <c r="D4103" s="4" t="s">
        <v>21198</v>
      </c>
      <c r="E4103" s="4" t="s">
        <v>21199</v>
      </c>
    </row>
    <row r="4104" spans="1:11" ht="57.6" x14ac:dyDescent="0.3">
      <c r="A4104" s="1">
        <v>31681</v>
      </c>
      <c r="C4104" s="4" t="s">
        <v>21200</v>
      </c>
    </row>
    <row r="4105" spans="1:11" ht="72" x14ac:dyDescent="0.3">
      <c r="A4105" s="1">
        <v>31696</v>
      </c>
      <c r="D4105" s="4" t="s">
        <v>21201</v>
      </c>
      <c r="E4105" s="4" t="s">
        <v>21202</v>
      </c>
      <c r="F4105" s="4" t="s">
        <v>21203</v>
      </c>
      <c r="H4105" s="4" t="s">
        <v>21204</v>
      </c>
      <c r="J4105" s="4" t="s">
        <v>21205</v>
      </c>
      <c r="K4105" s="4" t="s">
        <v>21206</v>
      </c>
    </row>
    <row r="4106" spans="1:11" ht="86.4" x14ac:dyDescent="0.3">
      <c r="A4106" s="1">
        <v>31701</v>
      </c>
      <c r="C4106" s="4" t="s">
        <v>21207</v>
      </c>
      <c r="D4106" s="4" t="s">
        <v>21208</v>
      </c>
      <c r="E4106" s="4" t="s">
        <v>21209</v>
      </c>
      <c r="F4106" s="4" t="s">
        <v>21210</v>
      </c>
      <c r="G4106" s="4" t="s">
        <v>21211</v>
      </c>
      <c r="H4106" s="4" t="s">
        <v>21212</v>
      </c>
      <c r="I4106" s="4" t="s">
        <v>21213</v>
      </c>
      <c r="K4106" s="4" t="s">
        <v>21214</v>
      </c>
    </row>
    <row r="4107" spans="1:11" ht="57.6" x14ac:dyDescent="0.3">
      <c r="A4107" s="1">
        <v>31706</v>
      </c>
      <c r="C4107" s="4" t="s">
        <v>21215</v>
      </c>
      <c r="D4107" s="4" t="s">
        <v>21216</v>
      </c>
      <c r="F4107" s="4" t="s">
        <v>21217</v>
      </c>
      <c r="G4107" s="4" t="s">
        <v>21218</v>
      </c>
      <c r="H4107" s="4" t="s">
        <v>21219</v>
      </c>
      <c r="I4107" s="4" t="s">
        <v>21220</v>
      </c>
      <c r="J4107" s="4" t="s">
        <v>21221</v>
      </c>
      <c r="K4107" s="4" t="s">
        <v>21222</v>
      </c>
    </row>
    <row r="4108" spans="1:11" ht="86.4" x14ac:dyDescent="0.3">
      <c r="A4108" s="1">
        <v>31721</v>
      </c>
      <c r="C4108" s="4" t="s">
        <v>21223</v>
      </c>
      <c r="D4108" s="4" t="s">
        <v>21224</v>
      </c>
      <c r="E4108" s="4" t="s">
        <v>21225</v>
      </c>
      <c r="F4108" s="4" t="s">
        <v>21226</v>
      </c>
      <c r="G4108" s="4" t="s">
        <v>21227</v>
      </c>
      <c r="H4108" s="4" t="s">
        <v>21228</v>
      </c>
      <c r="I4108" s="4" t="s">
        <v>21229</v>
      </c>
      <c r="K4108" s="4" t="s">
        <v>21230</v>
      </c>
    </row>
    <row r="4109" spans="1:11" ht="100.8" x14ac:dyDescent="0.3">
      <c r="A4109" s="1">
        <v>31731</v>
      </c>
      <c r="C4109" s="4" t="s">
        <v>21231</v>
      </c>
      <c r="D4109" s="4" t="s">
        <v>21232</v>
      </c>
      <c r="E4109" s="4" t="s">
        <v>21233</v>
      </c>
      <c r="F4109" s="4" t="s">
        <v>21234</v>
      </c>
      <c r="G4109" s="4" t="s">
        <v>21235</v>
      </c>
      <c r="I4109" s="4" t="s">
        <v>21236</v>
      </c>
      <c r="J4109" s="4" t="s">
        <v>21237</v>
      </c>
      <c r="K4109" s="4" t="s">
        <v>21238</v>
      </c>
    </row>
    <row r="4110" spans="1:11" x14ac:dyDescent="0.3">
      <c r="A4110" s="1">
        <v>31741</v>
      </c>
    </row>
    <row r="4111" spans="1:11" x14ac:dyDescent="0.3">
      <c r="A4111" s="1">
        <v>31746</v>
      </c>
    </row>
    <row r="4112" spans="1:11" ht="86.4" x14ac:dyDescent="0.3">
      <c r="A4112" s="1">
        <v>31751</v>
      </c>
      <c r="C4112" s="4" t="s">
        <v>21239</v>
      </c>
      <c r="D4112" s="4" t="s">
        <v>21240</v>
      </c>
      <c r="E4112" s="4" t="s">
        <v>21241</v>
      </c>
      <c r="F4112" s="4" t="s">
        <v>21241</v>
      </c>
      <c r="G4112" s="4" t="s">
        <v>21242</v>
      </c>
      <c r="H4112" s="4" t="s">
        <v>21243</v>
      </c>
      <c r="I4112" s="4" t="s">
        <v>21244</v>
      </c>
      <c r="J4112" s="4" t="s">
        <v>21245</v>
      </c>
      <c r="K4112" s="4" t="s">
        <v>21246</v>
      </c>
    </row>
    <row r="4113" spans="1:11" x14ac:dyDescent="0.3">
      <c r="A4113" s="1">
        <v>31756</v>
      </c>
    </row>
    <row r="4114" spans="1:11" ht="72" x14ac:dyDescent="0.3">
      <c r="A4114" s="1">
        <v>31771</v>
      </c>
      <c r="D4114" s="4" t="s">
        <v>21247</v>
      </c>
      <c r="I4114" s="4" t="s">
        <v>21248</v>
      </c>
      <c r="K4114" s="4" t="s">
        <v>21248</v>
      </c>
    </row>
    <row r="4115" spans="1:11" ht="86.4" x14ac:dyDescent="0.3">
      <c r="A4115" s="1">
        <v>31776</v>
      </c>
      <c r="C4115" s="4" t="s">
        <v>21249</v>
      </c>
      <c r="D4115" s="4" t="s">
        <v>21250</v>
      </c>
      <c r="I4115" s="4" t="s">
        <v>21251</v>
      </c>
    </row>
    <row r="4116" spans="1:11" ht="43.2" x14ac:dyDescent="0.3">
      <c r="A4116" s="1">
        <v>31786</v>
      </c>
      <c r="C4116" s="4" t="s">
        <v>21252</v>
      </c>
      <c r="D4116" s="4" t="s">
        <v>21253</v>
      </c>
      <c r="E4116" s="4" t="s">
        <v>21254</v>
      </c>
      <c r="F4116" s="4" t="s">
        <v>21255</v>
      </c>
      <c r="G4116" s="4" t="s">
        <v>21256</v>
      </c>
      <c r="H4116" s="4" t="s">
        <v>21257</v>
      </c>
      <c r="I4116" s="4" t="s">
        <v>21258</v>
      </c>
      <c r="K4116" s="4" t="s">
        <v>21259</v>
      </c>
    </row>
    <row r="4117" spans="1:11" ht="72" x14ac:dyDescent="0.3">
      <c r="A4117" s="1">
        <v>31791</v>
      </c>
      <c r="D4117" s="4" t="s">
        <v>21260</v>
      </c>
      <c r="F4117" s="4" t="s">
        <v>21261</v>
      </c>
    </row>
    <row r="4118" spans="1:11" ht="100.8" x14ac:dyDescent="0.3">
      <c r="A4118" s="1">
        <v>31796</v>
      </c>
      <c r="C4118" s="4" t="s">
        <v>21262</v>
      </c>
      <c r="D4118" s="4" t="s">
        <v>21263</v>
      </c>
      <c r="E4118" s="4" t="s">
        <v>21264</v>
      </c>
      <c r="F4118" s="4" t="s">
        <v>21265</v>
      </c>
      <c r="G4118" s="4" t="s">
        <v>21266</v>
      </c>
      <c r="H4118" s="4" t="s">
        <v>21267</v>
      </c>
      <c r="I4118" s="4" t="s">
        <v>21268</v>
      </c>
      <c r="K4118" s="4" t="s">
        <v>21269</v>
      </c>
    </row>
    <row r="4119" spans="1:11" ht="86.4" x14ac:dyDescent="0.3">
      <c r="A4119" s="1">
        <v>31811</v>
      </c>
      <c r="C4119" s="4" t="s">
        <v>21270</v>
      </c>
      <c r="D4119" s="4" t="s">
        <v>21271</v>
      </c>
      <c r="E4119" s="4" t="s">
        <v>21272</v>
      </c>
      <c r="F4119" s="4" t="s">
        <v>21273</v>
      </c>
      <c r="G4119" s="4" t="s">
        <v>21274</v>
      </c>
      <c r="H4119" s="4" t="s">
        <v>21275</v>
      </c>
      <c r="K4119" s="4" t="s">
        <v>21276</v>
      </c>
    </row>
    <row r="4120" spans="1:11" ht="72" x14ac:dyDescent="0.3">
      <c r="A4120" s="1">
        <v>31816</v>
      </c>
      <c r="C4120" s="4" t="s">
        <v>21277</v>
      </c>
      <c r="D4120" s="4" t="s">
        <v>21278</v>
      </c>
      <c r="E4120" s="4" t="s">
        <v>21279</v>
      </c>
      <c r="F4120" s="4" t="s">
        <v>21279</v>
      </c>
      <c r="G4120" s="4" t="s">
        <v>21280</v>
      </c>
      <c r="H4120" s="4" t="s">
        <v>21281</v>
      </c>
      <c r="I4120" s="4" t="s">
        <v>21282</v>
      </c>
      <c r="K4120" s="4" t="s">
        <v>21283</v>
      </c>
    </row>
    <row r="4121" spans="1:11" x14ac:dyDescent="0.3">
      <c r="A4121" s="1">
        <v>31821</v>
      </c>
    </row>
    <row r="4122" spans="1:11" ht="86.4" x14ac:dyDescent="0.3">
      <c r="A4122" s="1">
        <v>31831</v>
      </c>
      <c r="C4122" s="4" t="s">
        <v>21284</v>
      </c>
      <c r="D4122" s="4" t="s">
        <v>21285</v>
      </c>
      <c r="E4122" s="4" t="s">
        <v>21286</v>
      </c>
      <c r="F4122" s="4" t="s">
        <v>21287</v>
      </c>
      <c r="G4122" s="4" t="s">
        <v>21288</v>
      </c>
      <c r="H4122" s="4" t="s">
        <v>21289</v>
      </c>
      <c r="I4122" s="4" t="s">
        <v>21290</v>
      </c>
      <c r="K4122" s="4" t="s">
        <v>21291</v>
      </c>
    </row>
    <row r="4123" spans="1:11" ht="43.2" x14ac:dyDescent="0.3">
      <c r="A4123" s="1">
        <v>31836</v>
      </c>
      <c r="C4123" s="4" t="s">
        <v>21292</v>
      </c>
      <c r="D4123" s="4" t="s">
        <v>21293</v>
      </c>
      <c r="E4123" s="4" t="s">
        <v>21294</v>
      </c>
      <c r="F4123" s="4" t="s">
        <v>21295</v>
      </c>
      <c r="G4123" s="4" t="s">
        <v>21296</v>
      </c>
      <c r="H4123" s="4" t="s">
        <v>21297</v>
      </c>
      <c r="I4123" s="4" t="s">
        <v>21298</v>
      </c>
      <c r="K4123" s="4" t="s">
        <v>21299</v>
      </c>
    </row>
    <row r="4124" spans="1:11" x14ac:dyDescent="0.3">
      <c r="A4124" s="1">
        <v>31846</v>
      </c>
    </row>
    <row r="4125" spans="1:11" ht="86.4" x14ac:dyDescent="0.3">
      <c r="A4125" s="1">
        <v>31851</v>
      </c>
      <c r="D4125" s="4" t="s">
        <v>21300</v>
      </c>
      <c r="E4125" s="4" t="s">
        <v>21301</v>
      </c>
      <c r="F4125" s="4" t="s">
        <v>21302</v>
      </c>
      <c r="G4125" s="4" t="s">
        <v>21303</v>
      </c>
      <c r="H4125" s="4" t="s">
        <v>21304</v>
      </c>
      <c r="I4125" s="4" t="s">
        <v>21305</v>
      </c>
      <c r="K4125" s="4" t="s">
        <v>21306</v>
      </c>
    </row>
    <row r="4126" spans="1:11" ht="72" x14ac:dyDescent="0.3">
      <c r="A4126" s="1">
        <v>31856</v>
      </c>
      <c r="C4126" s="4" t="s">
        <v>21307</v>
      </c>
      <c r="D4126" s="4" t="s">
        <v>21308</v>
      </c>
      <c r="E4126" s="4" t="s">
        <v>21309</v>
      </c>
      <c r="G4126" s="4" t="s">
        <v>21310</v>
      </c>
      <c r="H4126" s="4" t="s">
        <v>21311</v>
      </c>
      <c r="K4126" s="4" t="s">
        <v>21312</v>
      </c>
    </row>
    <row r="4127" spans="1:11" ht="72" x14ac:dyDescent="0.3">
      <c r="A4127" s="1">
        <v>31866</v>
      </c>
      <c r="C4127" s="4" t="s">
        <v>21313</v>
      </c>
      <c r="D4127" s="4" t="s">
        <v>21314</v>
      </c>
      <c r="E4127" s="4" t="s">
        <v>21315</v>
      </c>
      <c r="F4127" s="4" t="s">
        <v>21316</v>
      </c>
      <c r="G4127" s="4" t="s">
        <v>21317</v>
      </c>
      <c r="H4127" s="4" t="s">
        <v>21318</v>
      </c>
      <c r="I4127" s="4" t="s">
        <v>21319</v>
      </c>
      <c r="K4127" s="4" t="s">
        <v>21320</v>
      </c>
    </row>
    <row r="4128" spans="1:11" ht="72" x14ac:dyDescent="0.3">
      <c r="A4128" s="1">
        <v>31871</v>
      </c>
      <c r="C4128" s="4" t="s">
        <v>21321</v>
      </c>
      <c r="D4128" s="4" t="s">
        <v>21322</v>
      </c>
      <c r="E4128" s="4" t="s">
        <v>21323</v>
      </c>
      <c r="F4128" s="4" t="s">
        <v>21324</v>
      </c>
      <c r="G4128" s="4" t="s">
        <v>21325</v>
      </c>
      <c r="H4128" s="4" t="s">
        <v>21326</v>
      </c>
      <c r="I4128" s="4" t="s">
        <v>21327</v>
      </c>
      <c r="J4128" s="4" t="s">
        <v>21328</v>
      </c>
      <c r="K4128" s="4" t="s">
        <v>21329</v>
      </c>
    </row>
    <row r="4129" spans="1:11" ht="86.4" x14ac:dyDescent="0.3">
      <c r="A4129" s="1">
        <v>31876</v>
      </c>
      <c r="C4129" s="4" t="s">
        <v>21330</v>
      </c>
      <c r="D4129" s="4" t="s">
        <v>21331</v>
      </c>
      <c r="E4129" s="4" t="s">
        <v>21332</v>
      </c>
      <c r="F4129" s="4" t="s">
        <v>21333</v>
      </c>
      <c r="G4129" s="4" t="s">
        <v>21334</v>
      </c>
      <c r="H4129" s="4" t="s">
        <v>21335</v>
      </c>
      <c r="K4129" s="4" t="s">
        <v>21336</v>
      </c>
    </row>
    <row r="4130" spans="1:11" ht="72" x14ac:dyDescent="0.3">
      <c r="A4130" s="1">
        <v>31881</v>
      </c>
      <c r="D4130" s="4" t="s">
        <v>21337</v>
      </c>
      <c r="E4130" s="4" t="s">
        <v>21338</v>
      </c>
      <c r="F4130" s="4" t="s">
        <v>21339</v>
      </c>
      <c r="G4130" s="4" t="s">
        <v>21340</v>
      </c>
      <c r="H4130" s="4" t="s">
        <v>21341</v>
      </c>
      <c r="K4130" s="4" t="s">
        <v>21342</v>
      </c>
    </row>
    <row r="4131" spans="1:11" ht="28.8" x14ac:dyDescent="0.3">
      <c r="A4131" s="1">
        <v>31886</v>
      </c>
      <c r="D4131" s="4" t="s">
        <v>21343</v>
      </c>
      <c r="F4131" s="4" t="s">
        <v>21343</v>
      </c>
    </row>
    <row r="4132" spans="1:11" x14ac:dyDescent="0.3">
      <c r="A4132" s="1">
        <v>31891</v>
      </c>
    </row>
    <row r="4133" spans="1:11" ht="43.2" x14ac:dyDescent="0.3">
      <c r="A4133" s="1">
        <v>31896</v>
      </c>
      <c r="C4133" s="4" t="s">
        <v>21344</v>
      </c>
      <c r="D4133" s="4" t="s">
        <v>21345</v>
      </c>
      <c r="E4133" s="4" t="s">
        <v>21346</v>
      </c>
      <c r="G4133" s="4" t="s">
        <v>21347</v>
      </c>
      <c r="H4133" s="4" t="s">
        <v>21348</v>
      </c>
      <c r="I4133" s="4" t="s">
        <v>21349</v>
      </c>
    </row>
    <row r="4134" spans="1:11" ht="86.4" x14ac:dyDescent="0.3">
      <c r="A4134" s="1">
        <v>31906</v>
      </c>
      <c r="C4134" s="4" t="s">
        <v>21350</v>
      </c>
      <c r="D4134" s="4" t="s">
        <v>21351</v>
      </c>
      <c r="E4134" s="4" t="s">
        <v>21352</v>
      </c>
      <c r="F4134" s="4" t="s">
        <v>21353</v>
      </c>
      <c r="G4134" s="4" t="s">
        <v>21354</v>
      </c>
      <c r="I4134" s="4" t="s">
        <v>21355</v>
      </c>
      <c r="J4134" s="4" t="s">
        <v>21356</v>
      </c>
    </row>
    <row r="4135" spans="1:11" x14ac:dyDescent="0.3">
      <c r="A4135" s="1">
        <v>31936</v>
      </c>
    </row>
    <row r="4136" spans="1:11" ht="57.6" x14ac:dyDescent="0.3">
      <c r="A4136" s="1">
        <v>31956</v>
      </c>
      <c r="C4136" s="4" t="s">
        <v>21357</v>
      </c>
      <c r="D4136" s="4" t="s">
        <v>21358</v>
      </c>
      <c r="E4136" s="4" t="s">
        <v>21359</v>
      </c>
      <c r="H4136" s="4" t="s">
        <v>21360</v>
      </c>
      <c r="I4136" s="4" t="s">
        <v>23187</v>
      </c>
      <c r="K4136" s="4" t="s">
        <v>21361</v>
      </c>
    </row>
    <row r="4137" spans="1:11" ht="57.6" x14ac:dyDescent="0.3">
      <c r="A4137" s="1">
        <v>31966</v>
      </c>
      <c r="C4137" s="4" t="s">
        <v>21362</v>
      </c>
      <c r="D4137" s="4" t="s">
        <v>21363</v>
      </c>
      <c r="E4137" s="4" t="s">
        <v>21364</v>
      </c>
      <c r="F4137" s="4" t="s">
        <v>21365</v>
      </c>
      <c r="G4137" s="4" t="s">
        <v>21366</v>
      </c>
      <c r="H4137" s="4" t="s">
        <v>21367</v>
      </c>
      <c r="I4137" s="4" t="s">
        <v>21368</v>
      </c>
      <c r="J4137" s="4" t="s">
        <v>21369</v>
      </c>
      <c r="K4137" s="4" t="s">
        <v>21370</v>
      </c>
    </row>
    <row r="4138" spans="1:11" x14ac:dyDescent="0.3">
      <c r="A4138" s="1">
        <v>31976</v>
      </c>
      <c r="C4138" s="4" t="s">
        <v>21371</v>
      </c>
      <c r="D4138" s="4" t="s">
        <v>21372</v>
      </c>
      <c r="G4138" s="4" t="s">
        <v>21373</v>
      </c>
    </row>
    <row r="4139" spans="1:11" ht="72" x14ac:dyDescent="0.3">
      <c r="A4139" s="1">
        <v>31986</v>
      </c>
      <c r="C4139" s="4" t="s">
        <v>21374</v>
      </c>
      <c r="D4139" s="4" t="s">
        <v>21375</v>
      </c>
      <c r="E4139" s="4" t="s">
        <v>21376</v>
      </c>
      <c r="F4139" s="4" t="s">
        <v>21377</v>
      </c>
      <c r="J4139" s="4" t="s">
        <v>21378</v>
      </c>
    </row>
    <row r="4140" spans="1:11" ht="28.8" x14ac:dyDescent="0.3">
      <c r="A4140" s="1">
        <v>31991</v>
      </c>
      <c r="E4140" s="4" t="s">
        <v>21379</v>
      </c>
    </row>
    <row r="4141" spans="1:11" ht="43.2" x14ac:dyDescent="0.3">
      <c r="A4141" s="1">
        <v>32006</v>
      </c>
      <c r="C4141" s="4" t="s">
        <v>21380</v>
      </c>
      <c r="D4141" s="4" t="s">
        <v>21381</v>
      </c>
      <c r="E4141" s="4" t="s">
        <v>21382</v>
      </c>
      <c r="F4141" s="4" t="s">
        <v>21383</v>
      </c>
      <c r="G4141" s="4" t="s">
        <v>21384</v>
      </c>
      <c r="H4141" s="4" t="s">
        <v>21385</v>
      </c>
      <c r="I4141" s="4" t="s">
        <v>21386</v>
      </c>
      <c r="K4141" s="4" t="s">
        <v>21387</v>
      </c>
    </row>
    <row r="4142" spans="1:11" ht="72" x14ac:dyDescent="0.3">
      <c r="A4142" s="1">
        <v>32011</v>
      </c>
      <c r="C4142" s="4" t="s">
        <v>21388</v>
      </c>
      <c r="D4142" s="4" t="s">
        <v>21389</v>
      </c>
      <c r="F4142" s="4" t="s">
        <v>21390</v>
      </c>
    </row>
    <row r="4143" spans="1:11" ht="86.4" x14ac:dyDescent="0.3">
      <c r="A4143" s="1">
        <v>32016</v>
      </c>
      <c r="C4143" s="4" t="s">
        <v>21391</v>
      </c>
      <c r="D4143" s="4" t="s">
        <v>21392</v>
      </c>
      <c r="E4143" s="4" t="s">
        <v>21393</v>
      </c>
      <c r="F4143" s="4" t="s">
        <v>21394</v>
      </c>
      <c r="G4143" s="4" t="s">
        <v>21395</v>
      </c>
      <c r="H4143" s="4" t="s">
        <v>21396</v>
      </c>
      <c r="I4143" s="4" t="s">
        <v>21397</v>
      </c>
      <c r="K4143" s="4" t="s">
        <v>21398</v>
      </c>
    </row>
    <row r="4144" spans="1:11" x14ac:dyDescent="0.3">
      <c r="A4144" s="1">
        <v>32041</v>
      </c>
    </row>
    <row r="4145" spans="1:11" ht="86.4" x14ac:dyDescent="0.3">
      <c r="A4145" s="1">
        <v>32051</v>
      </c>
      <c r="C4145" s="4" t="s">
        <v>21399</v>
      </c>
      <c r="D4145" s="4" t="s">
        <v>21400</v>
      </c>
      <c r="E4145" s="4" t="s">
        <v>21401</v>
      </c>
      <c r="F4145" s="4" t="s">
        <v>21402</v>
      </c>
      <c r="G4145" s="4" t="s">
        <v>21403</v>
      </c>
      <c r="H4145" s="4" t="s">
        <v>21404</v>
      </c>
    </row>
    <row r="4146" spans="1:11" ht="86.4" x14ac:dyDescent="0.3">
      <c r="A4146" s="1">
        <v>32056</v>
      </c>
      <c r="C4146" s="4" t="s">
        <v>21405</v>
      </c>
      <c r="D4146" s="4" t="s">
        <v>21406</v>
      </c>
      <c r="E4146" s="4" t="s">
        <v>21407</v>
      </c>
      <c r="F4146" s="4" t="s">
        <v>21408</v>
      </c>
    </row>
    <row r="4147" spans="1:11" ht="43.2" x14ac:dyDescent="0.3">
      <c r="A4147" s="1">
        <v>32066</v>
      </c>
      <c r="C4147" s="4" t="s">
        <v>21409</v>
      </c>
      <c r="D4147" s="4" t="s">
        <v>21410</v>
      </c>
      <c r="E4147" s="4" t="s">
        <v>21411</v>
      </c>
      <c r="F4147" s="4" t="s">
        <v>21412</v>
      </c>
      <c r="G4147" s="4" t="s">
        <v>21413</v>
      </c>
      <c r="H4147" s="4" t="s">
        <v>21414</v>
      </c>
      <c r="K4147" s="4" t="s">
        <v>21415</v>
      </c>
    </row>
    <row r="4148" spans="1:11" ht="86.4" x14ac:dyDescent="0.3">
      <c r="A4148" s="1">
        <v>32071</v>
      </c>
      <c r="D4148" s="4" t="s">
        <v>21416</v>
      </c>
      <c r="E4148" s="4" t="s">
        <v>21417</v>
      </c>
      <c r="F4148" s="4" t="s">
        <v>21418</v>
      </c>
      <c r="G4148" s="4" t="s">
        <v>21419</v>
      </c>
      <c r="H4148" s="4" t="s">
        <v>21420</v>
      </c>
      <c r="I4148" s="4" t="s">
        <v>21421</v>
      </c>
      <c r="K4148" s="4" t="s">
        <v>21422</v>
      </c>
    </row>
    <row r="4149" spans="1:11" ht="28.8" x14ac:dyDescent="0.3">
      <c r="A4149" s="1">
        <v>32081</v>
      </c>
      <c r="C4149" s="4" t="s">
        <v>21423</v>
      </c>
      <c r="D4149" s="4" t="s">
        <v>21424</v>
      </c>
      <c r="E4149" s="4" t="s">
        <v>21425</v>
      </c>
      <c r="F4149" s="4" t="s">
        <v>21426</v>
      </c>
      <c r="G4149" s="4" t="s">
        <v>21427</v>
      </c>
      <c r="H4149" s="4" t="s">
        <v>21428</v>
      </c>
      <c r="I4149" s="4" t="s">
        <v>21429</v>
      </c>
      <c r="K4149" s="4" t="s">
        <v>21430</v>
      </c>
    </row>
    <row r="4150" spans="1:11" x14ac:dyDescent="0.3">
      <c r="A4150" s="1">
        <v>32086</v>
      </c>
    </row>
    <row r="4151" spans="1:11" ht="86.4" x14ac:dyDescent="0.3">
      <c r="A4151" s="1">
        <v>32091</v>
      </c>
      <c r="C4151" s="4" t="s">
        <v>21431</v>
      </c>
      <c r="D4151" s="4" t="s">
        <v>21432</v>
      </c>
      <c r="E4151" s="4" t="s">
        <v>21433</v>
      </c>
      <c r="F4151" s="4" t="s">
        <v>21434</v>
      </c>
      <c r="G4151" s="4" t="s">
        <v>21435</v>
      </c>
      <c r="H4151" s="4" t="s">
        <v>21436</v>
      </c>
      <c r="I4151" s="4" t="s">
        <v>21437</v>
      </c>
      <c r="K4151" s="4" t="s">
        <v>21438</v>
      </c>
    </row>
    <row r="4152" spans="1:11" ht="86.4" x14ac:dyDescent="0.3">
      <c r="A4152" s="1">
        <v>32096</v>
      </c>
      <c r="C4152" s="4" t="s">
        <v>21439</v>
      </c>
      <c r="D4152" s="4" t="s">
        <v>21440</v>
      </c>
      <c r="E4152" s="4" t="s">
        <v>21441</v>
      </c>
      <c r="F4152" s="4" t="s">
        <v>21442</v>
      </c>
      <c r="G4152" s="4" t="s">
        <v>21443</v>
      </c>
      <c r="H4152" s="4" t="s">
        <v>21443</v>
      </c>
      <c r="I4152" s="4" t="s">
        <v>21444</v>
      </c>
      <c r="K4152" s="4" t="s">
        <v>21445</v>
      </c>
    </row>
    <row r="4153" spans="1:11" ht="57.6" x14ac:dyDescent="0.3">
      <c r="A4153" s="1">
        <v>32101</v>
      </c>
      <c r="D4153" s="4" t="s">
        <v>21446</v>
      </c>
      <c r="E4153" s="4" t="s">
        <v>21447</v>
      </c>
      <c r="F4153" s="4" t="s">
        <v>21448</v>
      </c>
    </row>
    <row r="4154" spans="1:11" ht="72" x14ac:dyDescent="0.3">
      <c r="A4154" s="1">
        <v>32111</v>
      </c>
      <c r="C4154" s="4" t="s">
        <v>21449</v>
      </c>
      <c r="E4154" s="4" t="s">
        <v>21450</v>
      </c>
      <c r="G4154" s="4" t="s">
        <v>21451</v>
      </c>
      <c r="H4154" s="4" t="s">
        <v>21452</v>
      </c>
    </row>
    <row r="4155" spans="1:11" x14ac:dyDescent="0.3">
      <c r="A4155" s="1">
        <v>32116</v>
      </c>
      <c r="C4155" s="4" t="s">
        <v>21453</v>
      </c>
      <c r="D4155" s="4" t="s">
        <v>21454</v>
      </c>
      <c r="E4155" s="4" t="s">
        <v>21455</v>
      </c>
      <c r="G4155" s="4" t="s">
        <v>21456</v>
      </c>
      <c r="I4155" s="4" t="s">
        <v>21457</v>
      </c>
    </row>
    <row r="4156" spans="1:11" ht="28.8" x14ac:dyDescent="0.3">
      <c r="A4156" s="1">
        <v>32121</v>
      </c>
      <c r="G4156" s="4" t="s">
        <v>21458</v>
      </c>
    </row>
    <row r="4157" spans="1:11" ht="86.4" x14ac:dyDescent="0.3">
      <c r="A4157" s="1">
        <v>32126</v>
      </c>
      <c r="C4157" s="4" t="s">
        <v>21459</v>
      </c>
      <c r="D4157" s="4" t="s">
        <v>21460</v>
      </c>
      <c r="E4157" s="4" t="s">
        <v>21461</v>
      </c>
      <c r="F4157" s="4" t="s">
        <v>21462</v>
      </c>
      <c r="G4157" s="4" t="s">
        <v>21463</v>
      </c>
      <c r="H4157" s="4" t="s">
        <v>21464</v>
      </c>
      <c r="K4157" s="4" t="s">
        <v>21465</v>
      </c>
    </row>
    <row r="4158" spans="1:11" ht="100.8" x14ac:dyDescent="0.3">
      <c r="A4158" s="1">
        <v>32131</v>
      </c>
      <c r="C4158" s="4" t="s">
        <v>21466</v>
      </c>
      <c r="D4158" s="4" t="s">
        <v>21467</v>
      </c>
      <c r="G4158" s="4" t="s">
        <v>21468</v>
      </c>
      <c r="H4158" s="4" t="s">
        <v>21469</v>
      </c>
      <c r="I4158" s="4" t="s">
        <v>21470</v>
      </c>
    </row>
    <row r="4159" spans="1:11" ht="57.6" x14ac:dyDescent="0.3">
      <c r="A4159" s="1">
        <v>32136</v>
      </c>
      <c r="C4159" s="4" t="s">
        <v>21471</v>
      </c>
      <c r="D4159" s="4" t="s">
        <v>21472</v>
      </c>
      <c r="E4159" s="4" t="s">
        <v>21473</v>
      </c>
      <c r="F4159" s="4" t="s">
        <v>21474</v>
      </c>
      <c r="G4159" s="4" t="s">
        <v>21475</v>
      </c>
      <c r="H4159" s="4" t="s">
        <v>21476</v>
      </c>
      <c r="I4159" s="4" t="s">
        <v>21477</v>
      </c>
      <c r="K4159" s="4" t="s">
        <v>21478</v>
      </c>
    </row>
    <row r="4160" spans="1:11" ht="86.4" x14ac:dyDescent="0.3">
      <c r="A4160" s="1">
        <v>32146</v>
      </c>
      <c r="D4160" s="4" t="s">
        <v>21479</v>
      </c>
      <c r="G4160" s="4" t="s">
        <v>21480</v>
      </c>
      <c r="H4160" s="4" t="s">
        <v>21481</v>
      </c>
      <c r="I4160" s="4" t="s">
        <v>21482</v>
      </c>
    </row>
    <row r="4161" spans="1:11" ht="100.8" x14ac:dyDescent="0.3">
      <c r="A4161" s="1">
        <v>32151</v>
      </c>
      <c r="C4161" s="4" t="s">
        <v>21483</v>
      </c>
      <c r="D4161" s="4" t="s">
        <v>21484</v>
      </c>
      <c r="E4161" s="4" t="s">
        <v>21485</v>
      </c>
      <c r="F4161" s="4" t="s">
        <v>21486</v>
      </c>
      <c r="G4161" s="4" t="s">
        <v>21487</v>
      </c>
      <c r="H4161" s="4" t="s">
        <v>21488</v>
      </c>
      <c r="I4161" s="4" t="s">
        <v>21489</v>
      </c>
      <c r="J4161" s="4" t="s">
        <v>15617</v>
      </c>
      <c r="K4161" s="4" t="s">
        <v>21490</v>
      </c>
    </row>
    <row r="4162" spans="1:11" ht="86.4" x14ac:dyDescent="0.3">
      <c r="A4162" s="1">
        <v>32161</v>
      </c>
      <c r="C4162" s="4" t="s">
        <v>21491</v>
      </c>
      <c r="D4162" s="4" t="s">
        <v>21492</v>
      </c>
      <c r="E4162" s="4" t="s">
        <v>21493</v>
      </c>
      <c r="F4162" s="4" t="s">
        <v>21494</v>
      </c>
      <c r="G4162" s="4" t="s">
        <v>21495</v>
      </c>
      <c r="H4162" s="4" t="s">
        <v>21496</v>
      </c>
      <c r="K4162" s="4" t="s">
        <v>21497</v>
      </c>
    </row>
    <row r="4163" spans="1:11" x14ac:dyDescent="0.3">
      <c r="A4163" s="1">
        <v>32166</v>
      </c>
    </row>
    <row r="4164" spans="1:11" ht="28.8" x14ac:dyDescent="0.3">
      <c r="A4164" s="1">
        <v>32171</v>
      </c>
      <c r="C4164" s="4" t="s">
        <v>21498</v>
      </c>
      <c r="D4164" s="4" t="s">
        <v>21499</v>
      </c>
      <c r="E4164" s="4" t="s">
        <v>21500</v>
      </c>
      <c r="G4164" s="4" t="s">
        <v>21501</v>
      </c>
      <c r="H4164" s="4" t="s">
        <v>21502</v>
      </c>
      <c r="I4164" s="4" t="s">
        <v>21503</v>
      </c>
    </row>
    <row r="4165" spans="1:11" ht="28.8" x14ac:dyDescent="0.3">
      <c r="A4165" s="1">
        <v>32181</v>
      </c>
      <c r="H4165" s="4" t="s">
        <v>21504</v>
      </c>
    </row>
    <row r="4166" spans="1:11" ht="43.2" x14ac:dyDescent="0.3">
      <c r="A4166" s="1">
        <v>32186</v>
      </c>
      <c r="D4166" s="4" t="s">
        <v>21505</v>
      </c>
      <c r="H4166" s="4" t="s">
        <v>21506</v>
      </c>
    </row>
    <row r="4167" spans="1:11" ht="72" x14ac:dyDescent="0.3">
      <c r="A4167" s="1">
        <v>32196</v>
      </c>
      <c r="C4167" s="4" t="s">
        <v>21507</v>
      </c>
      <c r="D4167" s="4" t="s">
        <v>21508</v>
      </c>
      <c r="E4167" s="4" t="s">
        <v>21509</v>
      </c>
      <c r="F4167" s="4" t="s">
        <v>21510</v>
      </c>
      <c r="G4167" s="4" t="s">
        <v>21511</v>
      </c>
      <c r="H4167" s="4" t="s">
        <v>21512</v>
      </c>
      <c r="I4167" s="4" t="s">
        <v>21513</v>
      </c>
      <c r="K4167" s="4" t="s">
        <v>21514</v>
      </c>
    </row>
    <row r="4168" spans="1:11" ht="28.8" x14ac:dyDescent="0.3">
      <c r="A4168" s="1">
        <v>32201</v>
      </c>
      <c r="C4168" s="4" t="s">
        <v>21515</v>
      </c>
      <c r="D4168" s="4" t="s">
        <v>21516</v>
      </c>
      <c r="E4168" s="4" t="s">
        <v>21517</v>
      </c>
      <c r="F4168" s="4" t="s">
        <v>21518</v>
      </c>
      <c r="G4168" s="4" t="s">
        <v>21519</v>
      </c>
      <c r="H4168" s="4" t="s">
        <v>21520</v>
      </c>
      <c r="I4168" s="4" t="s">
        <v>21521</v>
      </c>
      <c r="K4168" s="4" t="s">
        <v>21522</v>
      </c>
    </row>
    <row r="4169" spans="1:11" ht="28.8" x14ac:dyDescent="0.3">
      <c r="A4169" s="1">
        <v>32211</v>
      </c>
      <c r="H4169" s="4" t="s">
        <v>21523</v>
      </c>
    </row>
    <row r="4170" spans="1:11" ht="72" x14ac:dyDescent="0.3">
      <c r="A4170" s="1">
        <v>32216</v>
      </c>
      <c r="C4170" s="4" t="s">
        <v>21524</v>
      </c>
      <c r="D4170" s="4" t="s">
        <v>21525</v>
      </c>
      <c r="G4170" s="4" t="s">
        <v>21526</v>
      </c>
      <c r="H4170" s="4" t="s">
        <v>21527</v>
      </c>
      <c r="I4170" s="4" t="s">
        <v>21528</v>
      </c>
      <c r="K4170" s="4" t="s">
        <v>21529</v>
      </c>
    </row>
    <row r="4171" spans="1:11" x14ac:dyDescent="0.3">
      <c r="A4171" s="1">
        <v>32221</v>
      </c>
      <c r="C4171" s="4" t="s">
        <v>21530</v>
      </c>
      <c r="D4171" s="4" t="s">
        <v>21531</v>
      </c>
      <c r="E4171" s="4" t="s">
        <v>21532</v>
      </c>
      <c r="F4171" s="4" t="s">
        <v>21533</v>
      </c>
      <c r="G4171" s="4" t="s">
        <v>21534</v>
      </c>
      <c r="H4171" s="4" t="s">
        <v>21535</v>
      </c>
      <c r="I4171" s="4" t="s">
        <v>21536</v>
      </c>
      <c r="K4171" s="4" t="s">
        <v>21534</v>
      </c>
    </row>
    <row r="4172" spans="1:11" ht="43.2" x14ac:dyDescent="0.3">
      <c r="A4172" s="1">
        <v>32226</v>
      </c>
      <c r="C4172" s="4" t="s">
        <v>21537</v>
      </c>
      <c r="D4172" s="4" t="s">
        <v>21538</v>
      </c>
      <c r="E4172" s="4" t="s">
        <v>21539</v>
      </c>
      <c r="F4172" s="4" t="s">
        <v>21540</v>
      </c>
      <c r="G4172" s="4" t="s">
        <v>21541</v>
      </c>
      <c r="H4172" s="4" t="s">
        <v>21542</v>
      </c>
      <c r="I4172" s="4" t="s">
        <v>21543</v>
      </c>
      <c r="K4172" s="4" t="s">
        <v>21544</v>
      </c>
    </row>
    <row r="4173" spans="1:11" ht="72" x14ac:dyDescent="0.3">
      <c r="A4173" s="1">
        <v>32231</v>
      </c>
      <c r="C4173" s="4" t="s">
        <v>21545</v>
      </c>
      <c r="D4173" s="4" t="s">
        <v>21546</v>
      </c>
      <c r="E4173" s="4" t="s">
        <v>21547</v>
      </c>
      <c r="G4173" s="4" t="s">
        <v>21548</v>
      </c>
      <c r="H4173" s="4" t="s">
        <v>21549</v>
      </c>
      <c r="I4173" s="4" t="s">
        <v>21550</v>
      </c>
      <c r="K4173" s="4" t="s">
        <v>21551</v>
      </c>
    </row>
    <row r="4174" spans="1:11" ht="72" x14ac:dyDescent="0.3">
      <c r="A4174" s="1">
        <v>32236</v>
      </c>
      <c r="C4174" s="4" t="s">
        <v>21552</v>
      </c>
      <c r="D4174" s="4" t="s">
        <v>21553</v>
      </c>
      <c r="E4174" s="4" t="s">
        <v>21554</v>
      </c>
      <c r="G4174" s="4" t="s">
        <v>21555</v>
      </c>
      <c r="H4174" s="4" t="s">
        <v>21556</v>
      </c>
      <c r="I4174" s="4" t="s">
        <v>21557</v>
      </c>
      <c r="K4174" s="4" t="s">
        <v>1285</v>
      </c>
    </row>
    <row r="4175" spans="1:11" ht="72" x14ac:dyDescent="0.3">
      <c r="A4175" s="1">
        <v>32241</v>
      </c>
      <c r="C4175" s="4" t="s">
        <v>21558</v>
      </c>
      <c r="D4175" s="4" t="s">
        <v>21559</v>
      </c>
      <c r="E4175" s="4" t="s">
        <v>21560</v>
      </c>
      <c r="F4175" s="4" t="s">
        <v>21561</v>
      </c>
      <c r="G4175" s="4" t="s">
        <v>21562</v>
      </c>
      <c r="H4175" s="4" t="s">
        <v>21563</v>
      </c>
      <c r="I4175" s="4" t="s">
        <v>21564</v>
      </c>
      <c r="K4175" s="4" t="s">
        <v>21565</v>
      </c>
    </row>
    <row r="4176" spans="1:11" ht="43.2" x14ac:dyDescent="0.3">
      <c r="A4176" s="1">
        <v>32246</v>
      </c>
      <c r="C4176" s="4" t="s">
        <v>21566</v>
      </c>
      <c r="D4176" s="4" t="s">
        <v>21567</v>
      </c>
      <c r="F4176" s="4" t="s">
        <v>21568</v>
      </c>
      <c r="G4176" s="4" t="s">
        <v>21569</v>
      </c>
      <c r="H4176" s="4" t="s">
        <v>21570</v>
      </c>
    </row>
    <row r="4177" spans="1:11" x14ac:dyDescent="0.3">
      <c r="A4177" s="1">
        <v>32271</v>
      </c>
    </row>
    <row r="4178" spans="1:11" x14ac:dyDescent="0.3">
      <c r="A4178" s="1">
        <v>32276</v>
      </c>
    </row>
    <row r="4179" spans="1:11" ht="86.4" x14ac:dyDescent="0.3">
      <c r="A4179" s="1">
        <v>32291</v>
      </c>
      <c r="C4179" s="4" t="s">
        <v>21571</v>
      </c>
      <c r="D4179" s="4" t="s">
        <v>21572</v>
      </c>
      <c r="E4179" s="4" t="s">
        <v>9343</v>
      </c>
      <c r="F4179" s="4" t="s">
        <v>9343</v>
      </c>
      <c r="G4179" s="4" t="s">
        <v>21573</v>
      </c>
      <c r="H4179" s="4" t="s">
        <v>21574</v>
      </c>
      <c r="I4179" s="4" t="s">
        <v>21575</v>
      </c>
      <c r="K4179" s="4" t="s">
        <v>21576</v>
      </c>
    </row>
    <row r="4180" spans="1:11" ht="57.6" x14ac:dyDescent="0.3">
      <c r="A4180" s="1">
        <v>32296</v>
      </c>
      <c r="G4180" s="4" t="s">
        <v>21577</v>
      </c>
      <c r="H4180" s="4" t="s">
        <v>21578</v>
      </c>
    </row>
    <row r="4181" spans="1:11" ht="86.4" x14ac:dyDescent="0.3">
      <c r="A4181" s="1">
        <v>32301</v>
      </c>
      <c r="C4181" s="4" t="s">
        <v>21579</v>
      </c>
      <c r="G4181" s="4" t="s">
        <v>21580</v>
      </c>
      <c r="H4181" s="4" t="s">
        <v>21581</v>
      </c>
      <c r="I4181" s="4" t="s">
        <v>3121</v>
      </c>
      <c r="K4181" s="4" t="s">
        <v>21582</v>
      </c>
    </row>
    <row r="4182" spans="1:11" ht="86.4" x14ac:dyDescent="0.3">
      <c r="A4182" s="1">
        <v>32306</v>
      </c>
      <c r="C4182" s="4" t="s">
        <v>21583</v>
      </c>
      <c r="D4182" s="4" t="s">
        <v>21584</v>
      </c>
      <c r="E4182" s="4" t="s">
        <v>21585</v>
      </c>
      <c r="F4182" s="4" t="s">
        <v>21586</v>
      </c>
      <c r="G4182" s="4" t="s">
        <v>21587</v>
      </c>
      <c r="H4182" s="4" t="s">
        <v>21588</v>
      </c>
      <c r="I4182" s="4" t="s">
        <v>21589</v>
      </c>
      <c r="J4182" s="4" t="s">
        <v>21590</v>
      </c>
      <c r="K4182" s="4" t="s">
        <v>21591</v>
      </c>
    </row>
    <row r="4183" spans="1:11" x14ac:dyDescent="0.3">
      <c r="A4183" s="1">
        <v>32316</v>
      </c>
    </row>
    <row r="4184" spans="1:11" ht="57.6" x14ac:dyDescent="0.3">
      <c r="A4184" s="1">
        <v>32326</v>
      </c>
      <c r="C4184" s="4" t="s">
        <v>21592</v>
      </c>
      <c r="E4184" s="4" t="s">
        <v>21593</v>
      </c>
      <c r="F4184" s="4" t="s">
        <v>21594</v>
      </c>
      <c r="G4184" s="4" t="s">
        <v>21595</v>
      </c>
      <c r="H4184" s="4" t="s">
        <v>21596</v>
      </c>
      <c r="I4184" s="4" t="s">
        <v>21597</v>
      </c>
    </row>
    <row r="4185" spans="1:11" x14ac:dyDescent="0.3">
      <c r="A4185" s="1">
        <v>32331</v>
      </c>
    </row>
    <row r="4186" spans="1:11" ht="57.6" x14ac:dyDescent="0.3">
      <c r="A4186" s="1">
        <v>32341</v>
      </c>
      <c r="C4186" s="4" t="s">
        <v>21598</v>
      </c>
      <c r="D4186" s="4" t="s">
        <v>21599</v>
      </c>
      <c r="E4186" s="4" t="s">
        <v>21600</v>
      </c>
      <c r="F4186" s="4" t="s">
        <v>21601</v>
      </c>
    </row>
    <row r="4187" spans="1:11" ht="57.6" x14ac:dyDescent="0.3">
      <c r="A4187" s="1">
        <v>32346</v>
      </c>
      <c r="C4187" s="4" t="s">
        <v>21602</v>
      </c>
      <c r="D4187" s="4" t="s">
        <v>21603</v>
      </c>
      <c r="E4187" s="4" t="s">
        <v>21604</v>
      </c>
    </row>
    <row r="4188" spans="1:11" x14ac:dyDescent="0.3">
      <c r="A4188" s="1">
        <v>32351</v>
      </c>
    </row>
    <row r="4189" spans="1:11" x14ac:dyDescent="0.3">
      <c r="A4189" s="1">
        <v>32356</v>
      </c>
    </row>
    <row r="4190" spans="1:11" x14ac:dyDescent="0.3">
      <c r="A4190" s="1">
        <v>32361</v>
      </c>
      <c r="H4190" s="4" t="s">
        <v>21605</v>
      </c>
      <c r="I4190" s="4" t="s">
        <v>21606</v>
      </c>
    </row>
    <row r="4191" spans="1:11" ht="57.6" x14ac:dyDescent="0.3">
      <c r="A4191" s="1">
        <v>32366</v>
      </c>
      <c r="C4191" s="4" t="s">
        <v>21607</v>
      </c>
      <c r="D4191" s="4" t="s">
        <v>21608</v>
      </c>
      <c r="E4191" s="4" t="s">
        <v>21609</v>
      </c>
      <c r="F4191" s="4" t="s">
        <v>21610</v>
      </c>
      <c r="I4191" s="4" t="s">
        <v>21611</v>
      </c>
      <c r="K4191" s="4" t="s">
        <v>21612</v>
      </c>
    </row>
    <row r="4192" spans="1:11" ht="72" x14ac:dyDescent="0.3">
      <c r="A4192" s="1">
        <v>32371</v>
      </c>
      <c r="C4192" s="4" t="s">
        <v>21613</v>
      </c>
      <c r="E4192" s="4" t="s">
        <v>21614</v>
      </c>
      <c r="G4192" s="4" t="s">
        <v>21615</v>
      </c>
      <c r="H4192" s="4" t="s">
        <v>21616</v>
      </c>
      <c r="I4192" s="4" t="s">
        <v>21617</v>
      </c>
      <c r="K4192" s="4" t="s">
        <v>21618</v>
      </c>
    </row>
    <row r="4193" spans="1:11" ht="43.2" x14ac:dyDescent="0.3">
      <c r="A4193" s="1">
        <v>32376</v>
      </c>
      <c r="C4193" s="4" t="s">
        <v>21619</v>
      </c>
      <c r="D4193" s="4" t="s">
        <v>21620</v>
      </c>
      <c r="E4193" s="4" t="s">
        <v>21621</v>
      </c>
      <c r="F4193" s="4" t="s">
        <v>21622</v>
      </c>
      <c r="G4193" s="4" t="s">
        <v>21623</v>
      </c>
      <c r="H4193" s="4" t="s">
        <v>21624</v>
      </c>
      <c r="I4193" s="4" t="s">
        <v>21625</v>
      </c>
      <c r="K4193" s="4" t="s">
        <v>21626</v>
      </c>
    </row>
    <row r="4194" spans="1:11" x14ac:dyDescent="0.3">
      <c r="A4194" s="1">
        <v>32391</v>
      </c>
    </row>
    <row r="4195" spans="1:11" ht="28.8" x14ac:dyDescent="0.3">
      <c r="A4195" s="1">
        <v>32396</v>
      </c>
      <c r="C4195" s="4" t="s">
        <v>21627</v>
      </c>
      <c r="D4195" s="4" t="s">
        <v>21628</v>
      </c>
      <c r="F4195" s="4" t="s">
        <v>21629</v>
      </c>
      <c r="K4195" s="4" t="s">
        <v>21630</v>
      </c>
    </row>
    <row r="4196" spans="1:11" x14ac:dyDescent="0.3">
      <c r="A4196" s="1">
        <v>32406</v>
      </c>
    </row>
    <row r="4197" spans="1:11" ht="86.4" x14ac:dyDescent="0.3">
      <c r="A4197" s="1">
        <v>32411</v>
      </c>
      <c r="C4197" s="4" t="e">
        <v>#NAME?</v>
      </c>
      <c r="E4197" s="4" t="s">
        <v>21631</v>
      </c>
      <c r="F4197" s="4" t="s">
        <v>21632</v>
      </c>
      <c r="H4197" s="4" t="s">
        <v>21633</v>
      </c>
      <c r="J4197" s="4" t="s">
        <v>21634</v>
      </c>
      <c r="K4197" s="4" t="s">
        <v>21635</v>
      </c>
    </row>
    <row r="4198" spans="1:11" ht="115.2" x14ac:dyDescent="0.3">
      <c r="A4198" s="1">
        <v>32426</v>
      </c>
      <c r="B4198" s="1" t="s">
        <v>21636</v>
      </c>
      <c r="C4198" s="4" t="s">
        <v>21637</v>
      </c>
      <c r="D4198" s="4" t="s">
        <v>21638</v>
      </c>
      <c r="E4198" s="4" t="s">
        <v>21639</v>
      </c>
      <c r="F4198" s="4" t="s">
        <v>21640</v>
      </c>
      <c r="G4198" s="4" t="s">
        <v>21641</v>
      </c>
      <c r="H4198" s="4" t="s">
        <v>21642</v>
      </c>
      <c r="I4198" s="4" t="s">
        <v>21643</v>
      </c>
      <c r="J4198" s="4" t="s">
        <v>21644</v>
      </c>
      <c r="K4198" s="4" t="s">
        <v>21645</v>
      </c>
    </row>
    <row r="4199" spans="1:11" ht="72" x14ac:dyDescent="0.3">
      <c r="A4199" s="1">
        <v>32436</v>
      </c>
      <c r="B4199" s="1" t="s">
        <v>21646</v>
      </c>
      <c r="C4199" s="4" t="s">
        <v>21647</v>
      </c>
      <c r="D4199" s="4" t="s">
        <v>21648</v>
      </c>
      <c r="E4199" s="4" t="s">
        <v>21649</v>
      </c>
      <c r="F4199" s="4" t="s">
        <v>21650</v>
      </c>
      <c r="G4199" s="4" t="s">
        <v>21651</v>
      </c>
      <c r="H4199" s="4" t="s">
        <v>21652</v>
      </c>
      <c r="I4199" s="4" t="s">
        <v>21653</v>
      </c>
      <c r="K4199" s="4" t="s">
        <v>21654</v>
      </c>
    </row>
    <row r="4200" spans="1:11" ht="72" x14ac:dyDescent="0.3">
      <c r="A4200" s="1">
        <v>32441</v>
      </c>
      <c r="C4200" s="4" t="s">
        <v>21655</v>
      </c>
      <c r="D4200" s="4" t="s">
        <v>21656</v>
      </c>
      <c r="E4200" s="4" t="s">
        <v>21657</v>
      </c>
      <c r="F4200" s="4" t="s">
        <v>21658</v>
      </c>
      <c r="G4200" s="4" t="s">
        <v>21659</v>
      </c>
      <c r="H4200" s="4" t="s">
        <v>21660</v>
      </c>
    </row>
    <row r="4201" spans="1:11" ht="86.4" x14ac:dyDescent="0.3">
      <c r="A4201" s="1">
        <v>32446</v>
      </c>
      <c r="C4201" s="4" t="s">
        <v>21661</v>
      </c>
      <c r="D4201" s="4" t="s">
        <v>21662</v>
      </c>
      <c r="G4201" s="4" t="s">
        <v>21663</v>
      </c>
      <c r="H4201" s="4" t="s">
        <v>21664</v>
      </c>
      <c r="I4201" s="4" t="s">
        <v>21665</v>
      </c>
      <c r="J4201" s="4" t="s">
        <v>18597</v>
      </c>
      <c r="K4201" s="4" t="s">
        <v>21666</v>
      </c>
    </row>
    <row r="4202" spans="1:11" ht="86.4" x14ac:dyDescent="0.3">
      <c r="A4202" s="1">
        <v>32456</v>
      </c>
      <c r="C4202" s="4" t="s">
        <v>21667</v>
      </c>
      <c r="D4202" s="4" t="s">
        <v>21668</v>
      </c>
      <c r="E4202" s="4" t="s">
        <v>21669</v>
      </c>
      <c r="F4202" s="4" t="s">
        <v>21670</v>
      </c>
      <c r="G4202" s="4" t="s">
        <v>21671</v>
      </c>
      <c r="H4202" s="4" t="s">
        <v>21672</v>
      </c>
      <c r="I4202" s="4" t="s">
        <v>21673</v>
      </c>
      <c r="K4202" s="4" t="s">
        <v>21674</v>
      </c>
    </row>
    <row r="4203" spans="1:11" ht="72" x14ac:dyDescent="0.3">
      <c r="A4203" s="1">
        <v>32466</v>
      </c>
      <c r="C4203" s="4" t="s">
        <v>21675</v>
      </c>
      <c r="D4203" s="4" t="s">
        <v>21676</v>
      </c>
      <c r="E4203" s="4" t="s">
        <v>21677</v>
      </c>
      <c r="G4203" s="4" t="s">
        <v>21678</v>
      </c>
    </row>
    <row r="4204" spans="1:11" x14ac:dyDescent="0.3">
      <c r="A4204" s="1">
        <v>32486</v>
      </c>
      <c r="E4204" s="4" t="s">
        <v>21679</v>
      </c>
    </row>
    <row r="4205" spans="1:11" ht="43.2" x14ac:dyDescent="0.3">
      <c r="A4205" s="1">
        <v>32491</v>
      </c>
      <c r="B4205" s="1" t="s">
        <v>3197</v>
      </c>
      <c r="C4205" s="4" t="s">
        <v>21680</v>
      </c>
      <c r="D4205" s="4" t="s">
        <v>21681</v>
      </c>
      <c r="E4205" s="4" t="s">
        <v>21682</v>
      </c>
      <c r="F4205" s="4" t="s">
        <v>21683</v>
      </c>
      <c r="G4205" s="4" t="s">
        <v>21684</v>
      </c>
      <c r="H4205" s="4" t="s">
        <v>21685</v>
      </c>
      <c r="I4205" s="4" t="s">
        <v>21686</v>
      </c>
      <c r="K4205" s="4" t="s">
        <v>21687</v>
      </c>
    </row>
    <row r="4206" spans="1:11" x14ac:dyDescent="0.3">
      <c r="A4206" s="1">
        <v>32501</v>
      </c>
    </row>
    <row r="4207" spans="1:11" ht="86.4" x14ac:dyDescent="0.3">
      <c r="A4207" s="1">
        <v>32506</v>
      </c>
      <c r="D4207" s="4" t="s">
        <v>21688</v>
      </c>
      <c r="I4207" s="4" t="s">
        <v>21689</v>
      </c>
    </row>
    <row r="4208" spans="1:11" ht="28.8" x14ac:dyDescent="0.3">
      <c r="A4208" s="1">
        <v>32511</v>
      </c>
      <c r="E4208" s="4" t="s">
        <v>21690</v>
      </c>
      <c r="J4208" s="4" t="s">
        <v>21691</v>
      </c>
    </row>
    <row r="4209" spans="1:11" ht="43.2" x14ac:dyDescent="0.3">
      <c r="A4209" s="1">
        <v>32531</v>
      </c>
      <c r="C4209" s="4" t="s">
        <v>21692</v>
      </c>
      <c r="D4209" s="4" t="s">
        <v>21693</v>
      </c>
      <c r="E4209" s="4" t="s">
        <v>21694</v>
      </c>
      <c r="F4209" s="4" t="s">
        <v>21695</v>
      </c>
      <c r="G4209" s="4" t="s">
        <v>21696</v>
      </c>
      <c r="H4209" s="4" t="s">
        <v>21697</v>
      </c>
      <c r="I4209" s="4" t="s">
        <v>21698</v>
      </c>
      <c r="J4209" s="4" t="s">
        <v>21699</v>
      </c>
      <c r="K4209" s="4" t="s">
        <v>21700</v>
      </c>
    </row>
    <row r="4210" spans="1:11" ht="86.4" x14ac:dyDescent="0.3">
      <c r="A4210" s="1">
        <v>32536</v>
      </c>
      <c r="B4210" s="1" t="s">
        <v>21701</v>
      </c>
      <c r="C4210" s="4" t="s">
        <v>21702</v>
      </c>
      <c r="D4210" s="4" t="s">
        <v>21703</v>
      </c>
      <c r="E4210" s="4" t="s">
        <v>21704</v>
      </c>
      <c r="F4210" s="4" t="s">
        <v>21705</v>
      </c>
      <c r="G4210" s="4" t="s">
        <v>21706</v>
      </c>
      <c r="I4210" s="4" t="s">
        <v>21707</v>
      </c>
      <c r="K4210" s="4" t="s">
        <v>21708</v>
      </c>
    </row>
    <row r="4211" spans="1:11" ht="86.4" x14ac:dyDescent="0.3">
      <c r="A4211" s="1">
        <v>32541</v>
      </c>
      <c r="C4211" s="4" t="s">
        <v>21709</v>
      </c>
      <c r="D4211" s="4" t="s">
        <v>21710</v>
      </c>
      <c r="E4211" s="4" t="s">
        <v>21711</v>
      </c>
      <c r="F4211" s="4" t="s">
        <v>21712</v>
      </c>
      <c r="G4211" s="4" t="s">
        <v>21713</v>
      </c>
      <c r="H4211" s="4" t="s">
        <v>21714</v>
      </c>
      <c r="I4211" s="4" t="s">
        <v>21715</v>
      </c>
      <c r="K4211" s="4" t="s">
        <v>21716</v>
      </c>
    </row>
    <row r="4212" spans="1:11" ht="57.6" x14ac:dyDescent="0.3">
      <c r="A4212" s="1">
        <v>32546</v>
      </c>
      <c r="B4212" s="1" t="s">
        <v>21646</v>
      </c>
      <c r="C4212" s="4" t="s">
        <v>21717</v>
      </c>
      <c r="D4212" s="4" t="s">
        <v>21718</v>
      </c>
      <c r="E4212" s="4" t="s">
        <v>21719</v>
      </c>
      <c r="F4212" s="4" t="s">
        <v>21720</v>
      </c>
      <c r="G4212" s="4" t="s">
        <v>21721</v>
      </c>
      <c r="H4212" s="4" t="s">
        <v>21722</v>
      </c>
      <c r="I4212" s="4" t="s">
        <v>21723</v>
      </c>
      <c r="K4212" s="4" t="s">
        <v>21724</v>
      </c>
    </row>
    <row r="4213" spans="1:11" x14ac:dyDescent="0.3">
      <c r="A4213" s="1">
        <v>32551</v>
      </c>
    </row>
    <row r="4214" spans="1:11" ht="72" x14ac:dyDescent="0.3">
      <c r="A4214" s="1">
        <v>32561</v>
      </c>
      <c r="G4214" s="4" t="s">
        <v>21725</v>
      </c>
      <c r="H4214" s="4" t="s">
        <v>21726</v>
      </c>
      <c r="K4214" s="4" t="s">
        <v>21727</v>
      </c>
    </row>
    <row r="4215" spans="1:11" ht="57.6" x14ac:dyDescent="0.3">
      <c r="A4215" s="1">
        <v>32571</v>
      </c>
      <c r="C4215" s="4" t="s">
        <v>21728</v>
      </c>
    </row>
    <row r="4216" spans="1:11" ht="57.6" x14ac:dyDescent="0.3">
      <c r="A4216" s="1">
        <v>32576</v>
      </c>
      <c r="C4216" s="4" t="s">
        <v>21729</v>
      </c>
      <c r="D4216" s="4" t="s">
        <v>21730</v>
      </c>
      <c r="E4216" s="4" t="s">
        <v>21731</v>
      </c>
      <c r="F4216" s="4" t="s">
        <v>21732</v>
      </c>
      <c r="G4216" s="4" t="s">
        <v>21733</v>
      </c>
      <c r="H4216" s="4" t="s">
        <v>21734</v>
      </c>
      <c r="I4216" s="4" t="s">
        <v>21735</v>
      </c>
      <c r="K4216" s="4" t="s">
        <v>21736</v>
      </c>
    </row>
    <row r="4217" spans="1:11" ht="72" x14ac:dyDescent="0.3">
      <c r="A4217" s="1">
        <v>32601</v>
      </c>
      <c r="D4217" s="4" t="s">
        <v>21737</v>
      </c>
    </row>
    <row r="4218" spans="1:11" x14ac:dyDescent="0.3">
      <c r="A4218" s="1">
        <v>32606</v>
      </c>
    </row>
    <row r="4219" spans="1:11" ht="86.4" x14ac:dyDescent="0.3">
      <c r="A4219" s="1">
        <v>32616</v>
      </c>
      <c r="C4219" s="4" t="s">
        <v>21738</v>
      </c>
      <c r="D4219" s="4" t="s">
        <v>21739</v>
      </c>
      <c r="E4219" s="4" t="s">
        <v>21740</v>
      </c>
      <c r="F4219" s="4" t="s">
        <v>21740</v>
      </c>
      <c r="G4219" s="4" t="s">
        <v>21741</v>
      </c>
      <c r="H4219" s="4" t="s">
        <v>21742</v>
      </c>
      <c r="I4219" s="4" t="s">
        <v>21743</v>
      </c>
      <c r="K4219" s="4" t="s">
        <v>21744</v>
      </c>
    </row>
    <row r="4220" spans="1:11" x14ac:dyDescent="0.3">
      <c r="A4220" s="1">
        <v>32621</v>
      </c>
    </row>
    <row r="4221" spans="1:11" ht="86.4" x14ac:dyDescent="0.3">
      <c r="A4221" s="1">
        <v>32626</v>
      </c>
      <c r="C4221" s="4" t="s">
        <v>21745</v>
      </c>
      <c r="D4221" s="4" t="s">
        <v>21746</v>
      </c>
      <c r="E4221" s="4" t="s">
        <v>21747</v>
      </c>
      <c r="F4221" s="4" t="s">
        <v>21748</v>
      </c>
      <c r="G4221" s="4" t="s">
        <v>21749</v>
      </c>
      <c r="H4221" s="4" t="s">
        <v>21750</v>
      </c>
      <c r="I4221" s="4" t="s">
        <v>21751</v>
      </c>
      <c r="K4221" s="4" t="s">
        <v>21752</v>
      </c>
    </row>
    <row r="4222" spans="1:11" x14ac:dyDescent="0.3">
      <c r="A4222" s="1">
        <v>32636</v>
      </c>
    </row>
    <row r="4223" spans="1:11" ht="86.4" x14ac:dyDescent="0.3">
      <c r="A4223" s="1">
        <v>32641</v>
      </c>
      <c r="C4223" s="4" t="s">
        <v>21753</v>
      </c>
      <c r="D4223" s="4" t="s">
        <v>21754</v>
      </c>
      <c r="E4223" s="4" t="s">
        <v>21755</v>
      </c>
      <c r="F4223" s="4" t="s">
        <v>21756</v>
      </c>
      <c r="G4223" s="4" t="s">
        <v>21757</v>
      </c>
      <c r="H4223" s="4" t="s">
        <v>21758</v>
      </c>
      <c r="I4223" s="4" t="s">
        <v>21759</v>
      </c>
      <c r="K4223" s="4" t="s">
        <v>21760</v>
      </c>
    </row>
    <row r="4224" spans="1:11" ht="57.6" x14ac:dyDescent="0.3">
      <c r="A4224" s="1">
        <v>32646</v>
      </c>
      <c r="C4224" s="4" t="s">
        <v>21761</v>
      </c>
      <c r="D4224" s="4" t="s">
        <v>21762</v>
      </c>
      <c r="E4224" s="4" t="s">
        <v>21763</v>
      </c>
      <c r="F4224" s="4" t="s">
        <v>21764</v>
      </c>
      <c r="G4224" s="4" t="s">
        <v>21765</v>
      </c>
      <c r="H4224" s="4" t="s">
        <v>21766</v>
      </c>
      <c r="I4224" s="4" t="s">
        <v>21767</v>
      </c>
      <c r="J4224" s="4" t="s">
        <v>21768</v>
      </c>
      <c r="K4224" s="4" t="s">
        <v>21769</v>
      </c>
    </row>
    <row r="4225" spans="1:11" ht="57.6" x14ac:dyDescent="0.3">
      <c r="A4225" s="1">
        <v>32651</v>
      </c>
      <c r="C4225" s="4" t="s">
        <v>21770</v>
      </c>
      <c r="G4225" s="4" t="s">
        <v>21771</v>
      </c>
      <c r="K4225" s="4" t="s">
        <v>21772</v>
      </c>
    </row>
    <row r="4226" spans="1:11" ht="86.4" x14ac:dyDescent="0.3">
      <c r="A4226" s="1">
        <v>32656</v>
      </c>
      <c r="C4226" s="4" t="s">
        <v>21773</v>
      </c>
      <c r="D4226" s="4" t="s">
        <v>21774</v>
      </c>
      <c r="E4226" s="4" t="s">
        <v>21775</v>
      </c>
      <c r="F4226" s="4" t="s">
        <v>21776</v>
      </c>
      <c r="G4226" s="4" t="s">
        <v>21777</v>
      </c>
      <c r="H4226" s="4" t="s">
        <v>21778</v>
      </c>
      <c r="I4226" s="4" t="s">
        <v>21779</v>
      </c>
      <c r="J4226" s="4" t="s">
        <v>21780</v>
      </c>
      <c r="K4226" s="4" t="s">
        <v>21781</v>
      </c>
    </row>
    <row r="4227" spans="1:11" x14ac:dyDescent="0.3">
      <c r="A4227" s="1">
        <v>32666</v>
      </c>
      <c r="C4227" s="4" t="s">
        <v>21782</v>
      </c>
      <c r="D4227" s="4" t="s">
        <v>21783</v>
      </c>
      <c r="E4227" s="4" t="s">
        <v>21784</v>
      </c>
    </row>
    <row r="4228" spans="1:11" ht="43.2" x14ac:dyDescent="0.3">
      <c r="A4228" s="1">
        <v>32671</v>
      </c>
      <c r="C4228" s="4" t="s">
        <v>21785</v>
      </c>
      <c r="G4228" s="4" t="s">
        <v>21786</v>
      </c>
    </row>
    <row r="4229" spans="1:11" x14ac:dyDescent="0.3">
      <c r="A4229" s="1">
        <v>32676</v>
      </c>
    </row>
    <row r="4230" spans="1:11" ht="72" x14ac:dyDescent="0.3">
      <c r="A4230" s="1">
        <v>32686</v>
      </c>
      <c r="C4230" s="4" t="s">
        <v>21787</v>
      </c>
      <c r="D4230" s="4" t="s">
        <v>21788</v>
      </c>
      <c r="E4230" s="4" t="s">
        <v>21789</v>
      </c>
      <c r="F4230" s="4" t="s">
        <v>21790</v>
      </c>
      <c r="G4230" s="4" t="s">
        <v>21791</v>
      </c>
      <c r="H4230" s="4" t="s">
        <v>21792</v>
      </c>
    </row>
    <row r="4231" spans="1:11" ht="72" x14ac:dyDescent="0.3">
      <c r="A4231" s="1">
        <v>32691</v>
      </c>
      <c r="C4231" s="4" t="s">
        <v>21793</v>
      </c>
      <c r="D4231" s="4" t="s">
        <v>21794</v>
      </c>
      <c r="E4231" s="4" t="s">
        <v>21795</v>
      </c>
      <c r="F4231" s="4" t="s">
        <v>21796</v>
      </c>
      <c r="H4231" s="4" t="s">
        <v>21797</v>
      </c>
      <c r="K4231" s="4" t="s">
        <v>21798</v>
      </c>
    </row>
    <row r="4232" spans="1:11" ht="57.6" x14ac:dyDescent="0.3">
      <c r="A4232" s="1">
        <v>32696</v>
      </c>
      <c r="B4232" s="1" t="s">
        <v>21799</v>
      </c>
      <c r="C4232" s="4" t="s">
        <v>21800</v>
      </c>
      <c r="D4232" s="4" t="s">
        <v>21801</v>
      </c>
      <c r="E4232" s="4" t="s">
        <v>21802</v>
      </c>
      <c r="F4232" s="4" t="s">
        <v>21803</v>
      </c>
      <c r="G4232" s="4" t="s">
        <v>21804</v>
      </c>
      <c r="H4232" s="4" t="s">
        <v>21805</v>
      </c>
      <c r="I4232" s="4" t="s">
        <v>21806</v>
      </c>
      <c r="K4232" s="4" t="s">
        <v>21807</v>
      </c>
    </row>
    <row r="4233" spans="1:11" ht="57.6" x14ac:dyDescent="0.3">
      <c r="A4233" s="1">
        <v>32701</v>
      </c>
      <c r="C4233" s="4" t="s">
        <v>21808</v>
      </c>
      <c r="D4233" s="4" t="s">
        <v>21809</v>
      </c>
      <c r="G4233" s="4" t="s">
        <v>21810</v>
      </c>
    </row>
    <row r="4234" spans="1:11" ht="72" x14ac:dyDescent="0.3">
      <c r="A4234" s="1">
        <v>32711</v>
      </c>
      <c r="E4234" s="4" t="s">
        <v>21811</v>
      </c>
      <c r="G4234" s="4" t="s">
        <v>21812</v>
      </c>
      <c r="H4234" s="4" t="s">
        <v>21813</v>
      </c>
      <c r="I4234" s="4" t="s">
        <v>21814</v>
      </c>
      <c r="J4234" s="4" t="s">
        <v>21815</v>
      </c>
      <c r="K4234" s="4" t="s">
        <v>21816</v>
      </c>
    </row>
    <row r="4235" spans="1:11" ht="72" x14ac:dyDescent="0.3">
      <c r="A4235" s="1">
        <v>32716</v>
      </c>
      <c r="C4235" s="4" t="s">
        <v>21817</v>
      </c>
      <c r="D4235" s="4" t="s">
        <v>21818</v>
      </c>
      <c r="E4235" s="4" t="s">
        <v>21819</v>
      </c>
      <c r="F4235" s="4" t="s">
        <v>21820</v>
      </c>
      <c r="G4235" s="4" t="s">
        <v>21821</v>
      </c>
      <c r="H4235" s="4" t="s">
        <v>21822</v>
      </c>
      <c r="I4235" s="4" t="s">
        <v>21823</v>
      </c>
      <c r="K4235" s="4" t="s">
        <v>21824</v>
      </c>
    </row>
    <row r="4236" spans="1:11" ht="86.4" x14ac:dyDescent="0.3">
      <c r="A4236" s="1">
        <v>32721</v>
      </c>
      <c r="D4236" s="4" t="s">
        <v>21825</v>
      </c>
      <c r="E4236" s="4" t="s">
        <v>21826</v>
      </c>
      <c r="F4236" s="4" t="s">
        <v>21827</v>
      </c>
      <c r="H4236" s="4" t="s">
        <v>21828</v>
      </c>
      <c r="K4236" s="4" t="s">
        <v>21829</v>
      </c>
    </row>
    <row r="4237" spans="1:11" ht="86.4" x14ac:dyDescent="0.3">
      <c r="A4237" s="1">
        <v>32731</v>
      </c>
      <c r="C4237" s="4" t="s">
        <v>21830</v>
      </c>
      <c r="D4237" s="4" t="s">
        <v>21831</v>
      </c>
      <c r="E4237" s="4" t="s">
        <v>21832</v>
      </c>
      <c r="F4237" s="4" t="s">
        <v>21833</v>
      </c>
      <c r="G4237" s="4" t="s">
        <v>21834</v>
      </c>
      <c r="H4237" s="4" t="s">
        <v>21835</v>
      </c>
      <c r="I4237" s="4" t="s">
        <v>21836</v>
      </c>
      <c r="K4237" s="4" t="s">
        <v>21837</v>
      </c>
    </row>
    <row r="4238" spans="1:11" ht="86.4" x14ac:dyDescent="0.3">
      <c r="A4238" s="1">
        <v>32736</v>
      </c>
      <c r="B4238" s="1" t="s">
        <v>9377</v>
      </c>
      <c r="C4238" s="4" t="s">
        <v>21838</v>
      </c>
      <c r="D4238" s="4" t="s">
        <v>21839</v>
      </c>
      <c r="E4238" s="4" t="s">
        <v>21840</v>
      </c>
      <c r="F4238" s="4" t="s">
        <v>21841</v>
      </c>
      <c r="G4238" s="4" t="s">
        <v>21842</v>
      </c>
      <c r="H4238" s="4" t="s">
        <v>21843</v>
      </c>
    </row>
    <row r="4239" spans="1:11" ht="57.6" x14ac:dyDescent="0.3">
      <c r="A4239" s="1">
        <v>32741</v>
      </c>
      <c r="C4239" s="4" t="s">
        <v>21844</v>
      </c>
      <c r="G4239" s="4" t="s">
        <v>21845</v>
      </c>
      <c r="H4239" s="4" t="s">
        <v>21846</v>
      </c>
    </row>
    <row r="4240" spans="1:11" ht="57.6" x14ac:dyDescent="0.3">
      <c r="A4240" s="1">
        <v>32746</v>
      </c>
      <c r="D4240" s="4" t="s">
        <v>21847</v>
      </c>
      <c r="F4240" s="4" t="s">
        <v>21848</v>
      </c>
      <c r="H4240" s="4" t="s">
        <v>21849</v>
      </c>
    </row>
    <row r="4241" spans="1:11" ht="86.4" x14ac:dyDescent="0.3">
      <c r="A4241" s="1">
        <v>32756</v>
      </c>
      <c r="D4241" s="4" t="s">
        <v>21850</v>
      </c>
      <c r="F4241" s="4" t="s">
        <v>21851</v>
      </c>
      <c r="H4241" s="4" t="s">
        <v>21852</v>
      </c>
      <c r="J4241" s="4" t="s">
        <v>21853</v>
      </c>
      <c r="K4241" s="4" t="s">
        <v>21854</v>
      </c>
    </row>
    <row r="4242" spans="1:11" ht="86.4" x14ac:dyDescent="0.3">
      <c r="A4242" s="1">
        <v>32761</v>
      </c>
      <c r="C4242" s="4" t="s">
        <v>21855</v>
      </c>
      <c r="K4242" s="4" t="s">
        <v>21856</v>
      </c>
    </row>
    <row r="4243" spans="1:11" ht="72" x14ac:dyDescent="0.3">
      <c r="A4243" s="1">
        <v>32776</v>
      </c>
      <c r="C4243" s="4" t="s">
        <v>21857</v>
      </c>
      <c r="D4243" s="4" t="s">
        <v>21858</v>
      </c>
      <c r="E4243" s="4" t="s">
        <v>21859</v>
      </c>
      <c r="F4243" s="4" t="s">
        <v>21860</v>
      </c>
      <c r="G4243" s="4" t="s">
        <v>21861</v>
      </c>
      <c r="H4243" s="4" t="s">
        <v>21862</v>
      </c>
      <c r="I4243" s="4" t="s">
        <v>21863</v>
      </c>
      <c r="K4243" s="4" t="s">
        <v>21864</v>
      </c>
    </row>
    <row r="4244" spans="1:11" x14ac:dyDescent="0.3">
      <c r="A4244" s="1">
        <v>32781</v>
      </c>
    </row>
    <row r="4245" spans="1:11" ht="72" x14ac:dyDescent="0.3">
      <c r="A4245" s="1">
        <v>32786</v>
      </c>
      <c r="C4245" s="4" t="s">
        <v>21865</v>
      </c>
      <c r="D4245" s="4" t="s">
        <v>21866</v>
      </c>
      <c r="E4245" s="4" t="s">
        <v>21867</v>
      </c>
      <c r="F4245" s="4" t="s">
        <v>21868</v>
      </c>
      <c r="G4245" s="4" t="s">
        <v>21869</v>
      </c>
      <c r="H4245" s="4" t="s">
        <v>5528</v>
      </c>
      <c r="I4245" s="4" t="s">
        <v>21870</v>
      </c>
      <c r="J4245" s="4" t="s">
        <v>21871</v>
      </c>
      <c r="K4245" s="4" t="s">
        <v>21872</v>
      </c>
    </row>
    <row r="4246" spans="1:11" x14ac:dyDescent="0.3">
      <c r="A4246" s="1">
        <v>32791</v>
      </c>
      <c r="C4246" s="4" t="s">
        <v>21873</v>
      </c>
      <c r="E4246" s="4" t="s">
        <v>21874</v>
      </c>
    </row>
    <row r="4247" spans="1:11" ht="28.8" x14ac:dyDescent="0.3">
      <c r="A4247" s="1">
        <v>32796</v>
      </c>
      <c r="C4247" s="4" t="s">
        <v>21875</v>
      </c>
    </row>
    <row r="4248" spans="1:11" ht="86.4" x14ac:dyDescent="0.3">
      <c r="A4248" s="1">
        <v>32801</v>
      </c>
      <c r="D4248" s="4" t="s">
        <v>21876</v>
      </c>
      <c r="E4248" s="4" t="s">
        <v>21876</v>
      </c>
      <c r="F4248" s="4" t="s">
        <v>21876</v>
      </c>
      <c r="G4248" s="4" t="s">
        <v>21877</v>
      </c>
      <c r="H4248" s="4" t="s">
        <v>21878</v>
      </c>
      <c r="I4248" s="4" t="s">
        <v>21879</v>
      </c>
      <c r="J4248" s="4" t="s">
        <v>21880</v>
      </c>
    </row>
    <row r="4249" spans="1:11" ht="86.4" x14ac:dyDescent="0.3">
      <c r="A4249" s="1">
        <v>32806</v>
      </c>
      <c r="C4249" s="4" t="s">
        <v>21881</v>
      </c>
      <c r="G4249" s="4" t="s">
        <v>21882</v>
      </c>
      <c r="I4249" s="4" t="s">
        <v>21883</v>
      </c>
      <c r="K4249" s="4" t="s">
        <v>21884</v>
      </c>
    </row>
    <row r="4250" spans="1:11" ht="28.8" x14ac:dyDescent="0.3">
      <c r="A4250" s="1">
        <v>32811</v>
      </c>
      <c r="C4250" s="4" t="s">
        <v>21885</v>
      </c>
      <c r="D4250" s="4" t="s">
        <v>21886</v>
      </c>
      <c r="E4250" s="4" t="s">
        <v>21887</v>
      </c>
      <c r="F4250" s="4" t="s">
        <v>21888</v>
      </c>
      <c r="G4250" s="4" t="s">
        <v>21889</v>
      </c>
      <c r="H4250" s="4" t="s">
        <v>21890</v>
      </c>
      <c r="I4250" s="4" t="s">
        <v>21891</v>
      </c>
      <c r="K4250" s="4" t="s">
        <v>21892</v>
      </c>
    </row>
    <row r="4251" spans="1:11" ht="72" x14ac:dyDescent="0.3">
      <c r="A4251" s="1">
        <v>32816</v>
      </c>
      <c r="C4251" s="4" t="s">
        <v>21893</v>
      </c>
      <c r="D4251" s="4" t="s">
        <v>21894</v>
      </c>
      <c r="E4251" s="4" t="s">
        <v>21895</v>
      </c>
      <c r="F4251" s="4" t="s">
        <v>21896</v>
      </c>
      <c r="G4251" s="4" t="s">
        <v>21897</v>
      </c>
      <c r="H4251" s="4" t="s">
        <v>21898</v>
      </c>
      <c r="I4251" s="4" t="s">
        <v>21899</v>
      </c>
      <c r="K4251" s="4" t="s">
        <v>21900</v>
      </c>
    </row>
    <row r="4252" spans="1:11" ht="86.4" x14ac:dyDescent="0.3">
      <c r="A4252" s="1">
        <v>32821</v>
      </c>
      <c r="C4252" s="4" t="s">
        <v>21901</v>
      </c>
      <c r="D4252" s="4" t="s">
        <v>21902</v>
      </c>
      <c r="E4252" s="4" t="s">
        <v>21903</v>
      </c>
      <c r="F4252" s="4" t="s">
        <v>21904</v>
      </c>
      <c r="G4252" s="4" t="s">
        <v>21905</v>
      </c>
      <c r="H4252" s="4" t="s">
        <v>21906</v>
      </c>
      <c r="K4252" s="4" t="s">
        <v>21907</v>
      </c>
    </row>
    <row r="4253" spans="1:11" ht="72" x14ac:dyDescent="0.3">
      <c r="A4253" s="1">
        <v>32831</v>
      </c>
      <c r="C4253" s="4" t="s">
        <v>21908</v>
      </c>
      <c r="D4253" s="4" t="s">
        <v>21909</v>
      </c>
    </row>
    <row r="4254" spans="1:11" ht="57.6" x14ac:dyDescent="0.3">
      <c r="A4254" s="1">
        <v>32851</v>
      </c>
      <c r="C4254" s="4" t="s">
        <v>21910</v>
      </c>
      <c r="D4254" s="4" t="s">
        <v>21911</v>
      </c>
      <c r="E4254" s="4" t="s">
        <v>21912</v>
      </c>
      <c r="F4254" s="4" t="s">
        <v>21913</v>
      </c>
      <c r="G4254" s="4" t="s">
        <v>21914</v>
      </c>
      <c r="H4254" s="4" t="s">
        <v>21915</v>
      </c>
      <c r="I4254" s="4" t="s">
        <v>21916</v>
      </c>
      <c r="K4254" s="4" t="s">
        <v>21917</v>
      </c>
    </row>
    <row r="4255" spans="1:11" ht="72" x14ac:dyDescent="0.3">
      <c r="A4255" s="1">
        <v>32861</v>
      </c>
      <c r="H4255" s="4" t="s">
        <v>21918</v>
      </c>
      <c r="K4255" s="4" t="s">
        <v>21919</v>
      </c>
    </row>
    <row r="4256" spans="1:11" ht="86.4" x14ac:dyDescent="0.3">
      <c r="A4256" s="1">
        <v>32866</v>
      </c>
      <c r="C4256" s="4" t="s">
        <v>21920</v>
      </c>
      <c r="D4256" s="4" t="s">
        <v>21921</v>
      </c>
      <c r="E4256" s="4" t="s">
        <v>21922</v>
      </c>
      <c r="F4256" s="4" t="s">
        <v>21923</v>
      </c>
      <c r="G4256" s="4" t="s">
        <v>21924</v>
      </c>
      <c r="H4256" s="4" t="s">
        <v>21925</v>
      </c>
      <c r="I4256" s="4" t="s">
        <v>21926</v>
      </c>
      <c r="K4256" s="4" t="s">
        <v>21927</v>
      </c>
    </row>
    <row r="4257" spans="1:11" ht="86.4" x14ac:dyDescent="0.3">
      <c r="A4257" s="1">
        <v>32871</v>
      </c>
      <c r="C4257" s="4" t="s">
        <v>21928</v>
      </c>
      <c r="D4257" s="4" t="s">
        <v>21929</v>
      </c>
      <c r="F4257" s="4" t="s">
        <v>21930</v>
      </c>
      <c r="G4257" s="4" t="s">
        <v>21931</v>
      </c>
      <c r="H4257" s="4" t="s">
        <v>21932</v>
      </c>
      <c r="I4257" s="4" t="s">
        <v>21933</v>
      </c>
      <c r="K4257" s="4" t="s">
        <v>21934</v>
      </c>
    </row>
    <row r="4258" spans="1:11" ht="86.4" x14ac:dyDescent="0.3">
      <c r="A4258" s="1">
        <v>32876</v>
      </c>
      <c r="C4258" s="4" t="s">
        <v>21935</v>
      </c>
      <c r="D4258" s="4" t="s">
        <v>21936</v>
      </c>
      <c r="E4258" s="4" t="s">
        <v>21937</v>
      </c>
      <c r="F4258" s="4" t="s">
        <v>21938</v>
      </c>
      <c r="G4258" s="4" t="s">
        <v>21939</v>
      </c>
      <c r="H4258" s="4" t="s">
        <v>21940</v>
      </c>
      <c r="I4258" s="4" t="s">
        <v>21941</v>
      </c>
      <c r="K4258" s="4" t="s">
        <v>21942</v>
      </c>
    </row>
    <row r="4259" spans="1:11" ht="72" x14ac:dyDescent="0.3">
      <c r="A4259" s="1">
        <v>32881</v>
      </c>
      <c r="C4259" s="4" t="s">
        <v>21943</v>
      </c>
      <c r="D4259" s="4" t="s">
        <v>21944</v>
      </c>
      <c r="E4259" s="4" t="s">
        <v>21945</v>
      </c>
      <c r="F4259" s="4" t="s">
        <v>21946</v>
      </c>
      <c r="G4259" s="4" t="s">
        <v>21947</v>
      </c>
      <c r="H4259" s="4" t="s">
        <v>21948</v>
      </c>
      <c r="I4259" s="4" t="s">
        <v>21949</v>
      </c>
      <c r="K4259" s="4" t="s">
        <v>21950</v>
      </c>
    </row>
    <row r="4260" spans="1:11" ht="86.4" x14ac:dyDescent="0.3">
      <c r="A4260" s="1">
        <v>32886</v>
      </c>
      <c r="C4260" s="4" t="s">
        <v>21951</v>
      </c>
      <c r="D4260" s="4" t="s">
        <v>21952</v>
      </c>
      <c r="E4260" s="4" t="s">
        <v>21953</v>
      </c>
      <c r="F4260" s="4" t="s">
        <v>21954</v>
      </c>
      <c r="G4260" s="4" t="s">
        <v>21955</v>
      </c>
      <c r="H4260" s="4" t="s">
        <v>21956</v>
      </c>
      <c r="I4260" s="4" t="s">
        <v>21957</v>
      </c>
      <c r="K4260" s="4" t="s">
        <v>21958</v>
      </c>
    </row>
    <row r="4261" spans="1:11" x14ac:dyDescent="0.3">
      <c r="A4261" s="1">
        <v>32901</v>
      </c>
      <c r="K4261" s="4" t="s">
        <v>21959</v>
      </c>
    </row>
    <row r="4262" spans="1:11" ht="72" x14ac:dyDescent="0.3">
      <c r="A4262" s="1">
        <v>32916</v>
      </c>
      <c r="H4262" s="4" t="s">
        <v>21960</v>
      </c>
      <c r="I4262" s="4" t="s">
        <v>21961</v>
      </c>
      <c r="K4262" s="4" t="s">
        <v>21962</v>
      </c>
    </row>
    <row r="4263" spans="1:11" ht="86.4" x14ac:dyDescent="0.3">
      <c r="A4263" s="1">
        <v>32931</v>
      </c>
      <c r="C4263" s="4" t="s">
        <v>21963</v>
      </c>
      <c r="D4263" s="4" t="s">
        <v>21964</v>
      </c>
      <c r="E4263" s="4" t="s">
        <v>21965</v>
      </c>
      <c r="F4263" s="4" t="s">
        <v>21966</v>
      </c>
      <c r="G4263" s="4" t="s">
        <v>21967</v>
      </c>
      <c r="H4263" s="4" t="s">
        <v>21968</v>
      </c>
      <c r="I4263" s="4" t="s">
        <v>21969</v>
      </c>
      <c r="J4263" s="4" t="s">
        <v>21970</v>
      </c>
      <c r="K4263" s="4" t="s">
        <v>21971</v>
      </c>
    </row>
    <row r="4264" spans="1:11" ht="86.4" x14ac:dyDescent="0.3">
      <c r="A4264" s="1">
        <v>32941</v>
      </c>
      <c r="E4264" s="4" t="s">
        <v>21972</v>
      </c>
      <c r="F4264" s="4" t="s">
        <v>21973</v>
      </c>
      <c r="G4264" s="4" t="s">
        <v>21973</v>
      </c>
      <c r="H4264" s="4" t="s">
        <v>21973</v>
      </c>
      <c r="K4264" s="4" t="s">
        <v>21974</v>
      </c>
    </row>
    <row r="4265" spans="1:11" ht="28.8" x14ac:dyDescent="0.3">
      <c r="A4265" s="1">
        <v>32946</v>
      </c>
      <c r="C4265" s="4" t="s">
        <v>21975</v>
      </c>
      <c r="F4265" s="4" t="s">
        <v>21976</v>
      </c>
      <c r="G4265" s="4" t="s">
        <v>21977</v>
      </c>
      <c r="H4265" s="4" t="s">
        <v>21978</v>
      </c>
      <c r="I4265" s="4" t="s">
        <v>21979</v>
      </c>
      <c r="K4265" s="4" t="s">
        <v>21980</v>
      </c>
    </row>
    <row r="4266" spans="1:11" ht="100.8" x14ac:dyDescent="0.3">
      <c r="A4266" s="1">
        <v>32951</v>
      </c>
      <c r="C4266" s="4" t="s">
        <v>21981</v>
      </c>
      <c r="D4266" s="4" t="s">
        <v>21982</v>
      </c>
      <c r="E4266" s="4" t="s">
        <v>21983</v>
      </c>
      <c r="F4266" s="4" t="s">
        <v>21984</v>
      </c>
      <c r="G4266" s="4" t="s">
        <v>21985</v>
      </c>
      <c r="H4266" s="4" t="s">
        <v>21986</v>
      </c>
      <c r="I4266" s="4" t="s">
        <v>23171</v>
      </c>
      <c r="K4266" s="4" t="s">
        <v>21987</v>
      </c>
    </row>
    <row r="4267" spans="1:11" ht="100.8" x14ac:dyDescent="0.3">
      <c r="A4267" s="1">
        <v>32956</v>
      </c>
      <c r="C4267" s="4" t="s">
        <v>21988</v>
      </c>
      <c r="D4267" s="4" t="s">
        <v>21989</v>
      </c>
      <c r="E4267" s="4" t="s">
        <v>21990</v>
      </c>
      <c r="F4267" s="4" t="s">
        <v>21991</v>
      </c>
      <c r="G4267" s="4" t="s">
        <v>21992</v>
      </c>
      <c r="H4267" s="4" t="s">
        <v>21993</v>
      </c>
      <c r="I4267" s="4" t="s">
        <v>21994</v>
      </c>
      <c r="J4267" s="4" t="s">
        <v>21995</v>
      </c>
      <c r="K4267" s="4" t="s">
        <v>21996</v>
      </c>
    </row>
    <row r="4268" spans="1:11" x14ac:dyDescent="0.3">
      <c r="A4268" s="1">
        <v>32966</v>
      </c>
      <c r="D4268" s="4" t="s">
        <v>21997</v>
      </c>
    </row>
    <row r="4269" spans="1:11" ht="86.4" x14ac:dyDescent="0.3">
      <c r="A4269" s="1">
        <v>32971</v>
      </c>
      <c r="C4269" s="4" t="s">
        <v>21998</v>
      </c>
      <c r="D4269" s="4" t="s">
        <v>21999</v>
      </c>
      <c r="E4269" s="4" t="s">
        <v>22000</v>
      </c>
      <c r="F4269" s="4" t="s">
        <v>22001</v>
      </c>
      <c r="G4269" s="4" t="s">
        <v>22002</v>
      </c>
      <c r="H4269" s="4" t="s">
        <v>22003</v>
      </c>
      <c r="I4269" s="4" t="s">
        <v>22004</v>
      </c>
      <c r="K4269" s="4" t="s">
        <v>22005</v>
      </c>
    </row>
    <row r="4270" spans="1:11" x14ac:dyDescent="0.3">
      <c r="A4270" s="1">
        <v>32976</v>
      </c>
    </row>
    <row r="4271" spans="1:11" ht="28.8" x14ac:dyDescent="0.3">
      <c r="A4271" s="1">
        <v>32986</v>
      </c>
      <c r="C4271" s="4" t="s">
        <v>22006</v>
      </c>
      <c r="D4271" s="4" t="s">
        <v>22007</v>
      </c>
      <c r="F4271" s="4" t="s">
        <v>22008</v>
      </c>
    </row>
    <row r="4272" spans="1:11" ht="28.8" x14ac:dyDescent="0.3">
      <c r="A4272" s="1">
        <v>32991</v>
      </c>
      <c r="C4272" s="4" t="s">
        <v>22009</v>
      </c>
      <c r="G4272" s="4" t="s">
        <v>22010</v>
      </c>
      <c r="H4272" s="4" t="s">
        <v>22011</v>
      </c>
    </row>
    <row r="4273" spans="1:11" ht="28.8" x14ac:dyDescent="0.3">
      <c r="A4273" s="1">
        <v>32996</v>
      </c>
      <c r="C4273" s="4" t="s">
        <v>22012</v>
      </c>
      <c r="D4273" s="4" t="s">
        <v>22013</v>
      </c>
      <c r="G4273" s="4" t="s">
        <v>22014</v>
      </c>
      <c r="H4273" s="4" t="s">
        <v>22015</v>
      </c>
      <c r="K4273" s="4" t="s">
        <v>22016</v>
      </c>
    </row>
    <row r="4274" spans="1:11" ht="43.2" x14ac:dyDescent="0.3">
      <c r="A4274" s="1">
        <v>33001</v>
      </c>
      <c r="G4274" s="4" t="s">
        <v>22017</v>
      </c>
      <c r="H4274" s="4" t="s">
        <v>22018</v>
      </c>
      <c r="I4274" s="4" t="s">
        <v>22019</v>
      </c>
      <c r="K4274" s="4" t="s">
        <v>22020</v>
      </c>
    </row>
    <row r="4275" spans="1:11" ht="72" x14ac:dyDescent="0.3">
      <c r="A4275" s="1">
        <v>33011</v>
      </c>
      <c r="C4275" s="4" t="s">
        <v>22021</v>
      </c>
      <c r="D4275" s="4" t="s">
        <v>22022</v>
      </c>
      <c r="E4275" s="4" t="s">
        <v>22023</v>
      </c>
      <c r="G4275" s="4" t="s">
        <v>22024</v>
      </c>
      <c r="I4275" s="4" t="s">
        <v>22025</v>
      </c>
      <c r="K4275" s="4" t="s">
        <v>22026</v>
      </c>
    </row>
    <row r="4276" spans="1:11" ht="43.2" x14ac:dyDescent="0.3">
      <c r="A4276" s="1">
        <v>33016</v>
      </c>
      <c r="D4276" s="4" t="s">
        <v>22027</v>
      </c>
      <c r="F4276" s="4" t="s">
        <v>22028</v>
      </c>
    </row>
    <row r="4277" spans="1:11" ht="57.6" x14ac:dyDescent="0.3">
      <c r="A4277" s="1">
        <v>33026</v>
      </c>
      <c r="C4277" s="4" t="s">
        <v>22029</v>
      </c>
      <c r="D4277" s="4" t="s">
        <v>22030</v>
      </c>
      <c r="F4277" s="4" t="s">
        <v>22031</v>
      </c>
      <c r="G4277" s="4" t="s">
        <v>22032</v>
      </c>
      <c r="H4277" s="4" t="s">
        <v>22033</v>
      </c>
      <c r="I4277" s="4" t="s">
        <v>22034</v>
      </c>
      <c r="K4277" s="4" t="s">
        <v>22035</v>
      </c>
    </row>
    <row r="4278" spans="1:11" x14ac:dyDescent="0.3">
      <c r="A4278" s="1">
        <v>33031</v>
      </c>
    </row>
    <row r="4279" spans="1:11" ht="86.4" x14ac:dyDescent="0.3">
      <c r="A4279" s="1">
        <v>33036</v>
      </c>
      <c r="C4279" s="4" t="s">
        <v>22036</v>
      </c>
      <c r="D4279" s="4" t="s">
        <v>22037</v>
      </c>
      <c r="E4279" s="4" t="s">
        <v>22038</v>
      </c>
      <c r="F4279" s="4" t="s">
        <v>22039</v>
      </c>
      <c r="G4279" s="4" t="s">
        <v>22040</v>
      </c>
      <c r="H4279" s="4" t="s">
        <v>22041</v>
      </c>
      <c r="J4279" s="4" t="s">
        <v>22042</v>
      </c>
      <c r="K4279" s="4" t="s">
        <v>22043</v>
      </c>
    </row>
    <row r="4280" spans="1:11" ht="86.4" x14ac:dyDescent="0.3">
      <c r="A4280" s="1">
        <v>33046</v>
      </c>
      <c r="C4280" s="4" t="s">
        <v>22044</v>
      </c>
      <c r="D4280" s="4" t="s">
        <v>22045</v>
      </c>
      <c r="E4280" s="4" t="s">
        <v>22046</v>
      </c>
      <c r="F4280" s="4" t="s">
        <v>22047</v>
      </c>
      <c r="G4280" s="4" t="s">
        <v>22048</v>
      </c>
      <c r="H4280" s="4" t="s">
        <v>22049</v>
      </c>
      <c r="I4280" s="4" t="s">
        <v>22050</v>
      </c>
      <c r="K4280" s="4" t="s">
        <v>22051</v>
      </c>
    </row>
    <row r="4281" spans="1:11" ht="72" x14ac:dyDescent="0.3">
      <c r="A4281" s="1">
        <v>33051</v>
      </c>
      <c r="C4281" s="4" t="s">
        <v>22052</v>
      </c>
      <c r="D4281" s="4" t="s">
        <v>22053</v>
      </c>
      <c r="E4281" s="4" t="s">
        <v>22054</v>
      </c>
      <c r="F4281" s="4" t="s">
        <v>22055</v>
      </c>
      <c r="G4281" s="4" t="s">
        <v>22056</v>
      </c>
      <c r="H4281" s="4" t="s">
        <v>22057</v>
      </c>
      <c r="I4281" s="4" t="s">
        <v>22058</v>
      </c>
      <c r="K4281" s="4" t="s">
        <v>22059</v>
      </c>
    </row>
    <row r="4282" spans="1:11" ht="43.2" x14ac:dyDescent="0.3">
      <c r="A4282" s="1">
        <v>33056</v>
      </c>
      <c r="G4282" s="4" t="s">
        <v>22060</v>
      </c>
      <c r="H4282" s="4" t="s">
        <v>22061</v>
      </c>
      <c r="J4282" s="4" t="s">
        <v>22062</v>
      </c>
      <c r="K4282" s="4" t="s">
        <v>22063</v>
      </c>
    </row>
    <row r="4283" spans="1:11" x14ac:dyDescent="0.3">
      <c r="A4283" s="1">
        <v>33061</v>
      </c>
    </row>
    <row r="4284" spans="1:11" ht="86.4" x14ac:dyDescent="0.3">
      <c r="A4284" s="1">
        <v>33076</v>
      </c>
      <c r="C4284" s="4" t="s">
        <v>22064</v>
      </c>
      <c r="D4284" s="4" t="s">
        <v>22065</v>
      </c>
      <c r="E4284" s="4" t="s">
        <v>22066</v>
      </c>
      <c r="F4284" s="4" t="s">
        <v>22067</v>
      </c>
      <c r="G4284" s="4" t="s">
        <v>22068</v>
      </c>
      <c r="H4284" s="4" t="s">
        <v>22069</v>
      </c>
      <c r="I4284" s="4" t="s">
        <v>22070</v>
      </c>
      <c r="K4284" s="4" t="s">
        <v>22071</v>
      </c>
    </row>
    <row r="4285" spans="1:11" ht="57.6" x14ac:dyDescent="0.3">
      <c r="A4285" s="1">
        <v>33081</v>
      </c>
      <c r="C4285" s="4" t="s">
        <v>22072</v>
      </c>
      <c r="D4285" s="4" t="s">
        <v>22073</v>
      </c>
      <c r="E4285" s="4" t="s">
        <v>22074</v>
      </c>
      <c r="F4285" s="4" t="s">
        <v>22075</v>
      </c>
      <c r="G4285" s="4" t="s">
        <v>22076</v>
      </c>
    </row>
    <row r="4286" spans="1:11" ht="57.6" x14ac:dyDescent="0.3">
      <c r="A4286" s="1">
        <v>33086</v>
      </c>
      <c r="C4286" s="4" t="s">
        <v>22077</v>
      </c>
    </row>
    <row r="4287" spans="1:11" ht="86.4" x14ac:dyDescent="0.3">
      <c r="A4287" s="1">
        <v>33091</v>
      </c>
      <c r="C4287" s="4" t="s">
        <v>22078</v>
      </c>
      <c r="D4287" s="4" t="s">
        <v>22079</v>
      </c>
      <c r="E4287" s="4" t="s">
        <v>22080</v>
      </c>
      <c r="F4287" s="4" t="s">
        <v>22081</v>
      </c>
      <c r="G4287" s="4" t="s">
        <v>22082</v>
      </c>
      <c r="H4287" s="4" t="s">
        <v>22083</v>
      </c>
      <c r="I4287" s="4" t="s">
        <v>22084</v>
      </c>
      <c r="J4287" s="4" t="s">
        <v>22085</v>
      </c>
      <c r="K4287" s="4" t="s">
        <v>22086</v>
      </c>
    </row>
    <row r="4288" spans="1:11" ht="57.6" x14ac:dyDescent="0.3">
      <c r="A4288" s="1">
        <v>33096</v>
      </c>
      <c r="D4288" s="4" t="s">
        <v>22087</v>
      </c>
      <c r="I4288" s="4" t="s">
        <v>22088</v>
      </c>
    </row>
    <row r="4289" spans="1:11" ht="86.4" x14ac:dyDescent="0.3">
      <c r="A4289" s="1">
        <v>33101</v>
      </c>
      <c r="C4289" s="4" t="s">
        <v>22089</v>
      </c>
      <c r="D4289" s="4" t="s">
        <v>22090</v>
      </c>
      <c r="F4289" s="4" t="s">
        <v>22091</v>
      </c>
      <c r="G4289" s="4" t="s">
        <v>22092</v>
      </c>
      <c r="I4289" s="4" t="s">
        <v>22093</v>
      </c>
      <c r="K4289" s="4" t="s">
        <v>22094</v>
      </c>
    </row>
    <row r="4290" spans="1:11" ht="86.4" x14ac:dyDescent="0.3">
      <c r="A4290" s="1">
        <v>33106</v>
      </c>
      <c r="C4290" s="4" t="s">
        <v>22095</v>
      </c>
      <c r="D4290" s="4" t="s">
        <v>22096</v>
      </c>
      <c r="E4290" s="4" t="s">
        <v>22097</v>
      </c>
      <c r="F4290" s="4" t="s">
        <v>22098</v>
      </c>
      <c r="G4290" s="4" t="s">
        <v>22099</v>
      </c>
      <c r="K4290" s="4" t="s">
        <v>22100</v>
      </c>
    </row>
    <row r="4291" spans="1:11" x14ac:dyDescent="0.3">
      <c r="A4291" s="1">
        <v>33111</v>
      </c>
      <c r="C4291" s="4" t="s">
        <v>22101</v>
      </c>
      <c r="D4291" s="4" t="s">
        <v>22102</v>
      </c>
    </row>
    <row r="4292" spans="1:11" ht="43.2" x14ac:dyDescent="0.3">
      <c r="A4292" s="1">
        <v>33116</v>
      </c>
      <c r="E4292" s="4" t="s">
        <v>22103</v>
      </c>
      <c r="G4292" s="4" t="s">
        <v>22104</v>
      </c>
      <c r="I4292" s="4" t="s">
        <v>22105</v>
      </c>
    </row>
    <row r="4293" spans="1:11" ht="72" x14ac:dyDescent="0.3">
      <c r="A4293" s="1">
        <v>33121</v>
      </c>
      <c r="B4293" s="1" t="s">
        <v>3197</v>
      </c>
      <c r="C4293" s="4" t="s">
        <v>22106</v>
      </c>
      <c r="D4293" s="4" t="s">
        <v>22107</v>
      </c>
      <c r="E4293" s="4" t="s">
        <v>22108</v>
      </c>
      <c r="F4293" s="4" t="s">
        <v>22109</v>
      </c>
      <c r="G4293" s="4" t="s">
        <v>22110</v>
      </c>
      <c r="H4293" s="4" t="s">
        <v>22111</v>
      </c>
      <c r="I4293" s="4" t="s">
        <v>22112</v>
      </c>
      <c r="K4293" s="4" t="s">
        <v>22113</v>
      </c>
    </row>
    <row r="4294" spans="1:11" ht="57.6" x14ac:dyDescent="0.3">
      <c r="A4294" s="1">
        <v>33126</v>
      </c>
      <c r="D4294" s="4" t="s">
        <v>22114</v>
      </c>
      <c r="F4294" s="4" t="s">
        <v>22115</v>
      </c>
    </row>
    <row r="4295" spans="1:11" ht="86.4" x14ac:dyDescent="0.3">
      <c r="A4295" s="1">
        <v>33131</v>
      </c>
      <c r="C4295" s="4" t="s">
        <v>22116</v>
      </c>
      <c r="D4295" s="4" t="s">
        <v>22117</v>
      </c>
      <c r="E4295" s="4" t="s">
        <v>22118</v>
      </c>
      <c r="F4295" s="4" t="s">
        <v>22119</v>
      </c>
      <c r="G4295" s="4" t="s">
        <v>22120</v>
      </c>
      <c r="H4295" s="4" t="s">
        <v>22120</v>
      </c>
      <c r="J4295" s="4" t="s">
        <v>22121</v>
      </c>
      <c r="K4295" s="4" t="s">
        <v>22122</v>
      </c>
    </row>
    <row r="4296" spans="1:11" ht="57.6" x14ac:dyDescent="0.3">
      <c r="A4296" s="1">
        <v>33146</v>
      </c>
      <c r="C4296" s="4" t="s">
        <v>22123</v>
      </c>
      <c r="D4296" s="4" t="s">
        <v>22124</v>
      </c>
      <c r="E4296" s="4" t="s">
        <v>22125</v>
      </c>
      <c r="F4296" s="4" t="s">
        <v>22126</v>
      </c>
      <c r="G4296" s="4" t="s">
        <v>22127</v>
      </c>
      <c r="H4296" s="4" t="s">
        <v>22128</v>
      </c>
      <c r="I4296" s="4" t="s">
        <v>22129</v>
      </c>
      <c r="K4296" s="4" t="s">
        <v>22130</v>
      </c>
    </row>
    <row r="4297" spans="1:11" ht="86.4" x14ac:dyDescent="0.3">
      <c r="A4297" s="1">
        <v>33176</v>
      </c>
      <c r="C4297" s="4" t="s">
        <v>22131</v>
      </c>
      <c r="D4297" s="4" t="s">
        <v>22132</v>
      </c>
      <c r="E4297" s="4" t="s">
        <v>22133</v>
      </c>
      <c r="F4297" s="4" t="s">
        <v>22134</v>
      </c>
      <c r="G4297" s="4" t="s">
        <v>22135</v>
      </c>
      <c r="H4297" s="4" t="s">
        <v>22136</v>
      </c>
      <c r="I4297" s="4" t="s">
        <v>22137</v>
      </c>
      <c r="K4297" s="4" t="s">
        <v>22138</v>
      </c>
    </row>
    <row r="4298" spans="1:11" ht="43.2" x14ac:dyDescent="0.3">
      <c r="A4298" s="1">
        <v>33201</v>
      </c>
      <c r="C4298" s="4" t="s">
        <v>22139</v>
      </c>
      <c r="E4298" s="4" t="s">
        <v>22140</v>
      </c>
      <c r="F4298" s="4" t="s">
        <v>22141</v>
      </c>
      <c r="G4298" s="4" t="s">
        <v>22142</v>
      </c>
      <c r="H4298" s="4" t="s">
        <v>22143</v>
      </c>
      <c r="I4298" s="4" t="s">
        <v>22144</v>
      </c>
      <c r="K4298" s="4" t="s">
        <v>22145</v>
      </c>
    </row>
    <row r="4299" spans="1:11" ht="86.4" x14ac:dyDescent="0.3">
      <c r="A4299" s="1">
        <v>33206</v>
      </c>
      <c r="B4299" s="1" t="s">
        <v>9681</v>
      </c>
      <c r="C4299" s="4" t="s">
        <v>22146</v>
      </c>
      <c r="D4299" s="4" t="s">
        <v>22147</v>
      </c>
      <c r="E4299" s="4" t="s">
        <v>22148</v>
      </c>
    </row>
    <row r="4300" spans="1:11" x14ac:dyDescent="0.3">
      <c r="A4300" s="1">
        <v>33211</v>
      </c>
    </row>
    <row r="4301" spans="1:11" ht="86.4" x14ac:dyDescent="0.3">
      <c r="A4301" s="1">
        <v>33221</v>
      </c>
      <c r="C4301" s="4" t="s">
        <v>22149</v>
      </c>
      <c r="D4301" s="4" t="s">
        <v>22150</v>
      </c>
      <c r="E4301" s="4" t="s">
        <v>22151</v>
      </c>
      <c r="F4301" s="4" t="s">
        <v>22152</v>
      </c>
      <c r="G4301" s="4" t="s">
        <v>22153</v>
      </c>
      <c r="H4301" s="4" t="s">
        <v>22154</v>
      </c>
      <c r="I4301" s="4" t="s">
        <v>22155</v>
      </c>
      <c r="K4301" s="4" t="s">
        <v>22156</v>
      </c>
    </row>
    <row r="4302" spans="1:11" ht="43.2" x14ac:dyDescent="0.3">
      <c r="A4302" s="1">
        <v>33231</v>
      </c>
      <c r="C4302" s="4" t="s">
        <v>22157</v>
      </c>
      <c r="K4302" s="4" t="s">
        <v>22158</v>
      </c>
    </row>
    <row r="4303" spans="1:11" ht="86.4" x14ac:dyDescent="0.3">
      <c r="A4303" s="1">
        <v>33236</v>
      </c>
      <c r="C4303" s="4" t="s">
        <v>22159</v>
      </c>
      <c r="D4303" s="4" t="s">
        <v>22160</v>
      </c>
      <c r="E4303" s="4" t="s">
        <v>22161</v>
      </c>
      <c r="F4303" s="4" t="s">
        <v>22162</v>
      </c>
      <c r="G4303" s="4" t="s">
        <v>22163</v>
      </c>
      <c r="H4303" s="4" t="s">
        <v>22164</v>
      </c>
      <c r="I4303" s="4" t="s">
        <v>22165</v>
      </c>
      <c r="K4303" s="4" t="s">
        <v>22166</v>
      </c>
    </row>
    <row r="4304" spans="1:11" ht="72" x14ac:dyDescent="0.3">
      <c r="A4304" s="1">
        <v>33246</v>
      </c>
      <c r="C4304" s="4" t="s">
        <v>22167</v>
      </c>
      <c r="D4304" s="4" t="s">
        <v>22168</v>
      </c>
      <c r="E4304" s="4" t="s">
        <v>22169</v>
      </c>
      <c r="F4304" s="4" t="s">
        <v>22170</v>
      </c>
      <c r="G4304" s="4" t="s">
        <v>22171</v>
      </c>
      <c r="H4304" s="4" t="s">
        <v>22172</v>
      </c>
      <c r="I4304" s="4" t="s">
        <v>22173</v>
      </c>
      <c r="J4304" s="4" t="s">
        <v>22174</v>
      </c>
      <c r="K4304" s="4" t="s">
        <v>22175</v>
      </c>
    </row>
    <row r="4305" spans="1:11" ht="72" x14ac:dyDescent="0.3">
      <c r="A4305" s="1">
        <v>33251</v>
      </c>
      <c r="D4305" s="4" t="s">
        <v>22176</v>
      </c>
      <c r="E4305" s="4" t="s">
        <v>22177</v>
      </c>
      <c r="F4305" s="4" t="s">
        <v>22178</v>
      </c>
      <c r="K4305" s="4" t="s">
        <v>22179</v>
      </c>
    </row>
    <row r="4306" spans="1:11" ht="86.4" x14ac:dyDescent="0.3">
      <c r="A4306" s="1">
        <v>33256</v>
      </c>
      <c r="C4306" s="4" t="s">
        <v>22180</v>
      </c>
      <c r="D4306" s="4" t="s">
        <v>22181</v>
      </c>
      <c r="E4306" s="4" t="s">
        <v>22182</v>
      </c>
      <c r="F4306" s="4" t="s">
        <v>22183</v>
      </c>
      <c r="G4306" s="4" t="s">
        <v>22184</v>
      </c>
      <c r="H4306" s="4" t="s">
        <v>22185</v>
      </c>
      <c r="I4306" s="4" t="s">
        <v>22186</v>
      </c>
      <c r="K4306" s="4" t="s">
        <v>22187</v>
      </c>
    </row>
    <row r="4307" spans="1:11" ht="72" x14ac:dyDescent="0.3">
      <c r="A4307" s="1">
        <v>33261</v>
      </c>
      <c r="C4307" s="4" t="s">
        <v>22188</v>
      </c>
      <c r="D4307" s="4" t="s">
        <v>22189</v>
      </c>
      <c r="E4307" s="4" t="s">
        <v>22190</v>
      </c>
      <c r="G4307" s="4" t="s">
        <v>22191</v>
      </c>
      <c r="H4307" s="4" t="s">
        <v>22192</v>
      </c>
      <c r="I4307" s="4" t="s">
        <v>22193</v>
      </c>
      <c r="J4307" s="4" t="s">
        <v>22194</v>
      </c>
      <c r="K4307" s="4" t="s">
        <v>22195</v>
      </c>
    </row>
    <row r="4308" spans="1:11" ht="86.4" x14ac:dyDescent="0.3">
      <c r="A4308" s="1">
        <v>33266</v>
      </c>
      <c r="C4308" s="4" t="s">
        <v>22196</v>
      </c>
      <c r="D4308" s="4" t="s">
        <v>22197</v>
      </c>
      <c r="E4308" s="4" t="s">
        <v>22198</v>
      </c>
      <c r="F4308" s="4" t="s">
        <v>22199</v>
      </c>
      <c r="G4308" s="4" t="s">
        <v>22200</v>
      </c>
      <c r="H4308" s="4" t="s">
        <v>22201</v>
      </c>
      <c r="I4308" s="4" t="s">
        <v>22202</v>
      </c>
    </row>
    <row r="4309" spans="1:11" ht="86.4" x14ac:dyDescent="0.3">
      <c r="A4309" s="1">
        <v>33271</v>
      </c>
      <c r="C4309" s="4" t="s">
        <v>22203</v>
      </c>
      <c r="D4309" s="4" t="s">
        <v>22204</v>
      </c>
      <c r="E4309" s="4" t="s">
        <v>22205</v>
      </c>
      <c r="F4309" s="4" t="s">
        <v>22206</v>
      </c>
      <c r="G4309" s="4" t="s">
        <v>22207</v>
      </c>
      <c r="H4309" s="4" t="s">
        <v>22208</v>
      </c>
      <c r="I4309" s="4" t="s">
        <v>22209</v>
      </c>
      <c r="J4309" s="4" t="s">
        <v>22210</v>
      </c>
      <c r="K4309" s="4" t="s">
        <v>22211</v>
      </c>
    </row>
    <row r="4310" spans="1:11" ht="72" x14ac:dyDescent="0.3">
      <c r="A4310" s="1">
        <v>33286</v>
      </c>
      <c r="C4310" s="4" t="s">
        <v>22212</v>
      </c>
      <c r="D4310" s="4" t="s">
        <v>22213</v>
      </c>
      <c r="E4310" s="4" t="s">
        <v>22214</v>
      </c>
      <c r="F4310" s="4" t="s">
        <v>22215</v>
      </c>
      <c r="G4310" s="4" t="s">
        <v>22216</v>
      </c>
      <c r="H4310" s="4" t="s">
        <v>22217</v>
      </c>
      <c r="I4310" s="4" t="s">
        <v>22218</v>
      </c>
      <c r="K4310" s="4" t="s">
        <v>22219</v>
      </c>
    </row>
    <row r="4311" spans="1:11" ht="72" x14ac:dyDescent="0.3">
      <c r="A4311" s="1">
        <v>33291</v>
      </c>
      <c r="C4311" s="4" t="s">
        <v>22220</v>
      </c>
      <c r="D4311" s="4" t="s">
        <v>22221</v>
      </c>
      <c r="E4311" s="4" t="s">
        <v>22222</v>
      </c>
      <c r="F4311" s="4" t="s">
        <v>22223</v>
      </c>
      <c r="G4311" s="4" t="s">
        <v>22224</v>
      </c>
      <c r="H4311" s="4" t="s">
        <v>22225</v>
      </c>
      <c r="I4311" s="4" t="s">
        <v>22226</v>
      </c>
      <c r="K4311" s="4" t="s">
        <v>22227</v>
      </c>
    </row>
    <row r="4312" spans="1:11" ht="43.2" x14ac:dyDescent="0.3">
      <c r="A4312" s="1">
        <v>33296</v>
      </c>
      <c r="C4312" s="4" t="s">
        <v>22228</v>
      </c>
      <c r="D4312" s="4" t="s">
        <v>22229</v>
      </c>
      <c r="G4312" s="4" t="s">
        <v>22230</v>
      </c>
      <c r="I4312" s="4" t="s">
        <v>22231</v>
      </c>
    </row>
    <row r="4313" spans="1:11" x14ac:dyDescent="0.3">
      <c r="A4313" s="1">
        <v>33306</v>
      </c>
    </row>
    <row r="4314" spans="1:11" ht="57.6" x14ac:dyDescent="0.3">
      <c r="A4314" s="1">
        <v>33311</v>
      </c>
      <c r="C4314" s="4" t="s">
        <v>22232</v>
      </c>
      <c r="E4314" s="4" t="s">
        <v>22233</v>
      </c>
      <c r="F4314" s="4" t="s">
        <v>22234</v>
      </c>
      <c r="H4314" s="4" t="s">
        <v>22235</v>
      </c>
      <c r="I4314" s="4" t="s">
        <v>22236</v>
      </c>
      <c r="K4314" s="4" t="s">
        <v>22237</v>
      </c>
    </row>
    <row r="4315" spans="1:11" ht="86.4" x14ac:dyDescent="0.3">
      <c r="A4315" s="1">
        <v>33326</v>
      </c>
      <c r="C4315" s="4" t="s">
        <v>22238</v>
      </c>
      <c r="D4315" s="4" t="s">
        <v>22239</v>
      </c>
      <c r="E4315" s="4" t="s">
        <v>22240</v>
      </c>
      <c r="F4315" s="4" t="s">
        <v>22241</v>
      </c>
      <c r="G4315" s="4" t="s">
        <v>22242</v>
      </c>
      <c r="H4315" s="4" t="s">
        <v>22243</v>
      </c>
      <c r="I4315" s="4" t="s">
        <v>22244</v>
      </c>
      <c r="J4315" s="4" t="s">
        <v>22245</v>
      </c>
      <c r="K4315" s="4" t="s">
        <v>22246</v>
      </c>
    </row>
    <row r="4316" spans="1:11" x14ac:dyDescent="0.3">
      <c r="A4316" s="1">
        <v>33331</v>
      </c>
    </row>
    <row r="4317" spans="1:11" ht="72" x14ac:dyDescent="0.3">
      <c r="A4317" s="1">
        <v>33336</v>
      </c>
      <c r="C4317" s="4" t="s">
        <v>22247</v>
      </c>
      <c r="D4317" s="4" t="s">
        <v>22248</v>
      </c>
      <c r="E4317" s="4" t="s">
        <v>22249</v>
      </c>
      <c r="F4317" s="4" t="s">
        <v>22250</v>
      </c>
      <c r="H4317" s="4" t="s">
        <v>22251</v>
      </c>
      <c r="K4317" s="4" t="s">
        <v>22252</v>
      </c>
    </row>
    <row r="4318" spans="1:11" x14ac:dyDescent="0.3">
      <c r="A4318" s="1">
        <v>33341</v>
      </c>
    </row>
    <row r="4319" spans="1:11" ht="43.2" x14ac:dyDescent="0.3">
      <c r="A4319" s="1">
        <v>33351</v>
      </c>
      <c r="D4319" s="4" t="s">
        <v>22253</v>
      </c>
      <c r="F4319" s="4" t="s">
        <v>22254</v>
      </c>
      <c r="G4319" s="4" t="s">
        <v>22255</v>
      </c>
      <c r="H4319" s="4" t="s">
        <v>22256</v>
      </c>
      <c r="I4319" s="4" t="s">
        <v>22257</v>
      </c>
      <c r="K4319" s="4" t="s">
        <v>22258</v>
      </c>
    </row>
    <row r="4320" spans="1:11" ht="43.2" x14ac:dyDescent="0.3">
      <c r="A4320" s="1">
        <v>33356</v>
      </c>
      <c r="D4320" s="4" t="s">
        <v>22259</v>
      </c>
    </row>
    <row r="4321" spans="1:11" ht="72" x14ac:dyDescent="0.3">
      <c r="A4321" s="1">
        <v>33361</v>
      </c>
      <c r="D4321" s="4" t="s">
        <v>22260</v>
      </c>
      <c r="F4321" s="4" t="s">
        <v>22261</v>
      </c>
      <c r="G4321" s="4" t="s">
        <v>22262</v>
      </c>
      <c r="H4321" s="4" t="s">
        <v>22263</v>
      </c>
      <c r="I4321" s="4" t="s">
        <v>22264</v>
      </c>
    </row>
    <row r="4322" spans="1:11" x14ac:dyDescent="0.3">
      <c r="A4322" s="1">
        <v>33376</v>
      </c>
      <c r="F4322" s="4" t="s">
        <v>22265</v>
      </c>
      <c r="J4322" s="4" t="s">
        <v>22266</v>
      </c>
    </row>
    <row r="4323" spans="1:11" x14ac:dyDescent="0.3">
      <c r="A4323" s="1">
        <v>33381</v>
      </c>
    </row>
    <row r="4324" spans="1:11" ht="43.2" x14ac:dyDescent="0.3">
      <c r="A4324" s="1">
        <v>33386</v>
      </c>
      <c r="C4324" s="4" t="s">
        <v>22267</v>
      </c>
      <c r="D4324" s="4" t="s">
        <v>22268</v>
      </c>
      <c r="E4324" s="4" t="s">
        <v>22269</v>
      </c>
      <c r="F4324" s="4" t="s">
        <v>22270</v>
      </c>
      <c r="G4324" s="4" t="s">
        <v>22271</v>
      </c>
      <c r="H4324" s="4" t="s">
        <v>22272</v>
      </c>
      <c r="I4324" s="4" t="s">
        <v>22273</v>
      </c>
      <c r="K4324" s="4" t="s">
        <v>22274</v>
      </c>
    </row>
    <row r="4325" spans="1:11" ht="43.2" x14ac:dyDescent="0.3">
      <c r="A4325" s="1">
        <v>33391</v>
      </c>
      <c r="C4325" s="4" t="s">
        <v>22275</v>
      </c>
      <c r="D4325" s="4" t="s">
        <v>22276</v>
      </c>
      <c r="E4325" s="4" t="s">
        <v>22277</v>
      </c>
      <c r="F4325" s="4" t="s">
        <v>22278</v>
      </c>
      <c r="G4325" s="4" t="s">
        <v>22279</v>
      </c>
      <c r="H4325" s="4" t="s">
        <v>6102</v>
      </c>
      <c r="I4325" s="4" t="s">
        <v>22280</v>
      </c>
      <c r="K4325" s="4" t="s">
        <v>22281</v>
      </c>
    </row>
    <row r="4326" spans="1:11" x14ac:dyDescent="0.3">
      <c r="A4326" s="1">
        <v>33396</v>
      </c>
    </row>
    <row r="4327" spans="1:11" ht="28.8" x14ac:dyDescent="0.3">
      <c r="A4327" s="1">
        <v>33401</v>
      </c>
      <c r="C4327" s="4" t="s">
        <v>22282</v>
      </c>
      <c r="D4327" s="4" t="s">
        <v>22283</v>
      </c>
      <c r="E4327" s="4" t="s">
        <v>22284</v>
      </c>
      <c r="F4327" s="4" t="s">
        <v>22285</v>
      </c>
      <c r="G4327" s="4" t="s">
        <v>22286</v>
      </c>
      <c r="H4327" s="4" t="s">
        <v>22287</v>
      </c>
    </row>
    <row r="4328" spans="1:11" ht="28.8" x14ac:dyDescent="0.3">
      <c r="A4328" s="1">
        <v>33406</v>
      </c>
      <c r="C4328" s="4" t="s">
        <v>22288</v>
      </c>
      <c r="D4328" s="4" t="s">
        <v>22289</v>
      </c>
      <c r="E4328" s="4" t="s">
        <v>22290</v>
      </c>
      <c r="F4328" s="4" t="s">
        <v>22291</v>
      </c>
      <c r="G4328" s="4" t="s">
        <v>22292</v>
      </c>
      <c r="H4328" s="4" t="s">
        <v>22293</v>
      </c>
      <c r="I4328" s="4" t="s">
        <v>22294</v>
      </c>
      <c r="J4328" s="4" t="s">
        <v>22295</v>
      </c>
      <c r="K4328" s="4" t="s">
        <v>22296</v>
      </c>
    </row>
    <row r="4329" spans="1:11" ht="28.8" x14ac:dyDescent="0.3">
      <c r="A4329" s="1">
        <v>33411</v>
      </c>
      <c r="B4329" s="1" t="s">
        <v>1897</v>
      </c>
      <c r="C4329" s="4" t="s">
        <v>22297</v>
      </c>
      <c r="G4329" s="4" t="s">
        <v>22298</v>
      </c>
      <c r="H4329" s="4" t="s">
        <v>22299</v>
      </c>
    </row>
    <row r="4330" spans="1:11" ht="28.8" x14ac:dyDescent="0.3">
      <c r="A4330" s="1">
        <v>33416</v>
      </c>
      <c r="C4330" s="4" t="s">
        <v>22300</v>
      </c>
      <c r="D4330" s="4" t="s">
        <v>22301</v>
      </c>
      <c r="E4330" s="4" t="s">
        <v>22302</v>
      </c>
      <c r="F4330" s="4" t="s">
        <v>22303</v>
      </c>
      <c r="G4330" s="4" t="s">
        <v>22304</v>
      </c>
      <c r="H4330" s="4" t="s">
        <v>22305</v>
      </c>
      <c r="I4330" s="4" t="s">
        <v>22306</v>
      </c>
    </row>
    <row r="4331" spans="1:11" ht="43.2" x14ac:dyDescent="0.3">
      <c r="A4331" s="1">
        <v>33421</v>
      </c>
      <c r="C4331" s="4" t="s">
        <v>22307</v>
      </c>
      <c r="D4331" s="4" t="s">
        <v>22308</v>
      </c>
      <c r="E4331" s="4" t="s">
        <v>22309</v>
      </c>
      <c r="F4331" s="4" t="s">
        <v>22310</v>
      </c>
      <c r="G4331" s="4" t="s">
        <v>22311</v>
      </c>
      <c r="H4331" s="4" t="s">
        <v>22312</v>
      </c>
      <c r="I4331" s="4" t="s">
        <v>22313</v>
      </c>
      <c r="J4331" s="4" t="s">
        <v>22314</v>
      </c>
    </row>
    <row r="4332" spans="1:11" ht="43.2" x14ac:dyDescent="0.3">
      <c r="A4332" s="1">
        <v>33426</v>
      </c>
      <c r="C4332" s="4" t="s">
        <v>22315</v>
      </c>
      <c r="D4332" s="4" t="s">
        <v>22316</v>
      </c>
      <c r="F4332" s="4" t="s">
        <v>22317</v>
      </c>
      <c r="G4332" s="4" t="s">
        <v>22318</v>
      </c>
      <c r="I4332" s="4" t="s">
        <v>22319</v>
      </c>
    </row>
    <row r="4333" spans="1:11" x14ac:dyDescent="0.3">
      <c r="A4333" s="1">
        <v>33436</v>
      </c>
      <c r="J4333" s="4" t="s">
        <v>22320</v>
      </c>
      <c r="K4333" s="4" t="s">
        <v>22321</v>
      </c>
    </row>
    <row r="4334" spans="1:11" ht="86.4" x14ac:dyDescent="0.3">
      <c r="A4334" s="1">
        <v>33461</v>
      </c>
      <c r="C4334" s="4" t="s">
        <v>22322</v>
      </c>
      <c r="D4334" s="4" t="s">
        <v>22323</v>
      </c>
      <c r="E4334" s="4" t="s">
        <v>22324</v>
      </c>
      <c r="F4334" s="4" t="s">
        <v>22325</v>
      </c>
      <c r="G4334" s="4" t="s">
        <v>22326</v>
      </c>
      <c r="H4334" s="4" t="s">
        <v>22327</v>
      </c>
      <c r="I4334" s="4" t="s">
        <v>22328</v>
      </c>
      <c r="K4334" s="4" t="s">
        <v>22329</v>
      </c>
    </row>
    <row r="4335" spans="1:11" ht="43.2" x14ac:dyDescent="0.3">
      <c r="A4335" s="1">
        <v>33466</v>
      </c>
      <c r="C4335" s="4" t="s">
        <v>22330</v>
      </c>
      <c r="D4335" s="4" t="s">
        <v>22331</v>
      </c>
      <c r="E4335" s="4" t="s">
        <v>12574</v>
      </c>
      <c r="G4335" s="4" t="s">
        <v>22332</v>
      </c>
      <c r="H4335" s="4" t="s">
        <v>22333</v>
      </c>
    </row>
    <row r="4336" spans="1:11" ht="86.4" x14ac:dyDescent="0.3">
      <c r="A4336" s="1">
        <v>33476</v>
      </c>
      <c r="C4336" s="4" t="s">
        <v>22334</v>
      </c>
      <c r="D4336" s="4" t="s">
        <v>22335</v>
      </c>
      <c r="E4336" s="4" t="s">
        <v>22336</v>
      </c>
      <c r="F4336" s="4" t="s">
        <v>22337</v>
      </c>
      <c r="G4336" s="4" t="s">
        <v>22338</v>
      </c>
      <c r="H4336" s="4" t="s">
        <v>22339</v>
      </c>
      <c r="K4336" s="4" t="s">
        <v>22340</v>
      </c>
    </row>
    <row r="4337" spans="1:11" ht="86.4" x14ac:dyDescent="0.3">
      <c r="A4337" s="1">
        <v>33486</v>
      </c>
      <c r="C4337" s="4" t="s">
        <v>22341</v>
      </c>
      <c r="D4337" s="4" t="s">
        <v>22341</v>
      </c>
      <c r="E4337" s="4" t="s">
        <v>22342</v>
      </c>
      <c r="F4337" s="4" t="s">
        <v>22343</v>
      </c>
      <c r="G4337" s="4" t="s">
        <v>22344</v>
      </c>
      <c r="H4337" s="4" t="s">
        <v>22345</v>
      </c>
      <c r="I4337" s="4" t="s">
        <v>22346</v>
      </c>
      <c r="K4337" s="4" t="s">
        <v>22347</v>
      </c>
    </row>
    <row r="4338" spans="1:11" ht="72" x14ac:dyDescent="0.3">
      <c r="A4338" s="1">
        <v>33491</v>
      </c>
      <c r="C4338" s="4" t="s">
        <v>22348</v>
      </c>
      <c r="D4338" s="4" t="s">
        <v>22349</v>
      </c>
      <c r="E4338" s="4" t="s">
        <v>22350</v>
      </c>
      <c r="F4338" s="4" t="s">
        <v>22351</v>
      </c>
      <c r="G4338" s="4" t="s">
        <v>22352</v>
      </c>
      <c r="H4338" s="4" t="s">
        <v>22353</v>
      </c>
      <c r="K4338" s="4" t="s">
        <v>22354</v>
      </c>
    </row>
    <row r="4339" spans="1:11" x14ac:dyDescent="0.3">
      <c r="A4339" s="1">
        <v>33496</v>
      </c>
    </row>
    <row r="4340" spans="1:11" ht="57.6" x14ac:dyDescent="0.3">
      <c r="A4340" s="1">
        <v>33501</v>
      </c>
      <c r="C4340" s="4" t="s">
        <v>22355</v>
      </c>
      <c r="D4340" s="4" t="s">
        <v>22356</v>
      </c>
      <c r="E4340" s="4" t="s">
        <v>22357</v>
      </c>
    </row>
    <row r="4341" spans="1:11" ht="57.6" x14ac:dyDescent="0.3">
      <c r="A4341" s="1">
        <v>33506</v>
      </c>
      <c r="K4341" s="4" t="s">
        <v>22358</v>
      </c>
    </row>
    <row r="4342" spans="1:11" ht="86.4" x14ac:dyDescent="0.3">
      <c r="A4342" s="1">
        <v>33521</v>
      </c>
      <c r="C4342" s="4" t="s">
        <v>22359</v>
      </c>
      <c r="D4342" s="4" t="s">
        <v>22360</v>
      </c>
      <c r="E4342" s="4" t="s">
        <v>22361</v>
      </c>
      <c r="F4342" s="4" t="s">
        <v>22362</v>
      </c>
      <c r="G4342" s="4" t="s">
        <v>22363</v>
      </c>
      <c r="H4342" s="4" t="s">
        <v>22364</v>
      </c>
      <c r="I4342" s="4" t="s">
        <v>22365</v>
      </c>
      <c r="K4342" s="4" t="s">
        <v>22366</v>
      </c>
    </row>
    <row r="4343" spans="1:11" ht="28.8" x14ac:dyDescent="0.3">
      <c r="A4343" s="1">
        <v>33526</v>
      </c>
      <c r="D4343" s="4" t="s">
        <v>22367</v>
      </c>
    </row>
    <row r="4344" spans="1:11" ht="72" x14ac:dyDescent="0.3">
      <c r="A4344" s="1">
        <v>33536</v>
      </c>
      <c r="C4344" s="4" t="s">
        <v>22368</v>
      </c>
      <c r="D4344" s="4" t="s">
        <v>22369</v>
      </c>
      <c r="E4344" s="4" t="s">
        <v>22370</v>
      </c>
      <c r="F4344" s="4" t="s">
        <v>22371</v>
      </c>
      <c r="G4344" s="4" t="s">
        <v>22372</v>
      </c>
      <c r="H4344" s="4" t="s">
        <v>22373</v>
      </c>
      <c r="I4344" s="4" t="s">
        <v>22374</v>
      </c>
      <c r="K4344" s="4" t="s">
        <v>22375</v>
      </c>
    </row>
    <row r="4345" spans="1:11" ht="57.6" x14ac:dyDescent="0.3">
      <c r="A4345" s="1">
        <v>33546</v>
      </c>
      <c r="C4345" s="4" t="s">
        <v>22376</v>
      </c>
      <c r="E4345" s="4" t="s">
        <v>22377</v>
      </c>
      <c r="F4345" s="4" t="s">
        <v>22378</v>
      </c>
    </row>
    <row r="4346" spans="1:11" ht="28.8" x14ac:dyDescent="0.3">
      <c r="A4346" s="1">
        <v>33551</v>
      </c>
      <c r="D4346" s="4" t="s">
        <v>22379</v>
      </c>
    </row>
    <row r="4347" spans="1:11" ht="86.4" x14ac:dyDescent="0.3">
      <c r="A4347" s="1">
        <v>33556</v>
      </c>
      <c r="C4347" s="4" t="s">
        <v>22380</v>
      </c>
      <c r="D4347" s="4" t="s">
        <v>22381</v>
      </c>
      <c r="I4347" s="4" t="s">
        <v>22382</v>
      </c>
      <c r="K4347" s="4" t="s">
        <v>22383</v>
      </c>
    </row>
    <row r="4348" spans="1:11" x14ac:dyDescent="0.3">
      <c r="A4348" s="1">
        <v>33561</v>
      </c>
    </row>
    <row r="4349" spans="1:11" ht="86.4" x14ac:dyDescent="0.3">
      <c r="A4349" s="1">
        <v>33571</v>
      </c>
      <c r="C4349" s="4" t="s">
        <v>22384</v>
      </c>
      <c r="D4349" s="4" t="s">
        <v>22385</v>
      </c>
      <c r="E4349" s="4" t="s">
        <v>22386</v>
      </c>
      <c r="F4349" s="4" t="s">
        <v>22387</v>
      </c>
      <c r="G4349" s="4" t="s">
        <v>22388</v>
      </c>
      <c r="H4349" s="4" t="s">
        <v>22389</v>
      </c>
      <c r="I4349" s="4" t="s">
        <v>22390</v>
      </c>
      <c r="K4349" s="4" t="s">
        <v>22391</v>
      </c>
    </row>
    <row r="4350" spans="1:11" x14ac:dyDescent="0.3">
      <c r="A4350" s="1">
        <v>33576</v>
      </c>
      <c r="C4350" s="4" t="s">
        <v>22392</v>
      </c>
      <c r="I4350" s="4" t="s">
        <v>22393</v>
      </c>
    </row>
    <row r="4351" spans="1:11" ht="86.4" x14ac:dyDescent="0.3">
      <c r="A4351" s="1">
        <v>33586</v>
      </c>
      <c r="C4351" s="4" t="s">
        <v>22394</v>
      </c>
      <c r="D4351" s="4" t="s">
        <v>22395</v>
      </c>
      <c r="E4351" s="4" t="s">
        <v>22396</v>
      </c>
      <c r="F4351" s="4" t="s">
        <v>22397</v>
      </c>
      <c r="I4351" s="4" t="s">
        <v>22398</v>
      </c>
      <c r="J4351" s="4" t="s">
        <v>22399</v>
      </c>
      <c r="K4351" s="4" t="s">
        <v>22400</v>
      </c>
    </row>
    <row r="4352" spans="1:11" ht="72" x14ac:dyDescent="0.3">
      <c r="A4352" s="1">
        <v>33591</v>
      </c>
      <c r="C4352" s="4" t="s">
        <v>22401</v>
      </c>
      <c r="D4352" s="4" t="s">
        <v>22402</v>
      </c>
      <c r="E4352" s="4" t="s">
        <v>22403</v>
      </c>
      <c r="F4352" s="4" t="s">
        <v>22404</v>
      </c>
      <c r="G4352" s="4" t="s">
        <v>22405</v>
      </c>
      <c r="I4352" s="4" t="s">
        <v>22406</v>
      </c>
      <c r="K4352" s="4" t="s">
        <v>22407</v>
      </c>
    </row>
    <row r="4353" spans="1:11" ht="86.4" x14ac:dyDescent="0.3">
      <c r="A4353" s="1">
        <v>33596</v>
      </c>
      <c r="C4353" s="4" t="s">
        <v>22408</v>
      </c>
      <c r="D4353" s="4" t="s">
        <v>22409</v>
      </c>
      <c r="F4353" s="4" t="s">
        <v>22410</v>
      </c>
      <c r="G4353" s="4" t="s">
        <v>22411</v>
      </c>
      <c r="H4353" s="4" t="s">
        <v>22411</v>
      </c>
      <c r="I4353" s="4" t="s">
        <v>22412</v>
      </c>
      <c r="K4353" s="4" t="s">
        <v>23172</v>
      </c>
    </row>
    <row r="4354" spans="1:11" ht="72" x14ac:dyDescent="0.3">
      <c r="A4354" s="1">
        <v>33601</v>
      </c>
      <c r="C4354" s="4" t="s">
        <v>22413</v>
      </c>
      <c r="D4354" s="4" t="s">
        <v>22414</v>
      </c>
      <c r="E4354" s="4" t="s">
        <v>22415</v>
      </c>
      <c r="F4354" s="4" t="s">
        <v>22416</v>
      </c>
      <c r="I4354" s="4" t="s">
        <v>22417</v>
      </c>
    </row>
    <row r="4355" spans="1:11" ht="43.2" x14ac:dyDescent="0.3">
      <c r="A4355" s="1">
        <v>33606</v>
      </c>
      <c r="C4355" s="4" t="s">
        <v>22418</v>
      </c>
      <c r="D4355" s="4" t="s">
        <v>22419</v>
      </c>
      <c r="E4355" s="4" t="s">
        <v>22420</v>
      </c>
      <c r="F4355" s="4" t="s">
        <v>22421</v>
      </c>
      <c r="G4355" s="4" t="s">
        <v>22422</v>
      </c>
      <c r="H4355" s="4" t="s">
        <v>22423</v>
      </c>
      <c r="I4355" s="4" t="s">
        <v>22424</v>
      </c>
    </row>
    <row r="4356" spans="1:11" ht="86.4" x14ac:dyDescent="0.3">
      <c r="A4356" s="1">
        <v>33616</v>
      </c>
      <c r="C4356" s="4" t="s">
        <v>22425</v>
      </c>
      <c r="D4356" s="4" t="s">
        <v>22426</v>
      </c>
      <c r="E4356" s="4" t="s">
        <v>22426</v>
      </c>
      <c r="F4356" s="4" t="s">
        <v>22427</v>
      </c>
      <c r="K4356" s="4" t="s">
        <v>22428</v>
      </c>
    </row>
    <row r="4357" spans="1:11" ht="57.6" x14ac:dyDescent="0.3">
      <c r="A4357" s="1">
        <v>33626</v>
      </c>
      <c r="C4357" s="4" t="s">
        <v>22429</v>
      </c>
      <c r="D4357" s="4" t="s">
        <v>22430</v>
      </c>
      <c r="E4357" s="4" t="s">
        <v>22431</v>
      </c>
      <c r="F4357" s="4" t="s">
        <v>22432</v>
      </c>
      <c r="G4357" s="4" t="s">
        <v>22433</v>
      </c>
      <c r="H4357" s="4" t="s">
        <v>22434</v>
      </c>
      <c r="I4357" s="4" t="s">
        <v>22435</v>
      </c>
      <c r="K4357" s="4" t="s">
        <v>22436</v>
      </c>
    </row>
    <row r="4358" spans="1:11" ht="86.4" x14ac:dyDescent="0.3">
      <c r="A4358" s="1">
        <v>33631</v>
      </c>
      <c r="C4358" s="4" t="s">
        <v>22437</v>
      </c>
      <c r="D4358" s="4" t="s">
        <v>22438</v>
      </c>
      <c r="E4358" s="4" t="s">
        <v>22439</v>
      </c>
      <c r="G4358" s="4" t="s">
        <v>22440</v>
      </c>
      <c r="H4358" s="4" t="s">
        <v>22441</v>
      </c>
      <c r="I4358" s="4" t="s">
        <v>22442</v>
      </c>
      <c r="K4358" s="4" t="s">
        <v>22443</v>
      </c>
    </row>
    <row r="4359" spans="1:11" x14ac:dyDescent="0.3">
      <c r="A4359" s="1">
        <v>33636</v>
      </c>
    </row>
    <row r="4360" spans="1:11" x14ac:dyDescent="0.3">
      <c r="A4360" s="1">
        <v>33641</v>
      </c>
    </row>
    <row r="4361" spans="1:11" ht="28.8" x14ac:dyDescent="0.3">
      <c r="A4361" s="1">
        <v>33646</v>
      </c>
      <c r="C4361" s="4" t="s">
        <v>22444</v>
      </c>
      <c r="D4361" s="4" t="s">
        <v>22445</v>
      </c>
      <c r="E4361" s="4" t="s">
        <v>22446</v>
      </c>
      <c r="F4361" s="4" t="s">
        <v>22447</v>
      </c>
      <c r="G4361" s="4" t="s">
        <v>22448</v>
      </c>
      <c r="H4361" s="4" t="s">
        <v>22449</v>
      </c>
      <c r="I4361" s="4" t="s">
        <v>22450</v>
      </c>
      <c r="K4361" s="4" t="s">
        <v>22451</v>
      </c>
    </row>
    <row r="4362" spans="1:11" x14ac:dyDescent="0.3">
      <c r="A4362" s="1">
        <v>33651</v>
      </c>
      <c r="J4362" s="4" t="s">
        <v>22452</v>
      </c>
    </row>
    <row r="4363" spans="1:11" ht="86.4" x14ac:dyDescent="0.3">
      <c r="A4363" s="1">
        <v>33661</v>
      </c>
      <c r="C4363" s="4" t="s">
        <v>22453</v>
      </c>
      <c r="D4363" s="4" t="s">
        <v>22454</v>
      </c>
      <c r="E4363" s="4" t="s">
        <v>22455</v>
      </c>
      <c r="F4363" s="4" t="s">
        <v>22456</v>
      </c>
      <c r="G4363" s="4" t="s">
        <v>22457</v>
      </c>
      <c r="H4363" s="4" t="s">
        <v>22458</v>
      </c>
      <c r="I4363" s="4" t="s">
        <v>22459</v>
      </c>
      <c r="J4363" s="4" t="s">
        <v>8254</v>
      </c>
      <c r="K4363" s="4" t="s">
        <v>22460</v>
      </c>
    </row>
    <row r="4364" spans="1:11" ht="57.6" x14ac:dyDescent="0.3">
      <c r="A4364" s="1">
        <v>33671</v>
      </c>
      <c r="C4364" s="4" t="s">
        <v>22461</v>
      </c>
      <c r="G4364" s="4" t="s">
        <v>22462</v>
      </c>
      <c r="I4364" s="4" t="s">
        <v>22463</v>
      </c>
    </row>
    <row r="4365" spans="1:11" ht="72" x14ac:dyDescent="0.3">
      <c r="A4365" s="1">
        <v>33691</v>
      </c>
      <c r="C4365" s="4" t="s">
        <v>22464</v>
      </c>
      <c r="D4365" s="4" t="s">
        <v>22465</v>
      </c>
      <c r="E4365" s="4" t="s">
        <v>22466</v>
      </c>
      <c r="G4365" s="4" t="s">
        <v>22467</v>
      </c>
      <c r="H4365" s="4" t="s">
        <v>22468</v>
      </c>
      <c r="I4365" s="4" t="s">
        <v>22469</v>
      </c>
      <c r="K4365" s="4" t="s">
        <v>22470</v>
      </c>
    </row>
    <row r="4366" spans="1:11" ht="43.2" x14ac:dyDescent="0.3">
      <c r="A4366" s="1">
        <v>33701</v>
      </c>
      <c r="C4366" s="4" t="s">
        <v>22471</v>
      </c>
      <c r="D4366" s="4" t="s">
        <v>22472</v>
      </c>
    </row>
    <row r="4367" spans="1:11" ht="86.4" x14ac:dyDescent="0.3">
      <c r="A4367" s="1">
        <v>33711</v>
      </c>
      <c r="C4367" s="4" t="s">
        <v>22473</v>
      </c>
      <c r="D4367" s="4" t="s">
        <v>22474</v>
      </c>
      <c r="E4367" s="4" t="s">
        <v>22475</v>
      </c>
      <c r="F4367" s="4" t="s">
        <v>22476</v>
      </c>
      <c r="G4367" s="4" t="s">
        <v>22477</v>
      </c>
      <c r="H4367" s="4" t="s">
        <v>22478</v>
      </c>
      <c r="I4367" s="4" t="s">
        <v>22479</v>
      </c>
      <c r="K4367" s="4" t="s">
        <v>22480</v>
      </c>
    </row>
    <row r="4368" spans="1:11" ht="72" x14ac:dyDescent="0.3">
      <c r="A4368" s="1">
        <v>33716</v>
      </c>
      <c r="C4368" s="4" t="s">
        <v>22481</v>
      </c>
      <c r="D4368" s="4" t="s">
        <v>22482</v>
      </c>
      <c r="E4368" s="4" t="s">
        <v>22483</v>
      </c>
      <c r="F4368" s="4" t="s">
        <v>22484</v>
      </c>
      <c r="G4368" s="4" t="s">
        <v>22485</v>
      </c>
      <c r="H4368" s="4" t="s">
        <v>22486</v>
      </c>
      <c r="I4368" s="4" t="s">
        <v>22487</v>
      </c>
    </row>
    <row r="4369" spans="1:11" ht="57.6" x14ac:dyDescent="0.3">
      <c r="A4369" s="1">
        <v>33721</v>
      </c>
      <c r="C4369" s="4" t="s">
        <v>22488</v>
      </c>
      <c r="D4369" s="4" t="s">
        <v>22489</v>
      </c>
      <c r="E4369" s="4" t="s">
        <v>22490</v>
      </c>
      <c r="F4369" s="4" t="s">
        <v>22491</v>
      </c>
      <c r="G4369" s="4" t="s">
        <v>22492</v>
      </c>
      <c r="H4369" s="4" t="s">
        <v>22493</v>
      </c>
      <c r="I4369" s="4" t="s">
        <v>22494</v>
      </c>
      <c r="K4369" s="4" t="s">
        <v>22495</v>
      </c>
    </row>
    <row r="4370" spans="1:11" ht="72" x14ac:dyDescent="0.3">
      <c r="A4370" s="1">
        <v>33731</v>
      </c>
      <c r="C4370" s="4" t="s">
        <v>3214</v>
      </c>
      <c r="D4370" s="4" t="s">
        <v>22496</v>
      </c>
      <c r="E4370" s="4" t="s">
        <v>22497</v>
      </c>
      <c r="G4370" s="4" t="s">
        <v>22498</v>
      </c>
      <c r="I4370" s="4" t="s">
        <v>22499</v>
      </c>
      <c r="K4370" s="4" t="s">
        <v>22500</v>
      </c>
    </row>
    <row r="4371" spans="1:11" ht="72" x14ac:dyDescent="0.3">
      <c r="A4371" s="1">
        <v>33736</v>
      </c>
      <c r="C4371" s="4" t="s">
        <v>22501</v>
      </c>
      <c r="D4371" s="4" t="s">
        <v>22502</v>
      </c>
      <c r="H4371" s="4" t="s">
        <v>22503</v>
      </c>
      <c r="I4371" s="4" t="s">
        <v>22504</v>
      </c>
    </row>
    <row r="4372" spans="1:11" ht="28.8" x14ac:dyDescent="0.3">
      <c r="A4372" s="1">
        <v>33741</v>
      </c>
      <c r="D4372" s="4" t="s">
        <v>22505</v>
      </c>
      <c r="H4372" s="4" t="s">
        <v>22506</v>
      </c>
    </row>
    <row r="4373" spans="1:11" ht="43.2" x14ac:dyDescent="0.3">
      <c r="A4373" s="1">
        <v>33751</v>
      </c>
      <c r="C4373" s="4" t="s">
        <v>22507</v>
      </c>
      <c r="D4373" s="4" t="s">
        <v>22508</v>
      </c>
      <c r="E4373" s="4" t="s">
        <v>22509</v>
      </c>
      <c r="F4373" s="4" t="s">
        <v>22510</v>
      </c>
      <c r="G4373" s="4" t="s">
        <v>22511</v>
      </c>
      <c r="H4373" s="4" t="s">
        <v>22512</v>
      </c>
      <c r="I4373" s="4" t="s">
        <v>23194</v>
      </c>
      <c r="K4373" s="4" t="s">
        <v>23195</v>
      </c>
    </row>
    <row r="4374" spans="1:11" ht="72" x14ac:dyDescent="0.3">
      <c r="A4374" s="1">
        <v>33756</v>
      </c>
      <c r="C4374" s="4" t="s">
        <v>22513</v>
      </c>
      <c r="D4374" s="4" t="s">
        <v>22514</v>
      </c>
      <c r="G4374" s="4" t="s">
        <v>22515</v>
      </c>
      <c r="H4374" s="4" t="s">
        <v>22516</v>
      </c>
      <c r="I4374" s="4" t="s">
        <v>22517</v>
      </c>
    </row>
    <row r="4375" spans="1:11" ht="57.6" x14ac:dyDescent="0.3">
      <c r="A4375" s="1">
        <v>33761</v>
      </c>
      <c r="K4375" s="4" t="s">
        <v>22518</v>
      </c>
    </row>
    <row r="4376" spans="1:11" ht="28.8" x14ac:dyDescent="0.3">
      <c r="A4376" s="1">
        <v>33766</v>
      </c>
      <c r="J4376" s="4" t="s">
        <v>22519</v>
      </c>
    </row>
    <row r="4377" spans="1:11" x14ac:dyDescent="0.3">
      <c r="A4377" s="1">
        <v>33776</v>
      </c>
    </row>
    <row r="4378" spans="1:11" x14ac:dyDescent="0.3">
      <c r="A4378" s="1">
        <v>33781</v>
      </c>
      <c r="D4378" s="4" t="s">
        <v>22520</v>
      </c>
      <c r="G4378" s="4" t="s">
        <v>22521</v>
      </c>
      <c r="I4378" s="4" t="s">
        <v>22522</v>
      </c>
      <c r="K4378" s="4" t="s">
        <v>22523</v>
      </c>
    </row>
    <row r="4379" spans="1:11" ht="86.4" x14ac:dyDescent="0.3">
      <c r="A4379" s="1">
        <v>33786</v>
      </c>
      <c r="D4379" s="4" t="s">
        <v>22524</v>
      </c>
      <c r="F4379" s="4" t="s">
        <v>22525</v>
      </c>
    </row>
    <row r="4380" spans="1:11" ht="86.4" x14ac:dyDescent="0.3">
      <c r="A4380" s="1">
        <v>33791</v>
      </c>
      <c r="C4380" s="4" t="s">
        <v>22526</v>
      </c>
      <c r="D4380" s="4" t="s">
        <v>22527</v>
      </c>
      <c r="E4380" s="4" t="s">
        <v>22528</v>
      </c>
      <c r="G4380" s="4" t="s">
        <v>22529</v>
      </c>
      <c r="H4380" s="4" t="s">
        <v>22530</v>
      </c>
      <c r="K4380" s="4" t="s">
        <v>22531</v>
      </c>
    </row>
    <row r="4381" spans="1:11" x14ac:dyDescent="0.3">
      <c r="A4381" s="1">
        <v>33796</v>
      </c>
      <c r="C4381" s="4" t="s">
        <v>2100</v>
      </c>
      <c r="D4381" s="4" t="s">
        <v>2100</v>
      </c>
      <c r="E4381" s="4" t="s">
        <v>2100</v>
      </c>
      <c r="F4381" s="4" t="s">
        <v>2100</v>
      </c>
      <c r="G4381" s="4" t="s">
        <v>2100</v>
      </c>
      <c r="H4381" s="4" t="s">
        <v>2100</v>
      </c>
      <c r="I4381" s="4" t="s">
        <v>2100</v>
      </c>
      <c r="K4381" s="4" t="s">
        <v>2100</v>
      </c>
    </row>
    <row r="4382" spans="1:11" x14ac:dyDescent="0.3">
      <c r="A4382" s="1">
        <v>33801</v>
      </c>
    </row>
    <row r="4383" spans="1:11" x14ac:dyDescent="0.3">
      <c r="A4383" s="1">
        <v>33811</v>
      </c>
    </row>
    <row r="4384" spans="1:11" ht="86.4" x14ac:dyDescent="0.3">
      <c r="A4384" s="1">
        <v>33816</v>
      </c>
      <c r="C4384" s="4" t="s">
        <v>22532</v>
      </c>
      <c r="D4384" s="4" t="s">
        <v>22533</v>
      </c>
      <c r="E4384" s="4" t="s">
        <v>22534</v>
      </c>
      <c r="F4384" s="4" t="s">
        <v>22535</v>
      </c>
      <c r="H4384" s="4" t="s">
        <v>22536</v>
      </c>
      <c r="K4384" s="4" t="s">
        <v>22537</v>
      </c>
    </row>
    <row r="4385" spans="1:11" x14ac:dyDescent="0.3">
      <c r="A4385" s="1">
        <v>33826</v>
      </c>
    </row>
    <row r="4386" spans="1:11" ht="86.4" x14ac:dyDescent="0.3">
      <c r="A4386" s="1">
        <v>33831</v>
      </c>
      <c r="C4386" s="4" t="s">
        <v>22538</v>
      </c>
      <c r="D4386" s="4" t="s">
        <v>22539</v>
      </c>
      <c r="E4386" s="4" t="s">
        <v>22540</v>
      </c>
      <c r="F4386" s="4" t="s">
        <v>22541</v>
      </c>
      <c r="G4386" s="4" t="s">
        <v>22542</v>
      </c>
      <c r="H4386" s="4" t="s">
        <v>22543</v>
      </c>
      <c r="K4386" s="4" t="s">
        <v>22544</v>
      </c>
    </row>
    <row r="4387" spans="1:11" x14ac:dyDescent="0.3">
      <c r="A4387" s="1">
        <v>33836</v>
      </c>
    </row>
    <row r="4388" spans="1:11" ht="86.4" x14ac:dyDescent="0.3">
      <c r="A4388" s="1">
        <v>33841</v>
      </c>
      <c r="G4388" s="4" t="s">
        <v>22545</v>
      </c>
      <c r="H4388" s="4" t="s">
        <v>22546</v>
      </c>
      <c r="I4388" s="4" t="s">
        <v>22547</v>
      </c>
      <c r="K4388" s="4" t="s">
        <v>22548</v>
      </c>
    </row>
    <row r="4389" spans="1:11" ht="28.8" x14ac:dyDescent="0.3">
      <c r="A4389" s="1">
        <v>33846</v>
      </c>
      <c r="C4389" s="4" t="s">
        <v>22549</v>
      </c>
      <c r="D4389" s="4" t="s">
        <v>22550</v>
      </c>
      <c r="E4389" s="4" t="s">
        <v>22551</v>
      </c>
      <c r="F4389" s="4" t="s">
        <v>22552</v>
      </c>
      <c r="G4389" s="4" t="s">
        <v>22553</v>
      </c>
      <c r="H4389" s="4" t="s">
        <v>22554</v>
      </c>
      <c r="I4389" s="4" t="s">
        <v>22555</v>
      </c>
      <c r="K4389" s="4" t="s">
        <v>22556</v>
      </c>
    </row>
    <row r="4390" spans="1:11" ht="86.4" x14ac:dyDescent="0.3">
      <c r="A4390" s="1">
        <v>33856</v>
      </c>
      <c r="C4390" s="4" t="s">
        <v>22557</v>
      </c>
      <c r="D4390" s="4" t="s">
        <v>22558</v>
      </c>
      <c r="F4390" s="4" t="s">
        <v>22559</v>
      </c>
      <c r="G4390" s="4" t="s">
        <v>22560</v>
      </c>
      <c r="H4390" s="4" t="s">
        <v>22561</v>
      </c>
      <c r="K4390" s="4" t="s">
        <v>22562</v>
      </c>
    </row>
    <row r="4391" spans="1:11" ht="28.8" x14ac:dyDescent="0.3">
      <c r="A4391" s="1">
        <v>33866</v>
      </c>
      <c r="K4391" s="4" t="s">
        <v>22563</v>
      </c>
    </row>
    <row r="4392" spans="1:11" ht="86.4" x14ac:dyDescent="0.3">
      <c r="A4392" s="1">
        <v>33871</v>
      </c>
      <c r="C4392" s="4" t="s">
        <v>22564</v>
      </c>
      <c r="D4392" s="4" t="s">
        <v>22565</v>
      </c>
      <c r="E4392" s="4" t="s">
        <v>22566</v>
      </c>
      <c r="F4392" s="4" t="s">
        <v>22567</v>
      </c>
      <c r="G4392" s="4" t="s">
        <v>22568</v>
      </c>
      <c r="H4392" s="4" t="s">
        <v>22569</v>
      </c>
      <c r="K4392" s="4" t="s">
        <v>22570</v>
      </c>
    </row>
    <row r="4393" spans="1:11" ht="57.6" x14ac:dyDescent="0.3">
      <c r="A4393" s="1">
        <v>33876</v>
      </c>
      <c r="C4393" s="4" t="s">
        <v>22571</v>
      </c>
      <c r="D4393" s="4" t="s">
        <v>22572</v>
      </c>
      <c r="G4393" s="4" t="s">
        <v>22573</v>
      </c>
    </row>
    <row r="4394" spans="1:11" ht="28.8" x14ac:dyDescent="0.3">
      <c r="A4394" s="1">
        <v>33881</v>
      </c>
      <c r="D4394" s="4" t="s">
        <v>22574</v>
      </c>
      <c r="E4394" s="4" t="s">
        <v>22575</v>
      </c>
      <c r="F4394" s="4" t="s">
        <v>22575</v>
      </c>
      <c r="H4394" s="4" t="s">
        <v>22576</v>
      </c>
      <c r="K4394" s="4" t="s">
        <v>22577</v>
      </c>
    </row>
    <row r="4395" spans="1:11" ht="86.4" x14ac:dyDescent="0.3">
      <c r="A4395" s="1">
        <v>33891</v>
      </c>
      <c r="C4395" s="4" t="s">
        <v>22578</v>
      </c>
      <c r="D4395" s="4" t="s">
        <v>22579</v>
      </c>
      <c r="E4395" s="4" t="s">
        <v>22580</v>
      </c>
      <c r="F4395" s="4" t="s">
        <v>22580</v>
      </c>
      <c r="G4395" s="4" t="s">
        <v>22581</v>
      </c>
      <c r="H4395" s="4" t="s">
        <v>22582</v>
      </c>
      <c r="I4395" s="4" t="s">
        <v>22583</v>
      </c>
      <c r="K4395" s="4" t="s">
        <v>22584</v>
      </c>
    </row>
    <row r="4396" spans="1:11" ht="100.8" x14ac:dyDescent="0.3">
      <c r="A4396" s="1">
        <v>33896</v>
      </c>
      <c r="D4396" s="4" t="s">
        <v>22585</v>
      </c>
      <c r="E4396" s="4" t="s">
        <v>22586</v>
      </c>
      <c r="F4396" s="4" t="s">
        <v>22587</v>
      </c>
      <c r="G4396" s="4" t="s">
        <v>22588</v>
      </c>
      <c r="H4396" s="4" t="s">
        <v>22589</v>
      </c>
      <c r="I4396" s="4" t="s">
        <v>22590</v>
      </c>
      <c r="K4396" s="4" t="s">
        <v>22591</v>
      </c>
    </row>
    <row r="4397" spans="1:11" ht="72" x14ac:dyDescent="0.3">
      <c r="A4397" s="1">
        <v>33906</v>
      </c>
      <c r="D4397" s="4" t="s">
        <v>22592</v>
      </c>
      <c r="E4397" s="4" t="s">
        <v>22593</v>
      </c>
      <c r="F4397" s="4" t="s">
        <v>22594</v>
      </c>
      <c r="G4397" s="4" t="s">
        <v>22595</v>
      </c>
      <c r="H4397" s="4" t="s">
        <v>22596</v>
      </c>
      <c r="I4397" s="4" t="s">
        <v>22597</v>
      </c>
      <c r="K4397" s="4" t="s">
        <v>22598</v>
      </c>
    </row>
    <row r="4398" spans="1:11" ht="57.6" x14ac:dyDescent="0.3">
      <c r="A4398" s="1">
        <v>33911</v>
      </c>
      <c r="C4398" s="4" t="s">
        <v>22599</v>
      </c>
      <c r="G4398" s="4" t="s">
        <v>22600</v>
      </c>
    </row>
    <row r="4399" spans="1:11" ht="72" x14ac:dyDescent="0.3">
      <c r="A4399" s="1">
        <v>33916</v>
      </c>
      <c r="G4399" s="4" t="s">
        <v>22601</v>
      </c>
    </row>
    <row r="4400" spans="1:11" ht="86.4" x14ac:dyDescent="0.3">
      <c r="A4400" s="1">
        <v>33921</v>
      </c>
      <c r="C4400" s="4" t="s">
        <v>22602</v>
      </c>
      <c r="D4400" s="4" t="s">
        <v>22603</v>
      </c>
      <c r="E4400" s="4" t="s">
        <v>22604</v>
      </c>
      <c r="F4400" s="4" t="s">
        <v>22605</v>
      </c>
      <c r="G4400" s="4" t="s">
        <v>22606</v>
      </c>
      <c r="I4400" s="4" t="s">
        <v>22607</v>
      </c>
    </row>
    <row r="4401" spans="1:11" ht="28.8" x14ac:dyDescent="0.3">
      <c r="A4401" s="1">
        <v>33931</v>
      </c>
      <c r="C4401" s="4" t="s">
        <v>22608</v>
      </c>
    </row>
    <row r="4402" spans="1:11" ht="43.2" x14ac:dyDescent="0.3">
      <c r="A4402" s="1">
        <v>33936</v>
      </c>
      <c r="D4402" s="4" t="s">
        <v>22609</v>
      </c>
      <c r="E4402" s="4" t="s">
        <v>22610</v>
      </c>
      <c r="I4402" s="4" t="s">
        <v>22611</v>
      </c>
      <c r="K4402" s="4" t="s">
        <v>22612</v>
      </c>
    </row>
    <row r="4403" spans="1:11" ht="43.2" x14ac:dyDescent="0.3">
      <c r="A4403" s="1">
        <v>33946</v>
      </c>
      <c r="C4403" s="4" t="s">
        <v>22613</v>
      </c>
      <c r="D4403" s="4" t="s">
        <v>22614</v>
      </c>
      <c r="E4403" s="4" t="s">
        <v>22615</v>
      </c>
      <c r="F4403" s="4" t="s">
        <v>22616</v>
      </c>
      <c r="G4403" s="4" t="s">
        <v>22617</v>
      </c>
      <c r="H4403" s="4" t="s">
        <v>22618</v>
      </c>
      <c r="I4403" s="4" t="s">
        <v>22619</v>
      </c>
      <c r="K4403" s="4" t="s">
        <v>22620</v>
      </c>
    </row>
    <row r="4404" spans="1:11" ht="86.4" x14ac:dyDescent="0.3">
      <c r="A4404" s="1">
        <v>33951</v>
      </c>
      <c r="D4404" s="4" t="s">
        <v>22621</v>
      </c>
      <c r="H4404" s="4" t="s">
        <v>22622</v>
      </c>
      <c r="K4404" s="4" t="s">
        <v>22623</v>
      </c>
    </row>
    <row r="4405" spans="1:11" ht="28.8" x14ac:dyDescent="0.3">
      <c r="A4405" s="1">
        <v>33956</v>
      </c>
      <c r="C4405" s="4" t="s">
        <v>22624</v>
      </c>
      <c r="G4405" s="4" t="s">
        <v>22625</v>
      </c>
    </row>
    <row r="4406" spans="1:11" ht="57.6" x14ac:dyDescent="0.3">
      <c r="A4406" s="1">
        <v>33961</v>
      </c>
      <c r="C4406" s="4" t="s">
        <v>22626</v>
      </c>
      <c r="G4406" s="4" t="s">
        <v>22627</v>
      </c>
      <c r="H4406" s="4" t="s">
        <v>22628</v>
      </c>
      <c r="I4406" s="4" t="s">
        <v>22629</v>
      </c>
      <c r="K4406" s="4" t="s">
        <v>22630</v>
      </c>
    </row>
    <row r="4407" spans="1:11" ht="86.4" x14ac:dyDescent="0.3">
      <c r="A4407" s="1">
        <v>33966</v>
      </c>
      <c r="C4407" s="4" t="s">
        <v>22631</v>
      </c>
      <c r="D4407" s="4" t="s">
        <v>22632</v>
      </c>
      <c r="E4407" s="4" t="s">
        <v>22633</v>
      </c>
      <c r="F4407" s="4" t="s">
        <v>22634</v>
      </c>
      <c r="G4407" s="4" t="s">
        <v>22635</v>
      </c>
      <c r="K4407" s="4" t="s">
        <v>22636</v>
      </c>
    </row>
    <row r="4408" spans="1:11" ht="28.8" x14ac:dyDescent="0.3">
      <c r="A4408" s="1">
        <v>33971</v>
      </c>
      <c r="C4408" s="4" t="s">
        <v>22637</v>
      </c>
      <c r="D4408" s="4" t="s">
        <v>22638</v>
      </c>
      <c r="E4408" s="4" t="s">
        <v>22639</v>
      </c>
    </row>
    <row r="4409" spans="1:11" ht="86.4" x14ac:dyDescent="0.3">
      <c r="A4409" s="1">
        <v>33981</v>
      </c>
      <c r="C4409" s="4" t="s">
        <v>22640</v>
      </c>
      <c r="D4409" s="4" t="s">
        <v>22641</v>
      </c>
      <c r="G4409" s="4" t="s">
        <v>22642</v>
      </c>
      <c r="H4409" s="4" t="s">
        <v>22643</v>
      </c>
      <c r="I4409" s="4" t="s">
        <v>22644</v>
      </c>
      <c r="J4409" s="4" t="s">
        <v>22645</v>
      </c>
      <c r="K4409" s="4" t="s">
        <v>22646</v>
      </c>
    </row>
    <row r="4410" spans="1:11" ht="57.6" x14ac:dyDescent="0.3">
      <c r="A4410" s="1">
        <v>33986</v>
      </c>
      <c r="C4410" s="4" t="s">
        <v>22647</v>
      </c>
      <c r="D4410" s="4" t="s">
        <v>22648</v>
      </c>
      <c r="E4410" s="4" t="s">
        <v>22649</v>
      </c>
      <c r="F4410" s="4" t="s">
        <v>22650</v>
      </c>
      <c r="G4410" s="4" t="s">
        <v>22651</v>
      </c>
      <c r="H4410" s="4" t="s">
        <v>22652</v>
      </c>
      <c r="I4410" s="4" t="s">
        <v>22653</v>
      </c>
      <c r="K4410" s="4" t="s">
        <v>22654</v>
      </c>
    </row>
    <row r="4411" spans="1:11" ht="100.8" x14ac:dyDescent="0.3">
      <c r="A4411" s="1">
        <v>33991</v>
      </c>
      <c r="C4411" s="4" t="s">
        <v>22655</v>
      </c>
      <c r="D4411" s="4" t="s">
        <v>22656</v>
      </c>
      <c r="E4411" s="4" t="s">
        <v>22657</v>
      </c>
      <c r="F4411" s="4" t="s">
        <v>22658</v>
      </c>
      <c r="G4411" s="4" t="s">
        <v>22659</v>
      </c>
      <c r="H4411" s="4" t="s">
        <v>23181</v>
      </c>
      <c r="I4411" s="4" t="s">
        <v>22660</v>
      </c>
      <c r="K4411" s="4" t="s">
        <v>22661</v>
      </c>
    </row>
    <row r="4412" spans="1:11" ht="86.4" x14ac:dyDescent="0.3">
      <c r="A4412" s="1">
        <v>33996</v>
      </c>
      <c r="C4412" s="4" t="s">
        <v>22662</v>
      </c>
      <c r="D4412" s="4" t="s">
        <v>22663</v>
      </c>
      <c r="E4412" s="4" t="s">
        <v>22664</v>
      </c>
      <c r="F4412" s="4" t="s">
        <v>22665</v>
      </c>
      <c r="G4412" s="4" t="s">
        <v>22666</v>
      </c>
      <c r="H4412" s="4" t="s">
        <v>22667</v>
      </c>
      <c r="I4412" s="4" t="s">
        <v>22668</v>
      </c>
      <c r="K4412" s="4" t="s">
        <v>22669</v>
      </c>
    </row>
    <row r="4413" spans="1:11" ht="86.4" x14ac:dyDescent="0.3">
      <c r="A4413" s="1">
        <v>34001</v>
      </c>
      <c r="C4413" s="4" t="s">
        <v>22670</v>
      </c>
      <c r="D4413" s="4" t="s">
        <v>22671</v>
      </c>
      <c r="E4413" s="4" t="s">
        <v>22672</v>
      </c>
      <c r="F4413" s="4" t="s">
        <v>22673</v>
      </c>
      <c r="G4413" s="4" t="s">
        <v>22674</v>
      </c>
      <c r="H4413" s="4" t="s">
        <v>22675</v>
      </c>
      <c r="I4413" s="4" t="s">
        <v>22676</v>
      </c>
      <c r="J4413" s="4" t="s">
        <v>22677</v>
      </c>
      <c r="K4413" s="4" t="s">
        <v>22678</v>
      </c>
    </row>
    <row r="4414" spans="1:11" ht="115.2" x14ac:dyDescent="0.3">
      <c r="A4414" s="1">
        <v>34011</v>
      </c>
      <c r="C4414" s="4" t="s">
        <v>22679</v>
      </c>
      <c r="D4414" s="4" t="s">
        <v>22680</v>
      </c>
      <c r="E4414" s="4" t="s">
        <v>21091</v>
      </c>
      <c r="F4414" s="4" t="s">
        <v>22681</v>
      </c>
      <c r="G4414" s="4" t="s">
        <v>22682</v>
      </c>
      <c r="H4414" s="4" t="s">
        <v>22683</v>
      </c>
      <c r="I4414" s="4" t="s">
        <v>22684</v>
      </c>
      <c r="K4414" s="4" t="s">
        <v>22685</v>
      </c>
    </row>
    <row r="4415" spans="1:11" ht="86.4" x14ac:dyDescent="0.3">
      <c r="A4415" s="1">
        <v>34021</v>
      </c>
      <c r="C4415" s="4" t="s">
        <v>22686</v>
      </c>
      <c r="D4415" s="4" t="s">
        <v>22687</v>
      </c>
      <c r="E4415" s="4" t="s">
        <v>22688</v>
      </c>
      <c r="F4415" s="4" t="s">
        <v>22689</v>
      </c>
      <c r="G4415" s="4" t="s">
        <v>22690</v>
      </c>
      <c r="H4415" s="4" t="s">
        <v>22691</v>
      </c>
      <c r="I4415" s="4" t="s">
        <v>22692</v>
      </c>
      <c r="J4415" s="4" t="s">
        <v>22693</v>
      </c>
      <c r="K4415" s="4" t="s">
        <v>22694</v>
      </c>
    </row>
    <row r="4416" spans="1:11" x14ac:dyDescent="0.3">
      <c r="A4416" s="1">
        <v>34026</v>
      </c>
    </row>
    <row r="4417" spans="1:11" ht="86.4" x14ac:dyDescent="0.3">
      <c r="A4417" s="1">
        <v>34036</v>
      </c>
      <c r="G4417" s="4" t="s">
        <v>22695</v>
      </c>
      <c r="H4417" s="4" t="s">
        <v>22696</v>
      </c>
      <c r="K4417" s="4" t="s">
        <v>22697</v>
      </c>
    </row>
    <row r="4418" spans="1:11" x14ac:dyDescent="0.3">
      <c r="A4418" s="1">
        <v>34041</v>
      </c>
      <c r="C4418" s="4" t="e">
        <v>#NAME?</v>
      </c>
      <c r="F4418" s="4" t="e">
        <v>#NAME?</v>
      </c>
    </row>
    <row r="4419" spans="1:11" ht="86.4" x14ac:dyDescent="0.3">
      <c r="A4419" s="1">
        <v>34046</v>
      </c>
      <c r="C4419" s="4" t="s">
        <v>22698</v>
      </c>
      <c r="D4419" s="4" t="s">
        <v>22699</v>
      </c>
      <c r="E4419" s="4" t="s">
        <v>22700</v>
      </c>
      <c r="F4419" s="4" t="s">
        <v>22701</v>
      </c>
      <c r="G4419" s="4" t="s">
        <v>22702</v>
      </c>
      <c r="H4419" s="4" t="s">
        <v>22703</v>
      </c>
      <c r="I4419" s="4" t="s">
        <v>22704</v>
      </c>
      <c r="K4419" s="4" t="s">
        <v>22705</v>
      </c>
    </row>
    <row r="4420" spans="1:11" ht="86.4" x14ac:dyDescent="0.3">
      <c r="A4420" s="1">
        <v>34051</v>
      </c>
      <c r="C4420" s="4" t="s">
        <v>22706</v>
      </c>
      <c r="E4420" s="4" t="s">
        <v>22707</v>
      </c>
      <c r="F4420" s="4" t="s">
        <v>22708</v>
      </c>
      <c r="G4420" s="4" t="s">
        <v>22709</v>
      </c>
      <c r="H4420" s="4" t="s">
        <v>22710</v>
      </c>
      <c r="K4420" s="4" t="s">
        <v>22711</v>
      </c>
    </row>
    <row r="4421" spans="1:11" ht="86.4" x14ac:dyDescent="0.3">
      <c r="A4421" s="1">
        <v>34056</v>
      </c>
      <c r="C4421" s="4" t="s">
        <v>22712</v>
      </c>
      <c r="D4421" s="4" t="s">
        <v>23173</v>
      </c>
      <c r="E4421" s="4" t="s">
        <v>22713</v>
      </c>
      <c r="F4421" s="4" t="s">
        <v>22714</v>
      </c>
      <c r="G4421" s="4" t="s">
        <v>22715</v>
      </c>
      <c r="H4421" s="4" t="s">
        <v>22716</v>
      </c>
      <c r="I4421" s="4" t="s">
        <v>22717</v>
      </c>
      <c r="K4421" s="4" t="s">
        <v>23174</v>
      </c>
    </row>
    <row r="4422" spans="1:11" x14ac:dyDescent="0.3">
      <c r="A4422" s="1">
        <v>34061</v>
      </c>
    </row>
    <row r="4423" spans="1:11" ht="86.4" x14ac:dyDescent="0.3">
      <c r="A4423" s="1">
        <v>34066</v>
      </c>
      <c r="C4423" s="4" t="s">
        <v>22718</v>
      </c>
      <c r="D4423" s="4" t="s">
        <v>22719</v>
      </c>
      <c r="E4423" s="4" t="s">
        <v>22720</v>
      </c>
      <c r="F4423" s="4" t="s">
        <v>22721</v>
      </c>
      <c r="G4423" s="4" t="s">
        <v>22722</v>
      </c>
      <c r="H4423" s="4" t="s">
        <v>22723</v>
      </c>
      <c r="I4423" s="4" t="s">
        <v>22724</v>
      </c>
      <c r="K4423" s="4" t="s">
        <v>22725</v>
      </c>
    </row>
    <row r="4424" spans="1:11" ht="86.4" x14ac:dyDescent="0.3">
      <c r="A4424" s="1">
        <v>34071</v>
      </c>
      <c r="B4424" s="1" t="s">
        <v>22726</v>
      </c>
      <c r="C4424" s="4" t="s">
        <v>22727</v>
      </c>
      <c r="D4424" s="4" t="s">
        <v>22728</v>
      </c>
      <c r="E4424" s="4" t="s">
        <v>22729</v>
      </c>
      <c r="F4424" s="4" t="s">
        <v>22730</v>
      </c>
      <c r="G4424" s="4" t="s">
        <v>22731</v>
      </c>
      <c r="H4424" s="4" t="s">
        <v>22732</v>
      </c>
      <c r="I4424" s="4" t="s">
        <v>22733</v>
      </c>
      <c r="K4424" s="4" t="s">
        <v>22734</v>
      </c>
    </row>
    <row r="4425" spans="1:11" ht="86.4" x14ac:dyDescent="0.3">
      <c r="A4425" s="1">
        <v>34076</v>
      </c>
      <c r="D4425" s="4" t="s">
        <v>22735</v>
      </c>
      <c r="G4425" s="4" t="s">
        <v>22736</v>
      </c>
      <c r="K4425" s="4" t="s">
        <v>22737</v>
      </c>
    </row>
    <row r="4426" spans="1:11" ht="86.4" x14ac:dyDescent="0.3">
      <c r="A4426" s="1">
        <v>34086</v>
      </c>
      <c r="C4426" s="4" t="s">
        <v>22738</v>
      </c>
      <c r="D4426" s="4" t="s">
        <v>22739</v>
      </c>
      <c r="E4426" s="4" t="s">
        <v>22740</v>
      </c>
      <c r="F4426" s="4" t="s">
        <v>22741</v>
      </c>
      <c r="G4426" s="4" t="s">
        <v>22742</v>
      </c>
      <c r="H4426" s="4" t="s">
        <v>22743</v>
      </c>
      <c r="J4426" s="4" t="s">
        <v>22744</v>
      </c>
      <c r="K4426" s="4" t="s">
        <v>22745</v>
      </c>
    </row>
    <row r="4427" spans="1:11" ht="86.4" x14ac:dyDescent="0.3">
      <c r="A4427" s="1">
        <v>34091</v>
      </c>
      <c r="C4427" s="4" t="s">
        <v>22746</v>
      </c>
      <c r="D4427" s="4" t="s">
        <v>22747</v>
      </c>
      <c r="E4427" s="4" t="s">
        <v>22748</v>
      </c>
      <c r="F4427" s="4" t="s">
        <v>22749</v>
      </c>
      <c r="G4427" s="4" t="s">
        <v>22750</v>
      </c>
      <c r="H4427" s="4" t="s">
        <v>22751</v>
      </c>
      <c r="K4427" s="4" t="s">
        <v>22752</v>
      </c>
    </row>
    <row r="4428" spans="1:11" ht="86.4" x14ac:dyDescent="0.3">
      <c r="A4428" s="1">
        <v>34096</v>
      </c>
      <c r="C4428" s="4" t="s">
        <v>22753</v>
      </c>
      <c r="D4428" s="4" t="s">
        <v>22754</v>
      </c>
      <c r="E4428" s="4" t="s">
        <v>22755</v>
      </c>
      <c r="F4428" s="4" t="s">
        <v>22756</v>
      </c>
      <c r="G4428" s="4" t="s">
        <v>22757</v>
      </c>
      <c r="H4428" s="4" t="s">
        <v>22758</v>
      </c>
      <c r="I4428" s="4" t="s">
        <v>22759</v>
      </c>
      <c r="J4428" s="4" t="s">
        <v>22760</v>
      </c>
      <c r="K4428" s="4" t="s">
        <v>22761</v>
      </c>
    </row>
    <row r="4429" spans="1:11" ht="86.4" x14ac:dyDescent="0.3">
      <c r="A4429" s="1">
        <v>34106</v>
      </c>
      <c r="C4429" s="4" t="s">
        <v>22762</v>
      </c>
      <c r="D4429" s="4" t="s">
        <v>22763</v>
      </c>
      <c r="E4429" s="4" t="s">
        <v>22764</v>
      </c>
      <c r="F4429" s="4" t="s">
        <v>22765</v>
      </c>
      <c r="G4429" s="4" t="s">
        <v>22766</v>
      </c>
      <c r="H4429" s="4" t="s">
        <v>22767</v>
      </c>
      <c r="K4429" s="4" t="s">
        <v>22768</v>
      </c>
    </row>
    <row r="4430" spans="1:11" ht="57.6" x14ac:dyDescent="0.3">
      <c r="A4430" s="1">
        <v>34111</v>
      </c>
      <c r="C4430" s="4" t="s">
        <v>22769</v>
      </c>
      <c r="D4430" s="4" t="s">
        <v>22770</v>
      </c>
      <c r="E4430" s="4" t="s">
        <v>22771</v>
      </c>
      <c r="F4430" s="4" t="s">
        <v>22772</v>
      </c>
      <c r="G4430" s="4" t="s">
        <v>22773</v>
      </c>
      <c r="J4430" s="4" t="s">
        <v>22774</v>
      </c>
      <c r="K4430" s="4" t="s">
        <v>22775</v>
      </c>
    </row>
    <row r="4431" spans="1:11" x14ac:dyDescent="0.3">
      <c r="A4431" s="1">
        <v>34121</v>
      </c>
      <c r="B4431" s="1" t="s">
        <v>22776</v>
      </c>
    </row>
    <row r="4432" spans="1:11" ht="86.4" x14ac:dyDescent="0.3">
      <c r="A4432" s="1">
        <v>34136</v>
      </c>
      <c r="D4432" s="4" t="s">
        <v>22777</v>
      </c>
      <c r="G4432" s="4" t="s">
        <v>22778</v>
      </c>
      <c r="I4432" s="4" t="s">
        <v>22779</v>
      </c>
      <c r="K4432" s="4" t="s">
        <v>22780</v>
      </c>
    </row>
    <row r="4433" spans="1:11" ht="86.4" x14ac:dyDescent="0.3">
      <c r="A4433" s="1">
        <v>34141</v>
      </c>
      <c r="D4433" s="4" t="s">
        <v>22781</v>
      </c>
      <c r="E4433" s="4" t="s">
        <v>22782</v>
      </c>
      <c r="F4433" s="4" t="s">
        <v>22783</v>
      </c>
      <c r="G4433" s="4" t="s">
        <v>22784</v>
      </c>
      <c r="H4433" s="4" t="s">
        <v>22785</v>
      </c>
      <c r="I4433" s="4" t="s">
        <v>22786</v>
      </c>
      <c r="J4433" s="4" t="s">
        <v>22787</v>
      </c>
      <c r="K4433" s="4" t="s">
        <v>22788</v>
      </c>
    </row>
    <row r="4434" spans="1:11" ht="72" x14ac:dyDescent="0.3">
      <c r="A4434" s="1">
        <v>34146</v>
      </c>
      <c r="C4434" s="4" t="s">
        <v>22789</v>
      </c>
      <c r="D4434" s="4" t="s">
        <v>22790</v>
      </c>
      <c r="E4434" s="4" t="s">
        <v>22791</v>
      </c>
      <c r="F4434" s="4" t="s">
        <v>22792</v>
      </c>
      <c r="G4434" s="4" t="s">
        <v>22793</v>
      </c>
      <c r="H4434" s="4" t="s">
        <v>22794</v>
      </c>
      <c r="K4434" s="4" t="s">
        <v>22795</v>
      </c>
    </row>
    <row r="4435" spans="1:11" x14ac:dyDescent="0.3">
      <c r="A4435" s="1">
        <v>34151</v>
      </c>
    </row>
    <row r="4436" spans="1:11" ht="72" x14ac:dyDescent="0.3">
      <c r="A4436" s="1">
        <v>34161</v>
      </c>
      <c r="C4436" s="4" t="s">
        <v>22796</v>
      </c>
      <c r="D4436" s="4" t="s">
        <v>22797</v>
      </c>
      <c r="F4436" s="4" t="s">
        <v>22798</v>
      </c>
      <c r="G4436" s="4" t="s">
        <v>22799</v>
      </c>
      <c r="K4436" s="4" t="s">
        <v>22800</v>
      </c>
    </row>
    <row r="4437" spans="1:11" ht="72" x14ac:dyDescent="0.3">
      <c r="A4437" s="1">
        <v>34166</v>
      </c>
      <c r="C4437" s="4" t="s">
        <v>22801</v>
      </c>
      <c r="D4437" s="4" t="s">
        <v>8059</v>
      </c>
      <c r="E4437" s="4" t="s">
        <v>22802</v>
      </c>
      <c r="F4437" s="4" t="s">
        <v>22803</v>
      </c>
      <c r="G4437" s="4" t="s">
        <v>22804</v>
      </c>
      <c r="H4437" s="4" t="s">
        <v>22805</v>
      </c>
      <c r="I4437" s="4" t="s">
        <v>22806</v>
      </c>
      <c r="K4437" s="4" t="s">
        <v>22807</v>
      </c>
    </row>
    <row r="4438" spans="1:11" x14ac:dyDescent="0.3">
      <c r="A4438" s="1">
        <v>34171</v>
      </c>
    </row>
    <row r="4439" spans="1:11" ht="115.2" x14ac:dyDescent="0.3">
      <c r="A4439" s="1">
        <v>34176</v>
      </c>
      <c r="C4439" s="4" t="s">
        <v>22808</v>
      </c>
      <c r="D4439" s="4" t="s">
        <v>22809</v>
      </c>
      <c r="E4439" s="4" t="s">
        <v>22810</v>
      </c>
      <c r="F4439" s="4" t="s">
        <v>22811</v>
      </c>
      <c r="G4439" s="4" t="s">
        <v>22812</v>
      </c>
      <c r="H4439" s="4" t="s">
        <v>22813</v>
      </c>
      <c r="I4439" s="4" t="s">
        <v>22814</v>
      </c>
      <c r="K4439" s="4" t="s">
        <v>22815</v>
      </c>
    </row>
    <row r="4440" spans="1:11" ht="86.4" x14ac:dyDescent="0.3">
      <c r="A4440" s="1">
        <v>34186</v>
      </c>
      <c r="G4440" s="4" t="s">
        <v>22816</v>
      </c>
      <c r="H4440" s="4" t="s">
        <v>22817</v>
      </c>
      <c r="I4440" s="4" t="s">
        <v>22818</v>
      </c>
      <c r="K4440" s="4" t="s">
        <v>22819</v>
      </c>
    </row>
    <row r="4441" spans="1:11" ht="43.2" x14ac:dyDescent="0.3">
      <c r="A4441" s="1">
        <v>34201</v>
      </c>
      <c r="D4441" s="4" t="s">
        <v>22820</v>
      </c>
    </row>
    <row r="4442" spans="1:11" ht="72" x14ac:dyDescent="0.3">
      <c r="A4442" s="1">
        <v>34216</v>
      </c>
      <c r="C4442" s="4" t="s">
        <v>22821</v>
      </c>
      <c r="D4442" s="4" t="s">
        <v>22822</v>
      </c>
      <c r="E4442" s="4" t="s">
        <v>22823</v>
      </c>
      <c r="F4442" s="4" t="s">
        <v>22824</v>
      </c>
      <c r="G4442" s="4" t="s">
        <v>22825</v>
      </c>
      <c r="I4442" s="4" t="s">
        <v>22826</v>
      </c>
      <c r="J4442" s="4" t="s">
        <v>22827</v>
      </c>
    </row>
    <row r="4443" spans="1:11" ht="72" x14ac:dyDescent="0.3">
      <c r="A4443" s="1">
        <v>34221</v>
      </c>
      <c r="C4443" s="4" t="s">
        <v>22828</v>
      </c>
      <c r="D4443" s="4" t="s">
        <v>22829</v>
      </c>
      <c r="E4443" s="4" t="s">
        <v>22830</v>
      </c>
      <c r="F4443" s="4" t="s">
        <v>22831</v>
      </c>
      <c r="G4443" s="4" t="s">
        <v>22832</v>
      </c>
      <c r="H4443" s="4" t="s">
        <v>22833</v>
      </c>
      <c r="K4443" s="4" t="s">
        <v>22834</v>
      </c>
    </row>
    <row r="4444" spans="1:11" ht="57.6" x14ac:dyDescent="0.3">
      <c r="A4444" s="1">
        <v>34226</v>
      </c>
      <c r="D4444" s="4" t="s">
        <v>22835</v>
      </c>
      <c r="E4444" s="4" t="s">
        <v>22836</v>
      </c>
      <c r="F4444" s="4" t="s">
        <v>22837</v>
      </c>
      <c r="I4444" s="4" t="s">
        <v>22838</v>
      </c>
      <c r="K4444" s="4" t="s">
        <v>22839</v>
      </c>
    </row>
    <row r="4445" spans="1:11" ht="72" x14ac:dyDescent="0.3">
      <c r="A4445" s="1">
        <v>34231</v>
      </c>
      <c r="C4445" s="4" t="s">
        <v>22840</v>
      </c>
      <c r="D4445" s="4" t="s">
        <v>22841</v>
      </c>
      <c r="G4445" s="4" t="s">
        <v>22842</v>
      </c>
      <c r="H4445" s="4" t="s">
        <v>22843</v>
      </c>
      <c r="K4445" s="4" t="s">
        <v>22844</v>
      </c>
    </row>
    <row r="4446" spans="1:11" ht="86.4" x14ac:dyDescent="0.3">
      <c r="A4446" s="1">
        <v>34236</v>
      </c>
      <c r="C4446" s="4" t="s">
        <v>22845</v>
      </c>
      <c r="D4446" s="4" t="s">
        <v>22846</v>
      </c>
      <c r="G4446" s="4" t="s">
        <v>22847</v>
      </c>
      <c r="H4446" s="4" t="s">
        <v>22848</v>
      </c>
      <c r="J4446" s="4" t="s">
        <v>22849</v>
      </c>
      <c r="K4446" s="4" t="s">
        <v>22850</v>
      </c>
    </row>
    <row r="4447" spans="1:11" ht="57.6" x14ac:dyDescent="0.3">
      <c r="A4447" s="1">
        <v>34241</v>
      </c>
      <c r="C4447" s="4" t="s">
        <v>22851</v>
      </c>
      <c r="E4447" s="4" t="s">
        <v>22852</v>
      </c>
      <c r="G4447" s="4" t="s">
        <v>22853</v>
      </c>
      <c r="H4447" s="4" t="s">
        <v>22854</v>
      </c>
      <c r="I4447" s="4" t="s">
        <v>22855</v>
      </c>
      <c r="K4447" s="4" t="s">
        <v>22856</v>
      </c>
    </row>
    <row r="4448" spans="1:11" ht="86.4" x14ac:dyDescent="0.3">
      <c r="A4448" s="1">
        <v>34251</v>
      </c>
      <c r="C4448" s="4" t="s">
        <v>22857</v>
      </c>
      <c r="D4448" s="4" t="s">
        <v>22858</v>
      </c>
      <c r="E4448" s="4" t="s">
        <v>22859</v>
      </c>
      <c r="F4448" s="4" t="s">
        <v>22860</v>
      </c>
      <c r="G4448" s="4" t="s">
        <v>22861</v>
      </c>
      <c r="K4448" s="4" t="s">
        <v>22862</v>
      </c>
    </row>
    <row r="4449" spans="1:11" ht="28.8" x14ac:dyDescent="0.3">
      <c r="A4449" s="1">
        <v>34276</v>
      </c>
      <c r="D4449" s="4" t="s">
        <v>22863</v>
      </c>
      <c r="E4449" s="4" t="s">
        <v>22864</v>
      </c>
      <c r="F4449" s="4" t="s">
        <v>22865</v>
      </c>
      <c r="G4449" s="4" t="s">
        <v>22866</v>
      </c>
      <c r="K4449" s="4" t="s">
        <v>22867</v>
      </c>
    </row>
    <row r="4450" spans="1:11" ht="72" x14ac:dyDescent="0.3">
      <c r="A4450" s="1">
        <v>34286</v>
      </c>
      <c r="C4450" s="4" t="s">
        <v>22868</v>
      </c>
      <c r="D4450" s="4" t="s">
        <v>22869</v>
      </c>
      <c r="F4450" s="4" t="s">
        <v>22870</v>
      </c>
      <c r="G4450" s="4" t="s">
        <v>22871</v>
      </c>
      <c r="H4450" s="4" t="s">
        <v>22872</v>
      </c>
    </row>
    <row r="4451" spans="1:11" ht="86.4" x14ac:dyDescent="0.3">
      <c r="A4451" s="1">
        <v>34291</v>
      </c>
      <c r="C4451" s="4" t="s">
        <v>22873</v>
      </c>
      <c r="D4451" s="4" t="s">
        <v>22874</v>
      </c>
      <c r="E4451" s="4" t="s">
        <v>22875</v>
      </c>
      <c r="I4451" s="4" t="s">
        <v>22876</v>
      </c>
    </row>
    <row r="4452" spans="1:11" ht="86.4" x14ac:dyDescent="0.3">
      <c r="A4452" s="1">
        <v>34296</v>
      </c>
      <c r="D4452" s="4" t="s">
        <v>22877</v>
      </c>
      <c r="E4452" s="4" t="s">
        <v>22878</v>
      </c>
      <c r="F4452" s="4" t="s">
        <v>22879</v>
      </c>
      <c r="G4452" s="4" t="s">
        <v>22880</v>
      </c>
      <c r="H4452" s="4" t="s">
        <v>22881</v>
      </c>
      <c r="I4452" s="4" t="s">
        <v>22882</v>
      </c>
      <c r="K4452" s="4" t="s">
        <v>22883</v>
      </c>
    </row>
    <row r="4453" spans="1:11" ht="43.2" x14ac:dyDescent="0.3">
      <c r="A4453" s="1">
        <v>34306</v>
      </c>
      <c r="B4453" s="1" t="s">
        <v>9681</v>
      </c>
      <c r="C4453" s="4" t="s">
        <v>22884</v>
      </c>
      <c r="D4453" s="4" t="s">
        <v>22885</v>
      </c>
      <c r="E4453" s="4" t="s">
        <v>22886</v>
      </c>
      <c r="G4453" s="4" t="s">
        <v>22887</v>
      </c>
      <c r="H4453" s="4" t="s">
        <v>22888</v>
      </c>
      <c r="J4453" s="4" t="s">
        <v>22889</v>
      </c>
      <c r="K4453" s="4" t="s">
        <v>22890</v>
      </c>
    </row>
    <row r="4454" spans="1:11" ht="72" x14ac:dyDescent="0.3">
      <c r="A4454" s="1">
        <v>34331</v>
      </c>
      <c r="C4454" s="4" t="s">
        <v>22891</v>
      </c>
      <c r="D4454" s="4" t="s">
        <v>22892</v>
      </c>
      <c r="E4454" s="4" t="s">
        <v>22893</v>
      </c>
      <c r="F4454" s="4" t="s">
        <v>22894</v>
      </c>
      <c r="G4454" s="4" t="s">
        <v>22895</v>
      </c>
      <c r="H4454" s="4" t="s">
        <v>22896</v>
      </c>
      <c r="I4454" s="4" t="s">
        <v>22897</v>
      </c>
      <c r="J4454" s="4" t="s">
        <v>22898</v>
      </c>
      <c r="K4454" s="4" t="s">
        <v>22899</v>
      </c>
    </row>
    <row r="4455" spans="1:11" ht="86.4" x14ac:dyDescent="0.3">
      <c r="A4455" s="1">
        <v>34341</v>
      </c>
      <c r="C4455" s="4" t="s">
        <v>22900</v>
      </c>
      <c r="D4455" s="4" t="s">
        <v>22901</v>
      </c>
      <c r="E4455" s="4" t="s">
        <v>22902</v>
      </c>
      <c r="F4455" s="4" t="s">
        <v>22903</v>
      </c>
      <c r="G4455" s="4" t="s">
        <v>22904</v>
      </c>
      <c r="H4455" s="4" t="s">
        <v>22904</v>
      </c>
      <c r="I4455" s="4" t="s">
        <v>22905</v>
      </c>
      <c r="K4455" s="4" t="s">
        <v>22906</v>
      </c>
    </row>
    <row r="4456" spans="1:11" ht="86.4" x14ac:dyDescent="0.3">
      <c r="A4456" s="1">
        <v>34346</v>
      </c>
      <c r="C4456" s="4" t="s">
        <v>22907</v>
      </c>
      <c r="D4456" s="4" t="s">
        <v>22908</v>
      </c>
      <c r="E4456" s="4" t="s">
        <v>22909</v>
      </c>
      <c r="F4456" s="4" t="s">
        <v>22910</v>
      </c>
      <c r="G4456" s="4" t="s">
        <v>22911</v>
      </c>
      <c r="H4456" s="4" t="s">
        <v>22912</v>
      </c>
      <c r="I4456" s="4" t="s">
        <v>22913</v>
      </c>
      <c r="K4456" s="4" t="s">
        <v>22914</v>
      </c>
    </row>
    <row r="4457" spans="1:11" x14ac:dyDescent="0.3">
      <c r="A4457" s="1">
        <v>34351</v>
      </c>
      <c r="C4457" s="4" t="s">
        <v>22915</v>
      </c>
      <c r="I4457" s="4" t="s">
        <v>22916</v>
      </c>
    </row>
    <row r="4458" spans="1:11" ht="72" x14ac:dyDescent="0.3">
      <c r="A4458" s="1">
        <v>34356</v>
      </c>
      <c r="C4458" s="4" t="s">
        <v>22917</v>
      </c>
      <c r="D4458" s="4" t="s">
        <v>22918</v>
      </c>
      <c r="E4458" s="4" t="s">
        <v>22919</v>
      </c>
      <c r="F4458" s="4" t="s">
        <v>2654</v>
      </c>
      <c r="G4458" s="4" t="s">
        <v>22920</v>
      </c>
      <c r="H4458" s="4" t="s">
        <v>22921</v>
      </c>
      <c r="K4458" s="4" t="s">
        <v>1650</v>
      </c>
    </row>
    <row r="4459" spans="1:11" ht="86.4" x14ac:dyDescent="0.3">
      <c r="A4459" s="1">
        <v>34366</v>
      </c>
      <c r="C4459" s="4" t="s">
        <v>22922</v>
      </c>
      <c r="D4459" s="4" t="s">
        <v>22923</v>
      </c>
      <c r="E4459" s="4" t="s">
        <v>22924</v>
      </c>
      <c r="G4459" s="4" t="s">
        <v>22925</v>
      </c>
      <c r="H4459" s="4" t="s">
        <v>22926</v>
      </c>
      <c r="I4459" s="4" t="s">
        <v>22927</v>
      </c>
      <c r="K4459" s="4" t="s">
        <v>22928</v>
      </c>
    </row>
    <row r="4460" spans="1:11" ht="57.6" x14ac:dyDescent="0.3">
      <c r="A4460" s="1">
        <v>34371</v>
      </c>
      <c r="C4460" s="4" t="s">
        <v>22929</v>
      </c>
      <c r="D4460" s="4" t="s">
        <v>22930</v>
      </c>
      <c r="E4460" s="4" t="s">
        <v>22931</v>
      </c>
      <c r="F4460" s="4" t="s">
        <v>6036</v>
      </c>
      <c r="H4460" s="4" t="s">
        <v>22932</v>
      </c>
      <c r="K4460" s="4" t="s">
        <v>22933</v>
      </c>
    </row>
    <row r="4461" spans="1:11" ht="72" x14ac:dyDescent="0.3">
      <c r="A4461" s="1">
        <v>34376</v>
      </c>
      <c r="C4461" s="4" t="s">
        <v>22934</v>
      </c>
      <c r="D4461" s="4" t="s">
        <v>22935</v>
      </c>
      <c r="E4461" s="4" t="s">
        <v>22936</v>
      </c>
      <c r="F4461" s="4" t="s">
        <v>22937</v>
      </c>
      <c r="G4461" s="4" t="s">
        <v>22938</v>
      </c>
      <c r="H4461" s="4" t="s">
        <v>22939</v>
      </c>
      <c r="I4461" s="4" t="s">
        <v>22940</v>
      </c>
      <c r="K4461" s="4" t="s">
        <v>22941</v>
      </c>
    </row>
    <row r="4462" spans="1:11" ht="86.4" x14ac:dyDescent="0.3">
      <c r="A4462" s="1">
        <v>34396</v>
      </c>
      <c r="C4462" s="4" t="s">
        <v>22942</v>
      </c>
      <c r="D4462" s="4" t="s">
        <v>22943</v>
      </c>
      <c r="E4462" s="4" t="s">
        <v>22944</v>
      </c>
      <c r="F4462" s="4" t="s">
        <v>22945</v>
      </c>
      <c r="G4462" s="4" t="s">
        <v>22946</v>
      </c>
      <c r="H4462" s="4" t="s">
        <v>22947</v>
      </c>
      <c r="J4462" s="4" t="s">
        <v>22948</v>
      </c>
    </row>
    <row r="4463" spans="1:11" ht="28.8" x14ac:dyDescent="0.3">
      <c r="A4463" s="1">
        <v>34411</v>
      </c>
      <c r="C4463" s="4" t="s">
        <v>22949</v>
      </c>
      <c r="D4463" s="4" t="s">
        <v>22950</v>
      </c>
      <c r="E4463" s="4" t="s">
        <v>22951</v>
      </c>
      <c r="F4463" s="4" t="s">
        <v>22952</v>
      </c>
      <c r="G4463" s="4" t="s">
        <v>22953</v>
      </c>
      <c r="H4463" s="4" t="s">
        <v>22954</v>
      </c>
      <c r="I4463" s="4" t="s">
        <v>22955</v>
      </c>
      <c r="K4463" s="4" t="s">
        <v>22956</v>
      </c>
    </row>
    <row r="4464" spans="1:11" ht="86.4" x14ac:dyDescent="0.3">
      <c r="A4464" s="1">
        <v>34416</v>
      </c>
      <c r="D4464" s="4" t="s">
        <v>22957</v>
      </c>
      <c r="E4464" s="4" t="s">
        <v>22958</v>
      </c>
      <c r="F4464" s="4" t="s">
        <v>22959</v>
      </c>
      <c r="G4464" s="4" t="s">
        <v>22960</v>
      </c>
      <c r="H4464" s="4" t="s">
        <v>22961</v>
      </c>
      <c r="I4464" s="4" t="s">
        <v>22962</v>
      </c>
      <c r="K4464" s="4" t="s">
        <v>22963</v>
      </c>
    </row>
    <row r="4465" spans="1:11" x14ac:dyDescent="0.3">
      <c r="A4465" s="1">
        <v>34421</v>
      </c>
    </row>
    <row r="4466" spans="1:11" x14ac:dyDescent="0.3">
      <c r="A4466" s="1">
        <v>34426</v>
      </c>
    </row>
    <row r="4467" spans="1:11" ht="57.6" x14ac:dyDescent="0.3">
      <c r="A4467" s="1">
        <v>34436</v>
      </c>
      <c r="C4467" s="4" t="s">
        <v>22964</v>
      </c>
      <c r="D4467" s="4" t="s">
        <v>22965</v>
      </c>
      <c r="F4467" s="4" t="s">
        <v>22966</v>
      </c>
      <c r="G4467" s="4" t="s">
        <v>22967</v>
      </c>
      <c r="H4467" s="4" t="s">
        <v>22968</v>
      </c>
      <c r="I4467" s="4" t="s">
        <v>22969</v>
      </c>
      <c r="K4467" s="4" t="s">
        <v>22970</v>
      </c>
    </row>
    <row r="4468" spans="1:11" ht="86.4" x14ac:dyDescent="0.3">
      <c r="A4468" s="1">
        <v>34441</v>
      </c>
      <c r="C4468" s="4" t="s">
        <v>22971</v>
      </c>
      <c r="D4468" s="4" t="s">
        <v>22972</v>
      </c>
      <c r="G4468" s="4" t="s">
        <v>22973</v>
      </c>
      <c r="H4468" s="4" t="s">
        <v>22974</v>
      </c>
      <c r="I4468" s="4" t="s">
        <v>22975</v>
      </c>
      <c r="K4468" s="4" t="s">
        <v>22976</v>
      </c>
    </row>
    <row r="4469" spans="1:11" ht="72" x14ac:dyDescent="0.3">
      <c r="A4469" s="1">
        <v>34446</v>
      </c>
      <c r="C4469" s="4" t="s">
        <v>22977</v>
      </c>
      <c r="D4469" s="4" t="s">
        <v>22978</v>
      </c>
      <c r="E4469" s="4" t="s">
        <v>22979</v>
      </c>
      <c r="F4469" s="4" t="s">
        <v>22979</v>
      </c>
      <c r="G4469" s="4" t="s">
        <v>22980</v>
      </c>
      <c r="H4469" s="4" t="s">
        <v>22981</v>
      </c>
    </row>
    <row r="4470" spans="1:11" x14ac:dyDescent="0.3">
      <c r="A4470" s="1">
        <v>34456</v>
      </c>
    </row>
    <row r="4471" spans="1:11" ht="43.2" x14ac:dyDescent="0.3">
      <c r="A4471" s="1">
        <v>34461</v>
      </c>
      <c r="C4471" s="4" t="s">
        <v>22982</v>
      </c>
      <c r="D4471" s="4" t="s">
        <v>2021</v>
      </c>
    </row>
    <row r="4472" spans="1:11" x14ac:dyDescent="0.3">
      <c r="A4472" s="1">
        <v>34471</v>
      </c>
    </row>
    <row r="4473" spans="1:11" ht="57.6" x14ac:dyDescent="0.3">
      <c r="A4473" s="1">
        <v>34476</v>
      </c>
      <c r="C4473" s="4" t="s">
        <v>22983</v>
      </c>
      <c r="D4473" s="4" t="s">
        <v>22984</v>
      </c>
      <c r="E4473" s="4" t="s">
        <v>22985</v>
      </c>
      <c r="H4473" s="4" t="s">
        <v>22986</v>
      </c>
      <c r="K4473" s="4" t="s">
        <v>22987</v>
      </c>
    </row>
    <row r="4474" spans="1:11" x14ac:dyDescent="0.3">
      <c r="A4474" s="1">
        <v>34491</v>
      </c>
    </row>
    <row r="4475" spans="1:11" ht="86.4" x14ac:dyDescent="0.3">
      <c r="A4475" s="1">
        <v>34496</v>
      </c>
      <c r="C4475" s="4" t="s">
        <v>22988</v>
      </c>
      <c r="D4475" s="4" t="s">
        <v>22989</v>
      </c>
      <c r="E4475" s="4" t="s">
        <v>22990</v>
      </c>
      <c r="F4475" s="4" t="s">
        <v>22991</v>
      </c>
      <c r="G4475" s="4" t="s">
        <v>22992</v>
      </c>
      <c r="H4475" s="4" t="s">
        <v>22993</v>
      </c>
      <c r="I4475" s="4" t="s">
        <v>22994</v>
      </c>
      <c r="K4475" s="4" t="s">
        <v>22995</v>
      </c>
    </row>
    <row r="4476" spans="1:11" ht="86.4" x14ac:dyDescent="0.3">
      <c r="A4476" s="1">
        <v>34511</v>
      </c>
      <c r="C4476" s="4" t="s">
        <v>22996</v>
      </c>
      <c r="D4476" s="4" t="s">
        <v>22997</v>
      </c>
      <c r="E4476" s="4" t="s">
        <v>22998</v>
      </c>
      <c r="F4476" s="4" t="s">
        <v>22999</v>
      </c>
      <c r="G4476" s="4" t="s">
        <v>23000</v>
      </c>
      <c r="H4476" s="4" t="s">
        <v>23001</v>
      </c>
      <c r="K4476" s="4" t="s">
        <v>23002</v>
      </c>
    </row>
    <row r="4477" spans="1:11" ht="28.8" x14ac:dyDescent="0.3">
      <c r="A4477" s="1">
        <v>34516</v>
      </c>
      <c r="C4477" s="4" t="s">
        <v>23003</v>
      </c>
      <c r="D4477" s="4" t="s">
        <v>23004</v>
      </c>
      <c r="E4477" s="4" t="s">
        <v>23005</v>
      </c>
    </row>
    <row r="4478" spans="1:11" ht="72" x14ac:dyDescent="0.3">
      <c r="A4478" s="1">
        <v>34521</v>
      </c>
      <c r="C4478" s="4" t="s">
        <v>23006</v>
      </c>
      <c r="D4478" s="4" t="s">
        <v>23007</v>
      </c>
      <c r="E4478" s="4" t="s">
        <v>23008</v>
      </c>
      <c r="F4478" s="4" t="s">
        <v>23009</v>
      </c>
      <c r="G4478" s="4" t="s">
        <v>23010</v>
      </c>
    </row>
    <row r="4479" spans="1:11" ht="72" x14ac:dyDescent="0.3">
      <c r="A4479" s="1">
        <v>34531</v>
      </c>
      <c r="C4479" s="4" t="s">
        <v>23011</v>
      </c>
      <c r="F4479" s="4" t="s">
        <v>23012</v>
      </c>
      <c r="G4479" s="4" t="s">
        <v>23013</v>
      </c>
      <c r="H4479" s="4" t="s">
        <v>23014</v>
      </c>
      <c r="K4479" s="4" t="s">
        <v>23015</v>
      </c>
    </row>
    <row r="4480" spans="1:11" ht="115.2" x14ac:dyDescent="0.3">
      <c r="A4480" s="1">
        <v>34536</v>
      </c>
      <c r="C4480" s="4" t="s">
        <v>23016</v>
      </c>
      <c r="G4480" s="4" t="s">
        <v>23017</v>
      </c>
      <c r="H4480" s="4" t="s">
        <v>23018</v>
      </c>
      <c r="K4480" s="4" t="s">
        <v>23019</v>
      </c>
    </row>
    <row r="4481" spans="1:11" ht="86.4" x14ac:dyDescent="0.3">
      <c r="A4481" s="1">
        <v>34541</v>
      </c>
      <c r="C4481" s="4" t="s">
        <v>23020</v>
      </c>
      <c r="D4481" s="4" t="s">
        <v>23021</v>
      </c>
      <c r="E4481" s="4" t="s">
        <v>23022</v>
      </c>
      <c r="F4481" s="4" t="s">
        <v>23023</v>
      </c>
      <c r="G4481" s="4" t="s">
        <v>23024</v>
      </c>
      <c r="H4481" s="4" t="s">
        <v>23025</v>
      </c>
    </row>
    <row r="4482" spans="1:11" ht="28.8" x14ac:dyDescent="0.3">
      <c r="A4482" s="1">
        <v>34546</v>
      </c>
      <c r="D4482" s="4" t="s">
        <v>23026</v>
      </c>
    </row>
    <row r="4483" spans="1:11" ht="43.2" x14ac:dyDescent="0.3">
      <c r="A4483" s="1">
        <v>34551</v>
      </c>
      <c r="C4483" s="4" t="s">
        <v>23027</v>
      </c>
      <c r="D4483" s="4" t="s">
        <v>23028</v>
      </c>
      <c r="E4483" s="4" t="s">
        <v>23029</v>
      </c>
      <c r="F4483" s="4" t="s">
        <v>23030</v>
      </c>
      <c r="G4483" s="4" t="s">
        <v>23031</v>
      </c>
      <c r="H4483" s="4" t="s">
        <v>23032</v>
      </c>
      <c r="I4483" s="4" t="s">
        <v>23033</v>
      </c>
      <c r="K4483" s="4" t="s">
        <v>23034</v>
      </c>
    </row>
    <row r="4484" spans="1:11" ht="72" x14ac:dyDescent="0.3">
      <c r="A4484" s="1">
        <v>34556</v>
      </c>
      <c r="C4484" s="4" t="s">
        <v>23035</v>
      </c>
      <c r="G4484" s="4" t="s">
        <v>23036</v>
      </c>
    </row>
    <row r="4485" spans="1:11" ht="86.4" x14ac:dyDescent="0.3">
      <c r="A4485" s="1">
        <v>34576</v>
      </c>
      <c r="C4485" s="4" t="s">
        <v>23037</v>
      </c>
      <c r="D4485" s="4" t="s">
        <v>23038</v>
      </c>
      <c r="E4485" s="4" t="s">
        <v>23039</v>
      </c>
      <c r="F4485" s="4" t="s">
        <v>23040</v>
      </c>
      <c r="G4485" s="4" t="s">
        <v>23041</v>
      </c>
      <c r="H4485" s="4" t="s">
        <v>23042</v>
      </c>
      <c r="J4485" s="4" t="s">
        <v>23043</v>
      </c>
      <c r="K4485" s="4" t="s">
        <v>23044</v>
      </c>
    </row>
    <row r="4486" spans="1:11" ht="28.8" x14ac:dyDescent="0.3">
      <c r="A4486" s="1">
        <v>34586</v>
      </c>
      <c r="D4486" s="4" t="s">
        <v>23045</v>
      </c>
      <c r="E4486" s="4" t="s">
        <v>23046</v>
      </c>
      <c r="F4486" s="4" t="s">
        <v>23047</v>
      </c>
    </row>
    <row r="4487" spans="1:11" ht="43.2" x14ac:dyDescent="0.3">
      <c r="A4487" s="1">
        <v>34591</v>
      </c>
      <c r="C4487" s="4" t="s">
        <v>23048</v>
      </c>
      <c r="D4487" s="4" t="s">
        <v>23049</v>
      </c>
      <c r="E4487" s="4" t="s">
        <v>23050</v>
      </c>
      <c r="F4487" s="4" t="s">
        <v>23051</v>
      </c>
      <c r="G4487" s="4" t="s">
        <v>23052</v>
      </c>
      <c r="H4487" s="4" t="s">
        <v>23053</v>
      </c>
      <c r="I4487" s="4" t="s">
        <v>23054</v>
      </c>
      <c r="K4487" s="4" t="s">
        <v>23055</v>
      </c>
    </row>
    <row r="4488" spans="1:11" ht="86.4" x14ac:dyDescent="0.3">
      <c r="A4488" s="1">
        <v>34596</v>
      </c>
      <c r="C4488" s="4" t="s">
        <v>23056</v>
      </c>
      <c r="D4488" s="4" t="s">
        <v>23057</v>
      </c>
      <c r="E4488" s="4" t="s">
        <v>23058</v>
      </c>
      <c r="F4488" s="4" t="s">
        <v>23059</v>
      </c>
      <c r="G4488" s="4" t="s">
        <v>23060</v>
      </c>
      <c r="H4488" s="4" t="s">
        <v>23061</v>
      </c>
      <c r="I4488" s="4" t="s">
        <v>23062</v>
      </c>
      <c r="J4488" s="4" t="s">
        <v>23063</v>
      </c>
      <c r="K4488" s="4" t="s">
        <v>23064</v>
      </c>
    </row>
    <row r="4489" spans="1:11" ht="43.2" x14ac:dyDescent="0.3">
      <c r="A4489" s="1">
        <v>34601</v>
      </c>
      <c r="C4489" s="4" t="s">
        <v>23065</v>
      </c>
      <c r="D4489" s="4" t="s">
        <v>23066</v>
      </c>
      <c r="E4489" s="4" t="s">
        <v>23067</v>
      </c>
      <c r="G4489" s="4" t="s">
        <v>23068</v>
      </c>
      <c r="H4489" s="4" t="s">
        <v>23069</v>
      </c>
    </row>
    <row r="4490" spans="1:11" ht="57.6" x14ac:dyDescent="0.3">
      <c r="A4490" s="1">
        <v>34606</v>
      </c>
      <c r="C4490" s="4" t="s">
        <v>23070</v>
      </c>
      <c r="D4490" s="4" t="s">
        <v>23071</v>
      </c>
      <c r="E4490" s="4" t="s">
        <v>23072</v>
      </c>
      <c r="F4490" s="4" t="s">
        <v>23073</v>
      </c>
      <c r="G4490" s="4" t="s">
        <v>23074</v>
      </c>
      <c r="H4490" s="4" t="s">
        <v>23075</v>
      </c>
      <c r="I4490" s="4" t="s">
        <v>23076</v>
      </c>
    </row>
    <row r="4491" spans="1:11" ht="43.2" x14ac:dyDescent="0.3">
      <c r="A4491" s="1">
        <v>34611</v>
      </c>
      <c r="C4491" s="4" t="s">
        <v>23077</v>
      </c>
      <c r="D4491" s="4" t="s">
        <v>23078</v>
      </c>
      <c r="E4491" s="4" t="s">
        <v>23079</v>
      </c>
      <c r="G4491" s="4" t="s">
        <v>23080</v>
      </c>
      <c r="I4491" s="4" t="s">
        <v>23081</v>
      </c>
      <c r="K4491" s="4" t="s">
        <v>23082</v>
      </c>
    </row>
    <row r="4492" spans="1:11" ht="86.4" x14ac:dyDescent="0.3">
      <c r="A4492" s="1">
        <v>34616</v>
      </c>
      <c r="C4492" s="4" t="s">
        <v>23083</v>
      </c>
      <c r="D4492" s="4" t="s">
        <v>23084</v>
      </c>
      <c r="E4492" s="4" t="s">
        <v>23085</v>
      </c>
      <c r="F4492" s="4" t="s">
        <v>23086</v>
      </c>
      <c r="G4492" s="4" t="s">
        <v>23087</v>
      </c>
      <c r="H4492" s="4" t="s">
        <v>23088</v>
      </c>
      <c r="I4492" s="4" t="s">
        <v>23089</v>
      </c>
      <c r="J4492" s="4" t="s">
        <v>23090</v>
      </c>
    </row>
  </sheetData>
  <sortState xmlns:xlrd2="http://schemas.microsoft.com/office/spreadsheetml/2017/richdata2" ref="A18:P4494">
    <sortCondition ref="A18:A4494"/>
  </sortState>
  <pageMargins left="0.7" right="0.7" top="0.75" bottom="0.75" header="0.3" footer="0.3"/>
  <pageSetup orientation="portrait" horizontalDpi="200" verticalDpi="2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20211106 Nov 6 Data Drop</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black</dc:creator>
  <cp:lastModifiedBy>Beckner, Celine EDUC:EX</cp:lastModifiedBy>
  <dcterms:created xsi:type="dcterms:W3CDTF">2021-12-03T01:00:07Z</dcterms:created>
  <dcterms:modified xsi:type="dcterms:W3CDTF">2021-12-13T23:26:20Z</dcterms:modified>
</cp:coreProperties>
</file>